
<file path=[Content_Types].xml><?xml version="1.0" encoding="utf-8"?>
<Types xmlns="http://schemas.openxmlformats.org/package/2006/content-types">
  <Default Extension="bin" ContentType="application/vnd.openxmlformats-officedocument.spreadsheetml.printerSettings"/>
  <Default Extension="emf" ContentType="image/x-emf"/>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kfs01\s0510\05安全管理G\01_家畜伝染病予防事業\14_定期報告・埋却地\11_県HP更新\"/>
    </mc:Choice>
  </mc:AlternateContent>
  <bookViews>
    <workbookView xWindow="-28920" yWindow="-120" windowWidth="29040" windowHeight="15840" tabRatio="896"/>
  </bookViews>
  <sheets>
    <sheet name="2(1)牛等" sheetId="26" r:id="rId1"/>
    <sheet name="2(2)豚等" sheetId="27" r:id="rId2"/>
    <sheet name="2(3)家きん" sheetId="28" r:id="rId3"/>
    <sheet name="2(4)馬" sheetId="29" r:id="rId4"/>
  </sheets>
  <externalReferences>
    <externalReference r:id="rId5"/>
    <externalReference r:id="rId6"/>
    <externalReference r:id="rId7"/>
    <externalReference r:id="rId8"/>
    <externalReference r:id="rId9"/>
  </externalReferences>
  <definedNames>
    <definedName name="___A65600" localSheetId="0">[1]ｸﾗｽﾓｼﾞｭｰﾙ仕様!#REF!</definedName>
    <definedName name="___A65600" localSheetId="1">[1]ｸﾗｽﾓｼﾞｭｰﾙ仕様!#REF!</definedName>
    <definedName name="___A65600" localSheetId="3">[1]ｸﾗｽﾓｼﾞｭｰﾙ仕様!#REF!</definedName>
    <definedName name="___A65600">[1]ｸﾗｽﾓｼﾞｭｰﾙ仕様!#REF!</definedName>
    <definedName name="___A66000" localSheetId="0">[1]ｸﾗｽﾓｼﾞｭｰﾙ仕様!#REF!</definedName>
    <definedName name="___A66000" localSheetId="1">[1]ｸﾗｽﾓｼﾞｭｰﾙ仕様!#REF!</definedName>
    <definedName name="___A66000" localSheetId="3">[1]ｸﾗｽﾓｼﾞｭｰﾙ仕様!#REF!</definedName>
    <definedName name="___A66000">[1]ｸﾗｽﾓｼﾞｭｰﾙ仕様!#REF!</definedName>
    <definedName name="___A70000">[1]ｸﾗｽﾓｼﾞｭｰﾙ仕様!#REF!</definedName>
    <definedName name="___A80000">[1]ｸﾗｽﾓｼﾞｭｰﾙ仕様!#REF!</definedName>
    <definedName name="___A90000">[1]ｸﾗｽﾓｼﾞｭｰﾙ仕様!#REF!</definedName>
    <definedName name="___A99999">[1]ｸﾗｽﾓｼﾞｭｰﾙ仕様!#REF!</definedName>
    <definedName name="___xlnm.Print_Area_1" localSheetId="0">#REF!</definedName>
    <definedName name="___xlnm.Print_Area_1" localSheetId="1">#REF!</definedName>
    <definedName name="___xlnm.Print_Area_1" localSheetId="2">#REF!</definedName>
    <definedName name="___xlnm.Print_Area_1" localSheetId="3">#REF!</definedName>
    <definedName name="___xlnm.Print_Area_1">#REF!</definedName>
    <definedName name="__A65600" localSheetId="0">[1]ｸﾗｽﾓｼﾞｭｰﾙ仕様!#REF!</definedName>
    <definedName name="__A65600" localSheetId="1">[1]ｸﾗｽﾓｼﾞｭｰﾙ仕様!#REF!</definedName>
    <definedName name="__A65600" localSheetId="2">[1]ｸﾗｽﾓｼﾞｭｰﾙ仕様!#REF!</definedName>
    <definedName name="__A65600" localSheetId="3">[1]ｸﾗｽﾓｼﾞｭｰﾙ仕様!#REF!</definedName>
    <definedName name="__A65600">[1]ｸﾗｽﾓｼﾞｭｰﾙ仕様!#REF!</definedName>
    <definedName name="__A66000" localSheetId="0">[1]ｸﾗｽﾓｼﾞｭｰﾙ仕様!#REF!</definedName>
    <definedName name="__A66000" localSheetId="1">[1]ｸﾗｽﾓｼﾞｭｰﾙ仕様!#REF!</definedName>
    <definedName name="__A66000" localSheetId="2">[1]ｸﾗｽﾓｼﾞｭｰﾙ仕様!#REF!</definedName>
    <definedName name="__A66000" localSheetId="3">[1]ｸﾗｽﾓｼﾞｭｰﾙ仕様!#REF!</definedName>
    <definedName name="__A66000">[1]ｸﾗｽﾓｼﾞｭｰﾙ仕様!#REF!</definedName>
    <definedName name="__A70000" localSheetId="0">[1]ｸﾗｽﾓｼﾞｭｰﾙ仕様!#REF!</definedName>
    <definedName name="__A70000" localSheetId="1">[1]ｸﾗｽﾓｼﾞｭｰﾙ仕様!#REF!</definedName>
    <definedName name="__A70000" localSheetId="2">[1]ｸﾗｽﾓｼﾞｭｰﾙ仕様!#REF!</definedName>
    <definedName name="__A70000" localSheetId="3">[1]ｸﾗｽﾓｼﾞｭｰﾙ仕様!#REF!</definedName>
    <definedName name="__A70000">[1]ｸﾗｽﾓｼﾞｭｰﾙ仕様!#REF!</definedName>
    <definedName name="__A80000" localSheetId="0">[1]ｸﾗｽﾓｼﾞｭｰﾙ仕様!#REF!</definedName>
    <definedName name="__A80000" localSheetId="1">[1]ｸﾗｽﾓｼﾞｭｰﾙ仕様!#REF!</definedName>
    <definedName name="__A80000" localSheetId="2">[1]ｸﾗｽﾓｼﾞｭｰﾙ仕様!#REF!</definedName>
    <definedName name="__A80000" localSheetId="3">[1]ｸﾗｽﾓｼﾞｭｰﾙ仕様!#REF!</definedName>
    <definedName name="__A80000">[1]ｸﾗｽﾓｼﾞｭｰﾙ仕様!#REF!</definedName>
    <definedName name="__A90000">[1]ｸﾗｽﾓｼﾞｭｰﾙ仕様!#REF!</definedName>
    <definedName name="__A99999">[1]ｸﾗｽﾓｼﾞｭｰﾙ仕様!#REF!</definedName>
    <definedName name="__xlnm.Print_Area_1" localSheetId="0">#REF!</definedName>
    <definedName name="__xlnm.Print_Area_1" localSheetId="1">#REF!</definedName>
    <definedName name="__xlnm.Print_Area_1" localSheetId="2">#REF!</definedName>
    <definedName name="__xlnm.Print_Area_1" localSheetId="3">#REF!</definedName>
    <definedName name="__xlnm.Print_Area_1">#REF!</definedName>
    <definedName name="_13" localSheetId="0" hidden="1">#REF!</definedName>
    <definedName name="_13" localSheetId="1" hidden="1">#REF!</definedName>
    <definedName name="_13" localSheetId="2" hidden="1">#REF!</definedName>
    <definedName name="_13" localSheetId="3" hidden="1">#REF!</definedName>
    <definedName name="_13" hidden="1">#REF!</definedName>
    <definedName name="_14" localSheetId="0" hidden="1">#REF!</definedName>
    <definedName name="_14" localSheetId="1" hidden="1">#REF!</definedName>
    <definedName name="_14" localSheetId="2" hidden="1">#REF!</definedName>
    <definedName name="_14" localSheetId="3" hidden="1">#REF!</definedName>
    <definedName name="_14" hidden="1">#REF!</definedName>
    <definedName name="_4" localSheetId="0" hidden="1">#REF!</definedName>
    <definedName name="_4" localSheetId="1" hidden="1">#REF!</definedName>
    <definedName name="_4" localSheetId="2" hidden="1">#REF!</definedName>
    <definedName name="_4" localSheetId="3" hidden="1">#REF!</definedName>
    <definedName name="_4" hidden="1">#REF!</definedName>
    <definedName name="_A65600">[1]ｸﾗｽﾓｼﾞｭｰﾙ仕様!#REF!</definedName>
    <definedName name="_A66000">[1]ｸﾗｽﾓｼﾞｭｰﾙ仕様!#REF!</definedName>
    <definedName name="_A70000">[1]ｸﾗｽﾓｼﾞｭｰﾙ仕様!#REF!</definedName>
    <definedName name="_A80000">[1]ｸﾗｽﾓｼﾞｭｰﾙ仕様!#REF!</definedName>
    <definedName name="_A90000">[1]ｸﾗｽﾓｼﾞｭｰﾙ仕様!#REF!</definedName>
    <definedName name="_A99999">[1]ｸﾗｽﾓｼﾞｭｰﾙ仕様!#REF!</definedName>
    <definedName name="_Regression_X" localSheetId="0" hidden="1">#REF!</definedName>
    <definedName name="_Regression_X" localSheetId="1" hidden="1">#REF!</definedName>
    <definedName name="_Regression_X" localSheetId="2" hidden="1">#REF!</definedName>
    <definedName name="_Regression_X" localSheetId="3" hidden="1">#REF!</definedName>
    <definedName name="_Regression_X" hidden="1">#REF!</definedName>
    <definedName name="_Regression_X12" localSheetId="0" hidden="1">#REF!</definedName>
    <definedName name="_Regression_X12" localSheetId="1" hidden="1">#REF!</definedName>
    <definedName name="_Regression_X12" localSheetId="2" hidden="1">#REF!</definedName>
    <definedName name="_Regression_X12" localSheetId="3" hidden="1">#REF!</definedName>
    <definedName name="_Regression_X12" hidden="1">#REF!</definedName>
    <definedName name="_Regression_X14" localSheetId="0" hidden="1">#REF!</definedName>
    <definedName name="_Regression_X14" localSheetId="1" hidden="1">#REF!</definedName>
    <definedName name="_Regression_X14" localSheetId="2" hidden="1">#REF!</definedName>
    <definedName name="_Regression_X14" localSheetId="3" hidden="1">#REF!</definedName>
    <definedName name="_Regression_X14" hidden="1">#REF!</definedName>
    <definedName name="a" localSheetId="0">#REF!</definedName>
    <definedName name="a" localSheetId="1">#REF!</definedName>
    <definedName name="a" localSheetId="2">#REF!</definedName>
    <definedName name="a" localSheetId="3">#REF!</definedName>
    <definedName name="a">#REF!</definedName>
    <definedName name="aa" localSheetId="0" hidden="1">{"'旅費精算ＤＴ２'!$A$1:$N$40"}</definedName>
    <definedName name="aa" localSheetId="1" hidden="1">{"'旅費精算ＤＴ２'!$A$1:$N$40"}</definedName>
    <definedName name="aa" localSheetId="2" hidden="1">{"'旅費精算ＤＴ２'!$A$1:$N$40"}</definedName>
    <definedName name="aa" localSheetId="3" hidden="1">{"'旅費精算ＤＴ２'!$A$1:$N$40"}</definedName>
    <definedName name="aa" hidden="1">{"'旅費精算ＤＴ２'!$A$1:$N$40"}</definedName>
    <definedName name="aaa" localSheetId="0" hidden="1">{"'旅費精算ＤＴ２'!$A$1:$N$40"}</definedName>
    <definedName name="aaa" localSheetId="1" hidden="1">{"'旅費精算ＤＴ２'!$A$1:$N$40"}</definedName>
    <definedName name="aaa" localSheetId="2" hidden="1">{"'旅費精算ＤＴ２'!$A$1:$N$40"}</definedName>
    <definedName name="aaa" localSheetId="3" hidden="1">{"'旅費精算ＤＴ２'!$A$1:$N$40"}</definedName>
    <definedName name="aaa" hidden="1">{"'旅費精算ＤＴ２'!$A$1:$N$40"}</definedName>
    <definedName name="AAAA" localSheetId="0" hidden="1">{"'旅費精算ＤＴ２'!$A$1:$N$40"}</definedName>
    <definedName name="AAAA" localSheetId="1" hidden="1">{"'旅費精算ＤＴ２'!$A$1:$N$40"}</definedName>
    <definedName name="AAAA" localSheetId="2" hidden="1">{"'旅費精算ＤＴ２'!$A$1:$N$40"}</definedName>
    <definedName name="AAAA" localSheetId="3" hidden="1">{"'旅費精算ＤＴ２'!$A$1:$N$40"}</definedName>
    <definedName name="AAAA" hidden="1">{"'旅費精算ＤＴ２'!$A$1:$N$40"}</definedName>
    <definedName name="b" localSheetId="0">#REF!</definedName>
    <definedName name="b" localSheetId="1">#REF!</definedName>
    <definedName name="b" localSheetId="2">#REF!</definedName>
    <definedName name="b" localSheetId="3">#REF!</definedName>
    <definedName name="b">#REF!</definedName>
    <definedName name="bb" localSheetId="0" hidden="1">{"'旅費精算ＤＴ２'!$A$1:$N$40"}</definedName>
    <definedName name="bb" localSheetId="1" hidden="1">{"'旅費精算ＤＴ２'!$A$1:$N$40"}</definedName>
    <definedName name="bb" localSheetId="2" hidden="1">{"'旅費精算ＤＴ２'!$A$1:$N$40"}</definedName>
    <definedName name="bb" localSheetId="3" hidden="1">{"'旅費精算ＤＴ２'!$A$1:$N$40"}</definedName>
    <definedName name="bb" hidden="1">{"'旅費精算ＤＴ２'!$A$1:$N$40"}</definedName>
    <definedName name="cc" localSheetId="0" hidden="1">{"'旅費精算ＤＴ２'!$A$1:$N$40"}</definedName>
    <definedName name="cc" localSheetId="1" hidden="1">{"'旅費精算ＤＴ２'!$A$1:$N$40"}</definedName>
    <definedName name="cc" localSheetId="2" hidden="1">{"'旅費精算ＤＴ２'!$A$1:$N$40"}</definedName>
    <definedName name="cc" localSheetId="3" hidden="1">{"'旅費精算ＤＴ２'!$A$1:$N$40"}</definedName>
    <definedName name="cc" hidden="1">{"'旅費精算ＤＴ２'!$A$1:$N$40"}</definedName>
    <definedName name="_xlnm.Database">[2]PR!#REF!</definedName>
    <definedName name="Database12">[2]PR!#REF!</definedName>
    <definedName name="dd" localSheetId="0" hidden="1">{"'旅費精算ＤＴ２'!$A$1:$N$40"}</definedName>
    <definedName name="dd" localSheetId="1" hidden="1">{"'旅費精算ＤＴ２'!$A$1:$N$40"}</definedName>
    <definedName name="dd" localSheetId="2" hidden="1">{"'旅費精算ＤＴ２'!$A$1:$N$40"}</definedName>
    <definedName name="dd" localSheetId="3" hidden="1">{"'旅費精算ＤＴ２'!$A$1:$N$40"}</definedName>
    <definedName name="dd" hidden="1">{"'旅費精算ＤＴ２'!$A$1:$N$40"}</definedName>
    <definedName name="ddd" localSheetId="0" hidden="1">#REF!</definedName>
    <definedName name="ddd" localSheetId="1" hidden="1">#REF!</definedName>
    <definedName name="ddd" localSheetId="2" hidden="1">#REF!</definedName>
    <definedName name="ddd" localSheetId="3" hidden="1">#REF!</definedName>
    <definedName name="ddd" hidden="1">#REF!</definedName>
    <definedName name="GKJ98010_0" localSheetId="0">#REF!</definedName>
    <definedName name="GKJ98010_0" localSheetId="1">#REF!</definedName>
    <definedName name="GKJ98010_0" localSheetId="2">#REF!</definedName>
    <definedName name="GKJ98010_0" localSheetId="3">#REF!</definedName>
    <definedName name="GKJ98010_0">#REF!</definedName>
    <definedName name="GKJ98010_1" localSheetId="0">#REF!</definedName>
    <definedName name="GKJ98010_1" localSheetId="1">#REF!</definedName>
    <definedName name="GKJ98010_1" localSheetId="2">#REF!</definedName>
    <definedName name="GKJ98010_1" localSheetId="3">#REF!</definedName>
    <definedName name="GKJ98010_1">#REF!</definedName>
    <definedName name="GKJ98020_0" localSheetId="0">#REF!</definedName>
    <definedName name="GKJ98020_0" localSheetId="1">#REF!</definedName>
    <definedName name="GKJ98020_0" localSheetId="2">#REF!</definedName>
    <definedName name="GKJ98020_0" localSheetId="3">#REF!</definedName>
    <definedName name="GKJ98020_0">#REF!</definedName>
    <definedName name="GKJ98020_00" localSheetId="0">#REF!</definedName>
    <definedName name="GKJ98020_00" localSheetId="1">#REF!</definedName>
    <definedName name="GKJ98020_00" localSheetId="2">#REF!</definedName>
    <definedName name="GKJ98020_00" localSheetId="3">#REF!</definedName>
    <definedName name="GKJ98020_00">#REF!</definedName>
    <definedName name="GKJ98020_1" localSheetId="0">#REF!</definedName>
    <definedName name="GKJ98020_1" localSheetId="1">#REF!</definedName>
    <definedName name="GKJ98020_1" localSheetId="2">#REF!</definedName>
    <definedName name="GKJ98020_1" localSheetId="3">#REF!</definedName>
    <definedName name="GKJ98020_1">#REF!</definedName>
    <definedName name="GKJ98020_2" localSheetId="0">#REF!</definedName>
    <definedName name="GKJ98020_2" localSheetId="1">#REF!</definedName>
    <definedName name="GKJ98020_2" localSheetId="2">#REF!</definedName>
    <definedName name="GKJ98020_2" localSheetId="3">#REF!</definedName>
    <definedName name="GKJ98020_2">#REF!</definedName>
    <definedName name="GKJ98021_00" localSheetId="0">#REF!</definedName>
    <definedName name="GKJ98021_00" localSheetId="1">#REF!</definedName>
    <definedName name="GKJ98021_00" localSheetId="2">#REF!</definedName>
    <definedName name="GKJ98021_00" localSheetId="3">#REF!</definedName>
    <definedName name="GKJ98021_00">#REF!</definedName>
    <definedName name="GKJ98090_0" localSheetId="0">#REF!</definedName>
    <definedName name="GKJ98090_0" localSheetId="1">#REF!</definedName>
    <definedName name="GKJ98090_0" localSheetId="2">#REF!</definedName>
    <definedName name="GKJ98090_0" localSheetId="3">#REF!</definedName>
    <definedName name="GKJ98090_0">#REF!</definedName>
    <definedName name="GKJ98090_1" localSheetId="0">#REF!</definedName>
    <definedName name="GKJ98090_1" localSheetId="1">#REF!</definedName>
    <definedName name="GKJ98090_1" localSheetId="2">#REF!</definedName>
    <definedName name="GKJ98090_1" localSheetId="3">#REF!</definedName>
    <definedName name="GKJ98090_1">#REF!</definedName>
    <definedName name="GKJ98090_2" localSheetId="0">#REF!</definedName>
    <definedName name="GKJ98090_2" localSheetId="1">#REF!</definedName>
    <definedName name="GKJ98090_2" localSheetId="2">#REF!</definedName>
    <definedName name="GKJ98090_2" localSheetId="3">#REF!</definedName>
    <definedName name="GKJ98090_2">#REF!</definedName>
    <definedName name="GKJ98090_3" localSheetId="0">#REF!</definedName>
    <definedName name="GKJ98090_3" localSheetId="1">#REF!</definedName>
    <definedName name="GKJ98090_3" localSheetId="2">#REF!</definedName>
    <definedName name="GKJ98090_3" localSheetId="3">#REF!</definedName>
    <definedName name="GKJ98090_3">#REF!</definedName>
    <definedName name="GKJ98090_99" localSheetId="0">#REF!</definedName>
    <definedName name="GKJ98090_99" localSheetId="1">#REF!</definedName>
    <definedName name="GKJ98090_99" localSheetId="2">#REF!</definedName>
    <definedName name="GKJ98090_99" localSheetId="3">#REF!</definedName>
    <definedName name="GKJ98090_99">#REF!</definedName>
    <definedName name="HTML_CodePage" hidden="1">932</definedName>
    <definedName name="HTML_Control" localSheetId="0" hidden="1">{"'旅費精算ＤＴ２'!$A$1:$N$40"}</definedName>
    <definedName name="HTML_Control" localSheetId="1" hidden="1">{"'旅費精算ＤＴ２'!$A$1:$N$40"}</definedName>
    <definedName name="HTML_Control" localSheetId="2" hidden="1">{"'旅費精算ＤＴ２'!$A$1:$N$40"}</definedName>
    <definedName name="HTML_Control" localSheetId="3" hidden="1">{"'旅費精算ＤＴ２'!$A$1:$N$40"}</definedName>
    <definedName name="HTML_Control" hidden="1">{"'旅費精算ＤＴ２'!$A$1:$N$40"}</definedName>
    <definedName name="HTML_Description" hidden="1">""</definedName>
    <definedName name="HTML_Email" hidden="1">"kazu@mom.co.jp"</definedName>
    <definedName name="HTML_Header" hidden="1">"旅費精算ＤＴ２"</definedName>
    <definedName name="HTML_LastUpdate" hidden="1">"98/11/20"</definedName>
    <definedName name="HTML_LineAfter" hidden="1">TRUE</definedName>
    <definedName name="HTML_LineBefore" hidden="1">TRUE</definedName>
    <definedName name="HTML_Name" hidden="1">"杉山一雅"</definedName>
    <definedName name="HTML_OBDlg2" hidden="1">TRUE</definedName>
    <definedName name="HTML_OBDlg4" hidden="1">TRUE</definedName>
    <definedName name="HTML_OS" hidden="1">0</definedName>
    <definedName name="HTML_PathFile" hidden="1">"C:\My Documents\test.htm"</definedName>
    <definedName name="HTML_Title" hidden="1">"データベース設計書"</definedName>
    <definedName name="l" localSheetId="0" hidden="1">{"'旅費精算ＤＴ２'!$A$1:$N$40"}</definedName>
    <definedName name="l" localSheetId="1" hidden="1">{"'旅費精算ＤＴ２'!$A$1:$N$40"}</definedName>
    <definedName name="l" localSheetId="2" hidden="1">{"'旅費精算ＤＴ２'!$A$1:$N$40"}</definedName>
    <definedName name="l" localSheetId="3" hidden="1">{"'旅費精算ＤＴ２'!$A$1:$N$40"}</definedName>
    <definedName name="l" hidden="1">{"'旅費精算ＤＴ２'!$A$1:$N$40"}</definedName>
    <definedName name="Print" localSheetId="0">#REF!</definedName>
    <definedName name="Print" localSheetId="1">#REF!</definedName>
    <definedName name="Print" localSheetId="2">#REF!</definedName>
    <definedName name="Print" localSheetId="3">#REF!</definedName>
    <definedName name="Print">#REF!</definedName>
    <definedName name="_xlnm.Print_Area" localSheetId="0">'2(1)牛等'!$A$1:$S$348</definedName>
    <definedName name="_xlnm.Print_Area" localSheetId="1">'2(2)豚等'!$A$1:$S$463</definedName>
    <definedName name="_xlnm.Print_Area" localSheetId="2">'2(3)家きん'!$A$1:$S$378</definedName>
    <definedName name="_xlnm.Print_Area" localSheetId="3">'2(4)馬'!$A$1:$S$262</definedName>
    <definedName name="_xlnm.Print_Area">#REF!</definedName>
    <definedName name="PRINT_AREA_MI" localSheetId="0">#REF!</definedName>
    <definedName name="PRINT_AREA_MI" localSheetId="1">#REF!</definedName>
    <definedName name="PRINT_AREA_MI" localSheetId="2">#REF!</definedName>
    <definedName name="PRINT_AREA_MI" localSheetId="3">#REF!</definedName>
    <definedName name="PRINT_AREA_MI">#REF!</definedName>
    <definedName name="Print_Area12" localSheetId="0">#REF!</definedName>
    <definedName name="Print_Area12" localSheetId="1">#REF!</definedName>
    <definedName name="Print_Area12" localSheetId="2">#REF!</definedName>
    <definedName name="Print_Area12" localSheetId="3">#REF!</definedName>
    <definedName name="Print_Area12">#REF!</definedName>
    <definedName name="Print_Area13" localSheetId="0">#REF!</definedName>
    <definedName name="Print_Area13" localSheetId="1">#REF!</definedName>
    <definedName name="Print_Area13" localSheetId="2">#REF!</definedName>
    <definedName name="Print_Area13" localSheetId="3">#REF!</definedName>
    <definedName name="Print_Area13">#REF!</definedName>
    <definedName name="Print_Area14" localSheetId="0">#REF!</definedName>
    <definedName name="Print_Area14" localSheetId="1">#REF!</definedName>
    <definedName name="Print_Area14" localSheetId="2">#REF!</definedName>
    <definedName name="Print_Area14" localSheetId="3">#REF!</definedName>
    <definedName name="Print_Area14">#REF!</definedName>
    <definedName name="Print_Area2" localSheetId="0">#REF!</definedName>
    <definedName name="Print_Area2" localSheetId="1">#REF!</definedName>
    <definedName name="Print_Area2" localSheetId="2">#REF!</definedName>
    <definedName name="Print_Area2" localSheetId="3">#REF!</definedName>
    <definedName name="Print_Area2">#REF!</definedName>
    <definedName name="qq" localSheetId="0" hidden="1">{"'旅費精算ＤＴ２'!$A$1:$N$40"}</definedName>
    <definedName name="qq" localSheetId="1" hidden="1">{"'旅費精算ＤＴ２'!$A$1:$N$40"}</definedName>
    <definedName name="qq" localSheetId="2" hidden="1">{"'旅費精算ＤＴ２'!$A$1:$N$40"}</definedName>
    <definedName name="qq" localSheetId="3" hidden="1">{"'旅費精算ＤＴ２'!$A$1:$N$40"}</definedName>
    <definedName name="qq" hidden="1">{"'旅費精算ＤＴ２'!$A$1:$N$40"}</definedName>
    <definedName name="StartCell">'[3]D2-02サンプル　画面定義書(データ項目定義書)'!#REF!</definedName>
    <definedName name="Validate実装パターン">[4]config!$A$5:$A$6</definedName>
    <definedName name="wrn.すべて印刷." localSheetId="0" hidden="1">{#N/A,#N/A,FALSE,"１）背景";#N/A,#N/A,FALSE,"２）前提事項";#N/A,#N/A,FALSE,"３）優先順位";#N/A,#N/A,FALSE,"４）改善サマリー";#N/A,#N/A,FALSE,"５）懸念-1";#N/A,#N/A,FALSE,"５）懸念-2";#N/A,#N/A,FALSE,"５）懸念-3";#N/A,#N/A,FALSE,"５）懸念-4";#N/A,#N/A,FALSE,"６）組織図";#N/A,#N/A,FALSE,"６）スケジュール"}</definedName>
    <definedName name="wrn.すべて印刷." localSheetId="1" hidden="1">{#N/A,#N/A,FALSE,"１）背景";#N/A,#N/A,FALSE,"２）前提事項";#N/A,#N/A,FALSE,"３）優先順位";#N/A,#N/A,FALSE,"４）改善サマリー";#N/A,#N/A,FALSE,"５）懸念-1";#N/A,#N/A,FALSE,"５）懸念-2";#N/A,#N/A,FALSE,"５）懸念-3";#N/A,#N/A,FALSE,"５）懸念-4";#N/A,#N/A,FALSE,"６）組織図";#N/A,#N/A,FALSE,"６）スケジュール"}</definedName>
    <definedName name="wrn.すべて印刷." localSheetId="2" hidden="1">{#N/A,#N/A,FALSE,"１）背景";#N/A,#N/A,FALSE,"２）前提事項";#N/A,#N/A,FALSE,"３）優先順位";#N/A,#N/A,FALSE,"４）改善サマリー";#N/A,#N/A,FALSE,"５）懸念-1";#N/A,#N/A,FALSE,"５）懸念-2";#N/A,#N/A,FALSE,"５）懸念-3";#N/A,#N/A,FALSE,"５）懸念-4";#N/A,#N/A,FALSE,"６）組織図";#N/A,#N/A,FALSE,"６）スケジュール"}</definedName>
    <definedName name="wrn.すべて印刷." localSheetId="3" hidden="1">{#N/A,#N/A,FALSE,"１）背景";#N/A,#N/A,FALSE,"２）前提事項";#N/A,#N/A,FALSE,"３）優先順位";#N/A,#N/A,FALSE,"４）改善サマリー";#N/A,#N/A,FALSE,"５）懸念-1";#N/A,#N/A,FALSE,"５）懸念-2";#N/A,#N/A,FALSE,"５）懸念-3";#N/A,#N/A,FALSE,"５）懸念-4";#N/A,#N/A,FALSE,"６）組織図";#N/A,#N/A,FALSE,"６）スケジュール"}</definedName>
    <definedName name="wrn.すべて印刷." hidden="1">{#N/A,#N/A,FALSE,"１）背景";#N/A,#N/A,FALSE,"２）前提事項";#N/A,#N/A,FALSE,"３）優先順位";#N/A,#N/A,FALSE,"４）改善サマリー";#N/A,#N/A,FALSE,"５）懸念-1";#N/A,#N/A,FALSE,"５）懸念-2";#N/A,#N/A,FALSE,"５）懸念-3";#N/A,#N/A,FALSE,"５）懸念-4";#N/A,#N/A,FALSE,"６）組織図";#N/A,#N/A,FALSE,"６）スケジュール"}</definedName>
    <definedName name="あ" localSheetId="0">#REF!</definedName>
    <definedName name="あ" localSheetId="1">#REF!</definedName>
    <definedName name="あ" localSheetId="2">#REF!</definedName>
    <definedName name="あ" localSheetId="3">#REF!</definedName>
    <definedName name="あ">#REF!</definedName>
    <definedName name="あああ" localSheetId="0" hidden="1">#REF!</definedName>
    <definedName name="あああ" localSheetId="1" hidden="1">#REF!</definedName>
    <definedName name="あああ" localSheetId="2" hidden="1">#REF!</definedName>
    <definedName name="あああ" localSheetId="3" hidden="1">#REF!</definedName>
    <definedName name="あああ" hidden="1">#REF!</definedName>
    <definedName name="あせｒｔっｙ" localSheetId="0" hidden="1">#REF!</definedName>
    <definedName name="あせｒｔっｙ" localSheetId="1" hidden="1">#REF!</definedName>
    <definedName name="あせｒｔっｙ" localSheetId="2" hidden="1">#REF!</definedName>
    <definedName name="あせｒｔっｙ" localSheetId="3" hidden="1">#REF!</definedName>
    <definedName name="あせｒｔっｙ" hidden="1">#REF!</definedName>
    <definedName name="い" localSheetId="0">#REF!</definedName>
    <definedName name="い" localSheetId="1">#REF!</definedName>
    <definedName name="い" localSheetId="2">#REF!</definedName>
    <definedName name="い" localSheetId="3">#REF!</definedName>
    <definedName name="い">#REF!</definedName>
    <definedName name="う" localSheetId="0">#REF!</definedName>
    <definedName name="う" localSheetId="1">#REF!</definedName>
    <definedName name="う" localSheetId="2">#REF!</definedName>
    <definedName name="う" localSheetId="3">#REF!</definedName>
    <definedName name="う">#REF!</definedName>
    <definedName name="え" localSheetId="0">#REF!</definedName>
    <definedName name="え" localSheetId="1">#REF!</definedName>
    <definedName name="え" localSheetId="2">#REF!</definedName>
    <definedName name="え" localSheetId="3">#REF!</definedName>
    <definedName name="え">#REF!</definedName>
    <definedName name="お" localSheetId="0">#REF!</definedName>
    <definedName name="お" localSheetId="1">#REF!</definedName>
    <definedName name="お" localSheetId="2">#REF!</definedName>
    <definedName name="お" localSheetId="3">#REF!</definedName>
    <definedName name="お">#REF!</definedName>
    <definedName name="か" localSheetId="0">#REF!</definedName>
    <definedName name="か" localSheetId="1">#REF!</definedName>
    <definedName name="か" localSheetId="2">#REF!</definedName>
    <definedName name="か" localSheetId="3">#REF!</definedName>
    <definedName name="か">#REF!</definedName>
    <definedName name="き" localSheetId="0">#REF!</definedName>
    <definedName name="き" localSheetId="1">#REF!</definedName>
    <definedName name="き" localSheetId="2">#REF!</definedName>
    <definedName name="き" localSheetId="3">#REF!</definedName>
    <definedName name="き">#REF!</definedName>
    <definedName name="く" localSheetId="0">#REF!</definedName>
    <definedName name="く" localSheetId="1">#REF!</definedName>
    <definedName name="く" localSheetId="2">#REF!</definedName>
    <definedName name="く" localSheetId="3">#REF!</definedName>
    <definedName name="く">#REF!</definedName>
    <definedName name="け" localSheetId="0">#REF!</definedName>
    <definedName name="け" localSheetId="1">#REF!</definedName>
    <definedName name="け" localSheetId="2">#REF!</definedName>
    <definedName name="け" localSheetId="3">#REF!</definedName>
    <definedName name="け">#REF!</definedName>
    <definedName name="データ形式">[5]定義!$B$2:$B$7</definedName>
    <definedName name="ファクタリング債権残高明細" localSheetId="0" hidden="1">{"'旅費精算ＤＴ２'!$A$1:$N$40"}</definedName>
    <definedName name="ファクタリング債権残高明細" localSheetId="1" hidden="1">{"'旅費精算ＤＴ２'!$A$1:$N$40"}</definedName>
    <definedName name="ファクタリング債権残高明細" localSheetId="2" hidden="1">{"'旅費精算ＤＴ２'!$A$1:$N$40"}</definedName>
    <definedName name="ファクタリング債権残高明細" localSheetId="3" hidden="1">{"'旅費精算ＤＴ２'!$A$1:$N$40"}</definedName>
    <definedName name="ファクタリング債権残高明細" hidden="1">{"'旅費精算ＤＴ２'!$A$1:$N$40"}</definedName>
    <definedName name="仮" localSheetId="0">#REF!</definedName>
    <definedName name="仮" localSheetId="1">#REF!</definedName>
    <definedName name="仮" localSheetId="2">#REF!</definedName>
    <definedName name="仮" localSheetId="3">#REF!</definedName>
    <definedName name="仮">#REF!</definedName>
    <definedName name="関連表" localSheetId="0" hidden="1">#REF!</definedName>
    <definedName name="関連表" localSheetId="1" hidden="1">#REF!</definedName>
    <definedName name="関連表" localSheetId="2" hidden="1">#REF!</definedName>
    <definedName name="関連表" localSheetId="3" hidden="1">#REF!</definedName>
    <definedName name="関連表" hidden="1">#REF!</definedName>
    <definedName name="関連表12" localSheetId="0" hidden="1">#REF!</definedName>
    <definedName name="関連表12" localSheetId="1" hidden="1">#REF!</definedName>
    <definedName name="関連表12" localSheetId="2" hidden="1">#REF!</definedName>
    <definedName name="関連表12" localSheetId="3" hidden="1">#REF!</definedName>
    <definedName name="関連表12" hidden="1">#REF!</definedName>
    <definedName name="関連表15" localSheetId="0" hidden="1">#REF!</definedName>
    <definedName name="関連表15" localSheetId="1" hidden="1">#REF!</definedName>
    <definedName name="関連表15" localSheetId="2" hidden="1">#REF!</definedName>
    <definedName name="関連表15" localSheetId="3" hidden="1">#REF!</definedName>
    <definedName name="関連表15" hidden="1">#REF!</definedName>
    <definedName name="合計工数" localSheetId="0">#REF!</definedName>
    <definedName name="合計工数" localSheetId="1">#REF!</definedName>
    <definedName name="合計工数" localSheetId="2">#REF!</definedName>
    <definedName name="合計工数" localSheetId="3">#REF!</definedName>
    <definedName name="合計工数">#REF!</definedName>
    <definedName name="種類">[5]定義!$A$2:$A$26</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I16" i="29" l="1"/>
  <c r="I16" i="28"/>
  <c r="I16" i="27"/>
  <c r="I16" i="26"/>
</calcChain>
</file>

<file path=xl/sharedStrings.xml><?xml version="1.0" encoding="utf-8"?>
<sst xmlns="http://schemas.openxmlformats.org/spreadsheetml/2006/main" count="1887" uniqueCount="578">
  <si>
    <t>２．飼養衛生管理基準の遵守状況及び遵守するための措置の実施状況
（１）牛、水牛、鹿、めん羊及び山羊の場合</t>
    <phoneticPr fontId="1"/>
  </si>
  <si>
    <r>
      <t xml:space="preserve">※記載方法
</t>
    </r>
    <r>
      <rPr>
        <sz val="48"/>
        <color theme="1"/>
        <rFont val="Wingdings"/>
        <family val="1"/>
        <charset val="2"/>
      </rPr>
      <t></t>
    </r>
    <r>
      <rPr>
        <sz val="48"/>
        <color theme="1"/>
        <rFont val="ＭＳ 明朝"/>
        <family val="1"/>
      </rPr>
      <t xml:space="preserve">自らの農場に関する飼養衛生管理基準の遵守状況及び遵守するための措置の実施状況について、自己点検を行うこと。
</t>
    </r>
    <r>
      <rPr>
        <sz val="48"/>
        <color theme="1"/>
        <rFont val="Wingdings"/>
        <family val="1"/>
        <charset val="2"/>
      </rPr>
      <t></t>
    </r>
    <r>
      <rPr>
        <sz val="48"/>
        <color theme="1"/>
        <rFont val="ＭＳ 明朝"/>
        <family val="1"/>
      </rPr>
      <t xml:space="preserve">１から38までの各項目の設問に対し、自己点検の結果を元に「はい」、「いいえ」又は「該当しない」にチェックを付けること。
・「記入欄」がある設問には、措置の状況を記載又は該当する事項にチェックを付けること。　
・「いいえ」と回答した項目については、記入欄に今後の改善方針を記載すること。　　　　　　　　　　　　　　　　　　　　　　　　　　　　　　　　　　　　　　　　　　　　　　　
</t>
    </r>
    <phoneticPr fontId="1"/>
  </si>
  <si>
    <t>●飼養衛生管理基準の構成について　　　　　　　　　　　　　　　　　　　　　　　　　　　　　　　　　　　　　　　　　　　　　　　　　　　　　　　　　　　　　　　　　　　　　　　　　　　　　　　　　　　　　　　　　　　　　　　　　　　　　　　　　　　　　　　　　　　　　　　　　　　　　　　　　　　　　　　　　　　　　　　　　　　　　　　　　　　　　　　　　　　　　　　　　　　　　　　　　　　　　　　　　　　　　　　　　　　　　　　　　　　　　　　　　　　　　　　飼養衛生管理基準は全38項目あり、各項目を取組の目的ごとに以下のⅠ～Ⅳに体系化しながら、
分類している。　</t>
    <phoneticPr fontId="1"/>
  </si>
  <si>
    <t>Ⅰ</t>
    <phoneticPr fontId="10"/>
  </si>
  <si>
    <t>家畜防疫に関する基本的事項【項目１～12】</t>
    <rPh sb="0" eb="2">
      <t>カチク</t>
    </rPh>
    <rPh sb="2" eb="4">
      <t>ボウエキ</t>
    </rPh>
    <rPh sb="5" eb="6">
      <t>カン</t>
    </rPh>
    <rPh sb="8" eb="10">
      <t>キホン</t>
    </rPh>
    <rPh sb="10" eb="11">
      <t>テキ</t>
    </rPh>
    <rPh sb="11" eb="13">
      <t>ジコウ</t>
    </rPh>
    <rPh sb="14" eb="16">
      <t>コウモク</t>
    </rPh>
    <phoneticPr fontId="10"/>
  </si>
  <si>
    <t>Ⅱ</t>
    <phoneticPr fontId="10"/>
  </si>
  <si>
    <t>衛生管理区域への病原体の侵入防止【項目13～22】</t>
    <rPh sb="0" eb="2">
      <t>エイセイ</t>
    </rPh>
    <rPh sb="2" eb="4">
      <t>カンリ</t>
    </rPh>
    <rPh sb="4" eb="6">
      <t>クイキ</t>
    </rPh>
    <rPh sb="8" eb="11">
      <t>ビョウゲンタイ</t>
    </rPh>
    <rPh sb="12" eb="14">
      <t>シンニュウ</t>
    </rPh>
    <rPh sb="14" eb="16">
      <t>ボウシ</t>
    </rPh>
    <rPh sb="17" eb="19">
      <t>コウモク</t>
    </rPh>
    <phoneticPr fontId="10"/>
  </si>
  <si>
    <t>Ⅲ</t>
    <phoneticPr fontId="10"/>
  </si>
  <si>
    <t>衛生管理区域内における病原体による汚染拡大防止【項目23～32】</t>
    <rPh sb="0" eb="2">
      <t>エイセイ</t>
    </rPh>
    <rPh sb="2" eb="4">
      <t>カンリ</t>
    </rPh>
    <rPh sb="4" eb="6">
      <t>クイキ</t>
    </rPh>
    <rPh sb="6" eb="7">
      <t>ナイ</t>
    </rPh>
    <rPh sb="11" eb="14">
      <t>ビョウゲンタイ</t>
    </rPh>
    <rPh sb="17" eb="19">
      <t>オセン</t>
    </rPh>
    <rPh sb="19" eb="21">
      <t>カクダイ</t>
    </rPh>
    <rPh sb="21" eb="23">
      <t>ボウシ</t>
    </rPh>
    <rPh sb="24" eb="26">
      <t>コウモク</t>
    </rPh>
    <phoneticPr fontId="10"/>
  </si>
  <si>
    <t>Ⅳ</t>
    <phoneticPr fontId="10"/>
  </si>
  <si>
    <t>衛生管理区域外への病原体の拡散防止【項目33～38】</t>
    <rPh sb="0" eb="2">
      <t>エイセイ</t>
    </rPh>
    <rPh sb="2" eb="4">
      <t>カンリ</t>
    </rPh>
    <rPh sb="4" eb="6">
      <t>クイキ</t>
    </rPh>
    <rPh sb="6" eb="7">
      <t>ソト</t>
    </rPh>
    <rPh sb="9" eb="12">
      <t>ビョウゲンタイ</t>
    </rPh>
    <rPh sb="13" eb="15">
      <t>カクサン</t>
    </rPh>
    <rPh sb="15" eb="17">
      <t>ボウシ</t>
    </rPh>
    <rPh sb="18" eb="20">
      <t>コウモク</t>
    </rPh>
    <phoneticPr fontId="10"/>
  </si>
  <si>
    <t>【参考】農場の各施設において関係する項目とその項目が防除の対象とする感染源（一覧表）</t>
    <rPh sb="1" eb="3">
      <t>サンコウ</t>
    </rPh>
    <rPh sb="4" eb="6">
      <t>ノウジョウ</t>
    </rPh>
    <rPh sb="7" eb="10">
      <t>カクシセツ</t>
    </rPh>
    <rPh sb="14" eb="16">
      <t>カンケイ</t>
    </rPh>
    <rPh sb="18" eb="20">
      <t>コウモク</t>
    </rPh>
    <rPh sb="23" eb="25">
      <t>コウモク</t>
    </rPh>
    <rPh sb="26" eb="28">
      <t>ボウジョ</t>
    </rPh>
    <rPh sb="29" eb="31">
      <t>タイショウ</t>
    </rPh>
    <rPh sb="34" eb="37">
      <t>カンセンゲン</t>
    </rPh>
    <rPh sb="38" eb="41">
      <t>イチランヒョウ</t>
    </rPh>
    <phoneticPr fontId="10"/>
  </si>
  <si>
    <t>農場名：</t>
    <rPh sb="0" eb="2">
      <t>ノウジョウ</t>
    </rPh>
    <rPh sb="2" eb="3">
      <t>メイ</t>
    </rPh>
    <phoneticPr fontId="4"/>
  </si>
  <si>
    <t>回答記入例
☑ はい　□ いいえ</t>
    <phoneticPr fontId="4"/>
  </si>
  <si>
    <t>牛_2</t>
    <rPh sb="0" eb="1">
      <t>ウシ</t>
    </rPh>
    <phoneticPr fontId="1"/>
  </si>
  <si>
    <t>※「はい」、「いいえ」又は「該当しない」から１つ選択</t>
    <phoneticPr fontId="4"/>
  </si>
  <si>
    <t>Ⅰ　家畜防疫に関する基本的事項</t>
    <rPh sb="12" eb="13">
      <t>テキ</t>
    </rPh>
    <phoneticPr fontId="4"/>
  </si>
  <si>
    <t>家畜防疫員　　　
チェックボックス</t>
    <rPh sb="0" eb="2">
      <t>カチク</t>
    </rPh>
    <rPh sb="2" eb="5">
      <t>ボウエキイン</t>
    </rPh>
    <phoneticPr fontId="4"/>
  </si>
  <si>
    <t>１　家畜の所有者の責務</t>
    <rPh sb="2" eb="4">
      <t>カチク</t>
    </rPh>
    <rPh sb="5" eb="8">
      <t>ショユウシャ</t>
    </rPh>
    <rPh sb="9" eb="11">
      <t>セキム</t>
    </rPh>
    <phoneticPr fontId="4"/>
  </si>
  <si>
    <r>
      <t xml:space="preserve">①関係法令を遵守している。
</t>
    </r>
    <r>
      <rPr>
        <sz val="36"/>
        <color theme="1"/>
        <rFont val="ＭＳ 明朝"/>
        <family val="1"/>
        <charset val="128"/>
      </rPr>
      <t>〈関係法令の例〉
・家畜伝染病予防法　・飼料の安全性の確保及び品質の改善に関する法律　・獣医師法
・家畜排せつ物の管理の適正化及び利用の促進に関する法律　・水質汚濁防止法　・悪臭防止法
・廃棄物の処理及び清掃に関する法律　・牛海綿状脳症対策特別措置法
・医薬品、医療機器等の品質、有効性及び安全性の確保等に関する法律　・化製場等に関する法律</t>
    </r>
    <phoneticPr fontId="4"/>
  </si>
  <si>
    <t>□ はい</t>
    <phoneticPr fontId="4"/>
  </si>
  <si>
    <t>□ いいえ</t>
    <phoneticPr fontId="4"/>
  </si>
  <si>
    <r>
      <t xml:space="preserve">②農場の所在地域で飼養されている家畜の所有者その他の畜産関係者と協力して衛生管理の意識を高め、衛生管理を行っている。
</t>
    </r>
    <r>
      <rPr>
        <sz val="36"/>
        <color theme="1"/>
        <rFont val="ＭＳ 明朝"/>
        <family val="1"/>
        <charset val="128"/>
      </rPr>
      <t>〈協力者の例〉
・地域の他の家畜の所有者（飼養衛生管理者）　・都道府県　・市町村　・関係団体　・地域自衛防疫団体</t>
    </r>
    <phoneticPr fontId="4"/>
  </si>
  <si>
    <t>③（所有者以外に飼養衛生管理者がある場合）飼養衛生管理者と常時連絡可能な体制を確保し、本基準に規定される取組について当該飼養衛生管理者に実施させている。</t>
    <rPh sb="21" eb="28">
      <t>シヨウエイセイカンリシャ</t>
    </rPh>
    <rPh sb="58" eb="60">
      <t>トウガイ</t>
    </rPh>
    <rPh sb="60" eb="62">
      <t>シヨウ</t>
    </rPh>
    <phoneticPr fontId="4"/>
  </si>
  <si>
    <t>□ 該当しない</t>
    <rPh sb="2" eb="4">
      <t>ガイトウ</t>
    </rPh>
    <phoneticPr fontId="4"/>
  </si>
  <si>
    <t>【記入欄】　今後の改善方針</t>
    <rPh sb="1" eb="3">
      <t>キニュウ</t>
    </rPh>
    <rPh sb="3" eb="4">
      <t>ラン</t>
    </rPh>
    <rPh sb="6" eb="8">
      <t>コンゴ</t>
    </rPh>
    <rPh sb="9" eb="11">
      <t>カイゼン</t>
    </rPh>
    <rPh sb="11" eb="13">
      <t>ホウシン</t>
    </rPh>
    <phoneticPr fontId="4"/>
  </si>
  <si>
    <t>２　家畜防疫に関する最新情報の把握及び衛生管理の実践</t>
    <rPh sb="10" eb="12">
      <t>サイシン</t>
    </rPh>
    <rPh sb="19" eb="21">
      <t>エイセイ</t>
    </rPh>
    <rPh sb="21" eb="23">
      <t>カンリ</t>
    </rPh>
    <rPh sb="24" eb="26">
      <t>ジッセン</t>
    </rPh>
    <phoneticPr fontId="4"/>
  </si>
  <si>
    <r>
      <t xml:space="preserve">①家畜保健衛生所等から提供される情報を必ず確認している。
</t>
    </r>
    <r>
      <rPr>
        <sz val="36"/>
        <color theme="1"/>
        <rFont val="ＭＳ 明朝"/>
        <family val="1"/>
        <charset val="128"/>
      </rPr>
      <t>〈情報の把握方法例〉
・メール　・広報誌　・ＦＡＸ　・ウェブサイト</t>
    </r>
    <rPh sb="8" eb="9">
      <t>ナド</t>
    </rPh>
    <phoneticPr fontId="4"/>
  </si>
  <si>
    <t>②家畜保健衛生所等が開催する家畜衛生に関する講習会への参加、農林水産省のウェブサイトの閲覧等を通じて、家畜防疫に関する情報を積極的に把握している。</t>
    <rPh sb="30" eb="32">
      <t>ノウリン</t>
    </rPh>
    <rPh sb="32" eb="35">
      <t>スイサンショウ</t>
    </rPh>
    <rPh sb="56" eb="57">
      <t>カン</t>
    </rPh>
    <rPh sb="59" eb="61">
      <t>ジョウホウ</t>
    </rPh>
    <phoneticPr fontId="4"/>
  </si>
  <si>
    <t>③家畜防疫に関する最新情報を踏まえ、防疫体制を含めて、自らの農場の飼養衛生管理の状況を定期的に点検し改善を図っている。</t>
    <rPh sb="1" eb="3">
      <t>カチク</t>
    </rPh>
    <rPh sb="3" eb="5">
      <t>ボウエキ</t>
    </rPh>
    <rPh sb="6" eb="7">
      <t>カン</t>
    </rPh>
    <rPh sb="9" eb="11">
      <t>サイシン</t>
    </rPh>
    <phoneticPr fontId="4"/>
  </si>
  <si>
    <r>
      <t xml:space="preserve">④農場の最新の防疫体制を確認できるよう、衛生管理区域及び消毒設備等の衛生対策設備の設置箇所を明示した農場の平面図を作成し、備えている。
</t>
    </r>
    <r>
      <rPr>
        <sz val="36"/>
        <color theme="1"/>
        <rFont val="ＭＳ 明朝"/>
        <family val="1"/>
        <charset val="128"/>
      </rPr>
      <t>※以下の資料を添付
　農場の平面図（次のものを明示したもの）
　１）衛生管理区域及びその出入口
　２）消毒設備の設置個所</t>
    </r>
    <phoneticPr fontId="4"/>
  </si>
  <si>
    <t>⑤家畜保健衛生所が行う検査を受け、指導に従っている。</t>
    <phoneticPr fontId="4"/>
  </si>
  <si>
    <t>３　飼養衛生管理マニュアルの作成及び従事者等への周知徹底</t>
    <phoneticPr fontId="4"/>
  </si>
  <si>
    <r>
      <t xml:space="preserve">①必要事項を規定した飼養衛生管理マニュアルを獣医師等の専門家の意見を反映させて、作成している。
</t>
    </r>
    <r>
      <rPr>
        <sz val="36"/>
        <color theme="1"/>
        <rFont val="ＭＳ 明朝"/>
        <family val="1"/>
        <charset val="128"/>
      </rPr>
      <t>※飼養衛生管理マニュアルの必要事項
（１）従事者が当該農場以外で行う動物の飼養及び狩猟における禁止事項
（２）海外渡航時及び帰国後の注意事項 
（３）海外からの肉製品の持込み（郵便物による持込みを含む。）に関する注意喚起
（４）農場内への不適切な物品の持込みの禁止
（５）可能な限り、工具、機材等を農場内へ持ち込まないための取組
（６）持ち込む工具、機材、食品等の取扱い
（７）猫等の愛玩動物の衛生管理区域内での飼育禁止
（８）野生動物の衛生管理区域内への侵入防止
（９）農場における防疫のための更衣
（10）手指、衣服、靴、物品、車両、施設等の洗浄及び消毒に関する具体的な方法、消毒薬の種類、作用時間及び乾燥時間等 
※飼養衛生管理マニュアルの写しを添付</t>
    </r>
    <phoneticPr fontId="4"/>
  </si>
  <si>
    <t>②従事者及び外部事業者が飼養衛生管理マニュアルを遵守するよう、当該マニュアルを印字した冊子の配布、看板の設置その他の必要な措置を講じている。</t>
  </si>
  <si>
    <t>③家畜の伝染性疾病の発生の予防及びまん延の防止に関する情報を従事者及び外部事業者に周知徹底している。</t>
  </si>
  <si>
    <t>４　記録の作成及び保管</t>
  </si>
  <si>
    <t>牛_3</t>
    <rPh sb="0" eb="1">
      <t>ウシ</t>
    </rPh>
    <phoneticPr fontId="1"/>
  </si>
  <si>
    <t>以下に掲げる事項に関する記録を作成し、少なくとも１年間保存している。</t>
  </si>
  <si>
    <r>
      <t>①衛生管理区域に立ち入った者</t>
    </r>
    <r>
      <rPr>
        <sz val="36"/>
        <color theme="1"/>
        <rFont val="ＭＳ 明朝"/>
        <family val="1"/>
        <charset val="128"/>
      </rPr>
      <t>（※１）</t>
    </r>
    <r>
      <rPr>
        <sz val="42"/>
        <color theme="1"/>
        <rFont val="ＭＳ 明朝"/>
        <family val="1"/>
        <charset val="128"/>
      </rPr>
      <t>の氏名及び住所又は所属、衛生管理区域への立入りの年月日、その目的</t>
    </r>
    <r>
      <rPr>
        <sz val="36"/>
        <color theme="1"/>
        <rFont val="ＭＳ 明朝"/>
        <family val="1"/>
        <charset val="128"/>
      </rPr>
      <t>（※２）</t>
    </r>
    <r>
      <rPr>
        <sz val="42"/>
        <color theme="1"/>
        <rFont val="ＭＳ 明朝"/>
        <family val="1"/>
        <charset val="128"/>
      </rPr>
      <t xml:space="preserve">及び消毒の実施の有無（車両を入れる者にあっては、当該車両の消毒の有無を含む。）
</t>
    </r>
    <r>
      <rPr>
        <sz val="36"/>
        <color theme="1"/>
        <rFont val="ＭＳ 明朝"/>
        <family val="1"/>
        <charset val="128"/>
      </rPr>
      <t>※不特定かつ多数の者が立ち入ることが想定される施設（観光牧場等）において、衛生管理区域の出入口における手指及び靴の消毒等、病原体の持込み及び持出しを防止するための規則をあらかじめ作成し、家畜防疫員が適切なものであることを確認した場合は記録は不要である。
※１当該農場の従事者を除く。
※２所属等からその目的が明らかな場合を除く。</t>
    </r>
    <phoneticPr fontId="4"/>
  </si>
  <si>
    <t>②消毒の実施の記録については、衛生管理区域の出入口等に台帳を設置し、確実に記録させている。</t>
  </si>
  <si>
    <t>③（衛生管理区域に立ち入った者が過去一週間以内に海外から入国、又は帰国した場合）過去一週間以内に滞在した全ての国又は地域の名称及び当該国又は地域における畜産関係施設等への立入りの有無</t>
  </si>
  <si>
    <t>④（従事者が海外に渡航した場合）滞在期間及び国又は地域の名称</t>
  </si>
  <si>
    <t>⑤導入した家畜の種類、頭数、健康状態、導入元の農場等の名称及び導入の年月日</t>
  </si>
  <si>
    <t>⑥出荷又は移動を行った家畜の種類、頭数、健康状態、出荷又は移動先の農場等の名称及び出荷又は移動の年月日</t>
  </si>
  <si>
    <t>⑦飼養する家畜の頭数、月齢、異状の有無、異状がある場合にあっては、その症状並びに獣医師による診療結果及び投薬その他の処置の状況</t>
  </si>
  <si>
    <t>⑧家畜保健衛生所、担当獣医師等からの農場指導の内容及び指導年月日</t>
  </si>
  <si>
    <t>５　大規模所有者が講ずる措置</t>
    <phoneticPr fontId="4"/>
  </si>
  <si>
    <r>
      <t xml:space="preserve">①飼養する家畜が特定症状を呈していることを従業員が発見したとき、当該家畜の所有者及び飼養衛生管理者の許可を得ず、直ちに家畜保健衛生所に通報することを規定したものを作成し、これを全従業員に周知徹底している。
</t>
    </r>
    <r>
      <rPr>
        <sz val="36"/>
        <color theme="1"/>
        <rFont val="ＭＳ 明朝"/>
        <family val="1"/>
        <charset val="128"/>
      </rPr>
      <t>〈周知方法の例〉
・飼養衛生管理マニュアル　・貼紙
※以下の資料を添付
　従業員が農林水産大臣の定める特定症状を確認した場合に家畜保健衛生所へ直ちに通報することを規定したものの写し</t>
    </r>
  </si>
  <si>
    <r>
      <t xml:space="preserve">②畜舎ごとに飼養衛生管理者を配置している。
</t>
    </r>
    <r>
      <rPr>
        <sz val="36"/>
        <color theme="1"/>
        <rFont val="ＭＳ 明朝"/>
        <family val="1"/>
        <charset val="128"/>
      </rPr>
      <t>｢同一の者が複数の畜舎を担当する場合には、衛生管理を行う家畜（牛にあっては月齢が満四月以上のものに限る。）の頭数の合計が二百頭（第二十一条の五第九号イ（1）又は（2）に掲げる牛、鹿、めん羊及び山羊にあっては、三千頭を超えないこと。）。｣</t>
    </r>
    <phoneticPr fontId="4"/>
  </si>
  <si>
    <t>６　獣医師等の健康管理指導</t>
    <phoneticPr fontId="1"/>
  </si>
  <si>
    <t>●家畜保健衛生所と緊密に連絡を行っている担当の獣医師又は診療施設を定め、定期的に当該獣医師又は診療施設から飼養する家畜の健康管理について指導を受けている。</t>
  </si>
  <si>
    <t>【記入欄】　※「はい」の場合は回答してください</t>
    <rPh sb="1" eb="3">
      <t>キニュウ</t>
    </rPh>
    <rPh sb="3" eb="4">
      <t>ラン</t>
    </rPh>
    <rPh sb="12" eb="14">
      <t>バアイ</t>
    </rPh>
    <rPh sb="15" eb="17">
      <t>カイトウ</t>
    </rPh>
    <phoneticPr fontId="4"/>
  </si>
  <si>
    <t>担当の獣医師の氏名</t>
    <phoneticPr fontId="1"/>
  </si>
  <si>
    <t>担当の診療施設の名称</t>
  </si>
  <si>
    <t>７　家畜伝染病の発生リスクの高まりに対する準備</t>
  </si>
  <si>
    <r>
      <t xml:space="preserve">●野生動物が口蹄疫等の家畜伝染病に感染したことが確認されているなど、家畜伝染病の発生リスクが高まっているものとして農林水産大臣が指定する地域において追加措置を講ずることとなる以下の取組について、その内容を習熟している。
</t>
    </r>
    <r>
      <rPr>
        <sz val="36"/>
        <color theme="1"/>
        <rFont val="ＭＳ 明朝"/>
        <family val="1"/>
        <charset val="128"/>
      </rPr>
      <t xml:space="preserve">  14　他の畜産関係施設等に立ち入った者等が衛生管理区域に立ち入る際の措置
　21　安全な資材の利用</t>
    </r>
  </si>
  <si>
    <t>８　衛生管理区域の設定</t>
  </si>
  <si>
    <t>牛_4</t>
    <rPh sb="0" eb="1">
      <t>ウシ</t>
    </rPh>
    <phoneticPr fontId="1"/>
  </si>
  <si>
    <r>
      <t xml:space="preserve">①農場に病原体の侵入及びまん延の防止を重点的に行う区域として衛生管理区域を設定し、衛生管理区域とそれ以外の区域とに分け、両区域の場所が明確に分かるようにしている。
</t>
    </r>
    <r>
      <rPr>
        <sz val="36"/>
        <color theme="1"/>
        <rFont val="ＭＳ 明朝"/>
        <family val="1"/>
        <charset val="128"/>
      </rPr>
      <t>〈衛生管理区域境界の明確化方法例〉
・消石灰帯　・柵　・ロープ　・三角コーン　・垣根（プランター）</t>
    </r>
  </si>
  <si>
    <r>
      <t xml:space="preserve">②衛生管理区域は、畜舎、家畜に直接接触する物品の保管場所並びに家畜に直接触れた者が消毒並びに衣服及び靴の交換を行わずに行動する範囲の全てを網羅している。
</t>
    </r>
    <r>
      <rPr>
        <sz val="36"/>
        <color theme="1"/>
        <rFont val="ＭＳ 明朝"/>
        <family val="1"/>
        <charset val="128"/>
      </rPr>
      <t>※畜舎の他に、飼料給与、清掃、家畜の出荷及び死亡家畜の管理等の一連の作業に関連する農場内の敷地の全てを衛生管理区域とすること。</t>
    </r>
  </si>
  <si>
    <t>③出入口の数を必要最小限とし、家畜、資材、死体等の持込み又は持出し場所を可能な限り衛生管理区域の境界に位置するよう設定している。</t>
  </si>
  <si>
    <t>９　放牧制限の準備</t>
  </si>
  <si>
    <t>●（放牧を行っている場合）放牧の停止又は制限があった場合に備え、家畜を収容できる避難用の設備の確保又は出荷若しくは移動のための準備措置を講じている。</t>
  </si>
  <si>
    <t>措置の内容</t>
    <rPh sb="0" eb="2">
      <t>ソチ</t>
    </rPh>
    <rPh sb="3" eb="5">
      <t>ナイヨウ</t>
    </rPh>
    <phoneticPr fontId="4"/>
  </si>
  <si>
    <t>□ 避難用設備の確保の準備</t>
    <phoneticPr fontId="4"/>
  </si>
  <si>
    <t>具体的な内容</t>
    <phoneticPr fontId="4"/>
  </si>
  <si>
    <t>□ 出荷</t>
    <phoneticPr fontId="4"/>
  </si>
  <si>
    <t>□ 事前協議：済</t>
    <rPh sb="2" eb="4">
      <t>ジゼン</t>
    </rPh>
    <rPh sb="4" eb="6">
      <t>キョウギ</t>
    </rPh>
    <rPh sb="7" eb="8">
      <t>スミ</t>
    </rPh>
    <phoneticPr fontId="4"/>
  </si>
  <si>
    <t>□ 事前協議：調整中</t>
    <rPh sb="7" eb="10">
      <t>チョウセイチュウ</t>
    </rPh>
    <phoneticPr fontId="4"/>
  </si>
  <si>
    <t>□ 事前協議：未</t>
    <rPh sb="2" eb="4">
      <t>ジゼン</t>
    </rPh>
    <rPh sb="4" eb="6">
      <t>キョウギ</t>
    </rPh>
    <rPh sb="7" eb="8">
      <t>ミ</t>
    </rPh>
    <phoneticPr fontId="4"/>
  </si>
  <si>
    <t>□ 他地域への移動</t>
    <phoneticPr fontId="4"/>
  </si>
  <si>
    <t>移動場所</t>
    <phoneticPr fontId="4"/>
  </si>
  <si>
    <t>10　埋却等の準備</t>
  </si>
  <si>
    <r>
      <t xml:space="preserve">●死体の処理に必要な埋却地の確保をしている、又は焼却若しくは化製のための準備措置を講じている。
</t>
    </r>
    <r>
      <rPr>
        <sz val="36"/>
        <color theme="1"/>
        <rFont val="ＭＳ 明朝"/>
        <family val="1"/>
        <charset val="128"/>
      </rPr>
      <t>※以下の（１）～（３）のいずれかの資料を添付
（１）埋却用地の確保の状況として以下の事項を記載した資料
　ア 埋却用地の所在地
　イ 埋却用地が自己の所有する土地でない場合
　　 ・その所有者の氏名又は名称
　　 ・当該土地の利用に関する契約の内容
　ウ 埋却用地の面積・利用状況
　エ 農場から埋却用地までの距離
　オ 埋却用地の近隣住民その他の関係者への埋却の実施に関する説明の有無
　カ オの説明に対する当該関係者の承諾の有無
　キ その他埋却の的確かつ迅速な実施のため参考となる事項
（２）焼却・化製のための準備措置を講じている場合は、以下の事項を記載した資料
　ア 焼却施設・化製場の名称・所在地
　イ 農場から焼却施設・化製場までの距離
　ウ 焼却施設・化製場の近隣住民その他の関係者への焼却・化製の実施に関する説明の有無
　エ ウの説明に対する当該関係者の承諾の有無
（３）埋却用地・焼却施設・化製場を確保していない場合は、これらを確保するための取組の状況を記載した資料</t>
    </r>
    <phoneticPr fontId="4"/>
  </si>
  <si>
    <t>□ 埋却地の確保　　□ 焼却のための取組　　□ 化製のための取組</t>
    <phoneticPr fontId="4"/>
  </si>
  <si>
    <t>11　愛玩動物の飼育禁止</t>
  </si>
  <si>
    <r>
      <t xml:space="preserve">●衛生管理区域に愛玩動物を持込んでいない。また、衛生管理区域内で愛玩動物を飼育していない。
</t>
    </r>
    <r>
      <rPr>
        <sz val="36"/>
        <color theme="1"/>
        <rFont val="ＭＳ 明朝"/>
        <family val="1"/>
        <charset val="128"/>
      </rPr>
      <t>※観光牧場等において、飼育場所を限定している場合は除く。</t>
    </r>
  </si>
  <si>
    <t>12　密飼いの防止</t>
    <phoneticPr fontId="1"/>
  </si>
  <si>
    <t>牛_5</t>
    <rPh sb="0" eb="1">
      <t>ウシ</t>
    </rPh>
    <phoneticPr fontId="1"/>
  </si>
  <si>
    <r>
      <t xml:space="preserve">●家畜の健康に悪影響を及ぼすような過密な状態で家畜を飼養していない。
</t>
    </r>
    <r>
      <rPr>
        <sz val="36"/>
        <color theme="1"/>
        <rFont val="ＭＳ 明朝"/>
        <family val="1"/>
        <charset val="128"/>
      </rPr>
      <t>※以下の資料を添付
　畜舎ごとの家畜の飼養密度（家畜の種類ごとに○㎡／頭）を記載した資料</t>
    </r>
  </si>
  <si>
    <t>Ⅱ　衛生管理区域への病原体の侵入防止</t>
  </si>
  <si>
    <t>13　衛生管理区域への必要のない者の立入りの制限</t>
  </si>
  <si>
    <r>
      <t xml:space="preserve">●必要のない者を衛生管理区域に立ち入らせないようにしている。さらに、衛生管理区域に立ち入った者が飼養する家畜に接触する機会を最小限とするよう必要な措置を講じている。
</t>
    </r>
    <r>
      <rPr>
        <sz val="36"/>
        <color theme="1"/>
        <rFont val="ＭＳ 明朝"/>
        <family val="1"/>
        <charset val="128"/>
      </rPr>
      <t>※不特定かつ多数の者が立ち入ることが想定される施設（観光牧場等）において、衛生管理区域の出入口における手指及び靴の消毒等、病原体の持込み及び持出しを防止するための規則をあらかじめ作成し、家畜防疫員が適切なものであることを確認した場合は、この限りではない。</t>
    </r>
    <phoneticPr fontId="4"/>
  </si>
  <si>
    <t>□ 門　　□ ロープ　　□ 立入禁止看板の設置　　</t>
    <phoneticPr fontId="4"/>
  </si>
  <si>
    <t>□ その他：（　　　　　　　　　　　　　　　　　　　　　　　　　　　　　　　　　　）</t>
    <phoneticPr fontId="4"/>
  </si>
  <si>
    <t>14 他の畜産関係施設等に立ち入った者等が衛生管理区域に立ち入る際の措置</t>
  </si>
  <si>
    <r>
      <t xml:space="preserve">●当日に他の畜産関係施設等及び大臣指定地域に立ち入った者（※）並びに過去一週間以内に海外から入国し、又は帰国した者を衛生管理区域に立ち入らせないようにしている。
</t>
    </r>
    <r>
      <rPr>
        <sz val="36"/>
        <color theme="1"/>
        <rFont val="ＭＳ 明朝"/>
        <family val="1"/>
        <charset val="128"/>
      </rPr>
      <t>※農場の従事者、家畜防疫員、獣医師、家畜人工授精師、削蹄師、飼料運搬業者及び集乳業者等は除く。</t>
    </r>
  </si>
  <si>
    <t>15 衛生管理区域に立ち入る者の手指消毒等</t>
    <phoneticPr fontId="4"/>
  </si>
  <si>
    <r>
      <t xml:space="preserve">●衛生管理区域の入口付近に消毒設備を設置し、立ち入る者に対し、当該消毒設備を利用して手指の洗浄及び消毒をさせている。
</t>
    </r>
    <r>
      <rPr>
        <sz val="36"/>
        <color theme="1"/>
        <rFont val="ＭＳ 明朝"/>
        <family val="1"/>
        <charset val="128"/>
      </rPr>
      <t>※立ち入る者が消毒機器を携行し、消毒している場合を除く。</t>
    </r>
  </si>
  <si>
    <t>消毒設備</t>
    <rPh sb="0" eb="2">
      <t>ショウドク</t>
    </rPh>
    <rPh sb="2" eb="4">
      <t>セツビ</t>
    </rPh>
    <phoneticPr fontId="4"/>
  </si>
  <si>
    <t>□ 設置されたスプレー　　□ 消毒槽　　□ 衛生管理区域専用の手袋の着用</t>
    <phoneticPr fontId="4"/>
  </si>
  <si>
    <t>16 衛生管理区域専用の衣服及び靴の設置並びに使用</t>
  </si>
  <si>
    <r>
      <t xml:space="preserve">①衛生管理区域専用の衣服及び靴を設置し、立ち入る者に対し、これらを着実に着用させている。　
</t>
    </r>
    <r>
      <rPr>
        <sz val="36"/>
        <color theme="1"/>
        <rFont val="ＭＳ 明朝"/>
        <family val="1"/>
        <charset val="128"/>
      </rPr>
      <t>※立ち入る者が当該衛生管理区域専用の衣服及び靴を持参し、当該衣服及び靴を着用する場合を除く。
〈措置並びに使用するものの例〉
　衣服：　専用作業着、防護服
　靴：　　専用靴、ブーツカバー</t>
    </r>
  </si>
  <si>
    <t>②更衣による衛生管理区域への病原体の侵入を防ぐため、着脱前後の衣服及び靴をすのこ、分離板等で場所を離して保管している。さらに、更衣前後において利用する経路が交差しないよう一方通行とするなど必要な措置を講じている。</t>
  </si>
  <si>
    <t>③衣服及び靴に排せつ物、汚泥等が付着した場合には、洗浄及び消毒を行っている。</t>
  </si>
  <si>
    <t>17 衛生管理区域に立ち入る車両の消毒等</t>
    <phoneticPr fontId="4"/>
  </si>
  <si>
    <t>牛_6</t>
    <rPh sb="0" eb="1">
      <t>ウシ</t>
    </rPh>
    <phoneticPr fontId="1"/>
  </si>
  <si>
    <r>
      <rPr>
        <sz val="42"/>
        <color theme="1"/>
        <rFont val="ＭＳ 明朝"/>
        <family val="1"/>
        <charset val="128"/>
      </rPr>
      <t xml:space="preserve">①衛生管理区域の入口付近に消毒設備を設置し、車両の消毒をさせている。
</t>
    </r>
    <r>
      <rPr>
        <sz val="36"/>
        <color theme="1"/>
        <rFont val="ＭＳ 明朝"/>
        <family val="1"/>
        <charset val="128"/>
      </rPr>
      <t>※立ち入る者が消毒機器を携行し、当該機器を使用して消毒している場合を除く。</t>
    </r>
  </si>
  <si>
    <t>□ ゲート式車両消毒装置　　□ プール式車両消毒装置　　□ 動力噴霧器　　□ 蓄圧式噴霧器</t>
    <phoneticPr fontId="4"/>
  </si>
  <si>
    <t>□ 消灰帯（幅：　　ｍ）</t>
    <phoneticPr fontId="4"/>
  </si>
  <si>
    <r>
      <t xml:space="preserve">②衛生管理区域に車両を入れる者に対し、当該農場専用のフロアマットの使用その他の方法により、車内における交差汚染を防止するための措置を講じている。
</t>
    </r>
    <r>
      <rPr>
        <sz val="36"/>
        <rFont val="ＭＳ 明朝"/>
        <family val="1"/>
        <charset val="128"/>
      </rPr>
      <t>〈措置の例〉
・農場専用のフロアマットの設置　・降車時にブーツカバーを使用</t>
    </r>
    <phoneticPr fontId="4"/>
  </si>
  <si>
    <t>18 他の畜産関係施設等で使用した物品を衛生管理区域に持ち込む際の措置</t>
    <phoneticPr fontId="4"/>
  </si>
  <si>
    <r>
      <t xml:space="preserve">●他の畜産関係施設等で使用し、又は使用したおそれがある物品は、原則、衛生管理区域内に持ち込んでいない。やむを得ず持ち込む場合には、洗浄、消毒その他の必要な措置を講じている。
</t>
    </r>
    <r>
      <rPr>
        <sz val="36"/>
        <color theme="1"/>
        <rFont val="ＭＳ 明朝"/>
        <family val="1"/>
        <charset val="128"/>
      </rPr>
      <t>※他の畜産関係施設等で使用し、又は使用したおそれがある物品をやむを得ず持ち込む場合に必要な措置については飼養衛生管理マニュアルに記載する。</t>
    </r>
    <phoneticPr fontId="4"/>
  </si>
  <si>
    <t>19 海外で使用した衣服等を衛生管理区域に持ち込む際の措置</t>
  </si>
  <si>
    <r>
      <t xml:space="preserve">●過去四月以内に海外で使用した衣服及び靴を衛生管理区域に持ち込んでいない。やむを得ず持ち込む場合には、洗浄、消毒その他の必要な措置を講じている。
</t>
    </r>
    <r>
      <rPr>
        <sz val="36"/>
        <color theme="1"/>
        <rFont val="ＭＳ 明朝"/>
        <family val="1"/>
        <charset val="128"/>
      </rPr>
      <t>※過去四月以内に海外で使用した衣服及び靴をやむを得ず持ち込む場合に必要な措置については飼養衛生管理マニュアルに記載する。</t>
    </r>
  </si>
  <si>
    <t>20  飲用水の給与</t>
    <phoneticPr fontId="4"/>
  </si>
  <si>
    <t>●飼養する家畜には飲用に適した水を給与することとし、適さない水を給与する場合には、消毒して給与している。</t>
  </si>
  <si>
    <t>【記入欄】</t>
    <rPh sb="1" eb="3">
      <t>キニュウ</t>
    </rPh>
    <rPh sb="3" eb="4">
      <t>ラン</t>
    </rPh>
    <phoneticPr fontId="4"/>
  </si>
  <si>
    <t>使用している飲用水</t>
    <rPh sb="0" eb="2">
      <t>シヨウ</t>
    </rPh>
    <rPh sb="6" eb="9">
      <t>インヨウスイ</t>
    </rPh>
    <phoneticPr fontId="4"/>
  </si>
  <si>
    <t>□ 水道水</t>
    <phoneticPr fontId="4"/>
  </si>
  <si>
    <t>□ 井戸水</t>
    <phoneticPr fontId="4"/>
  </si>
  <si>
    <t>異物混入</t>
    <phoneticPr fontId="4"/>
  </si>
  <si>
    <t>□ なし　</t>
    <phoneticPr fontId="4"/>
  </si>
  <si>
    <t>□ あり</t>
    <phoneticPr fontId="4"/>
  </si>
  <si>
    <t>□ 湧水</t>
    <phoneticPr fontId="4"/>
  </si>
  <si>
    <t>□ その他</t>
    <phoneticPr fontId="4"/>
  </si>
  <si>
    <t>水質検査</t>
    <rPh sb="0" eb="2">
      <t>スイシツ</t>
    </rPh>
    <rPh sb="2" eb="4">
      <t>ケンサ</t>
    </rPh>
    <phoneticPr fontId="4"/>
  </si>
  <si>
    <t>□ 実施していない　　□ 実施している（　　回/年）</t>
    <phoneticPr fontId="4"/>
  </si>
  <si>
    <t>飲水消毒</t>
    <rPh sb="0" eb="2">
      <t>ノミミズ</t>
    </rPh>
    <rPh sb="2" eb="4">
      <t>ショウドク</t>
    </rPh>
    <phoneticPr fontId="4"/>
  </si>
  <si>
    <t>□ 実施していない　　□ 実施している</t>
    <phoneticPr fontId="4"/>
  </si>
  <si>
    <t>21　安全な資材の利用</t>
    <phoneticPr fontId="1"/>
  </si>
  <si>
    <t>牛_7</t>
    <rPh sb="0" eb="1">
      <t>ウシ</t>
    </rPh>
    <phoneticPr fontId="1"/>
  </si>
  <si>
    <t>●大臣指定地域において収穫された農産物等を自ら飼料、敷料等に利用する場合は、家畜保健衛生所に助言を求め、指導に従っている。</t>
  </si>
  <si>
    <t>対象となる飼料、敷料等</t>
    <phoneticPr fontId="4"/>
  </si>
  <si>
    <t>家畜防疫員の指導内容</t>
    <rPh sb="0" eb="2">
      <t>カチク</t>
    </rPh>
    <rPh sb="2" eb="4">
      <t>ボウエキ</t>
    </rPh>
    <rPh sb="4" eb="5">
      <t>イン</t>
    </rPh>
    <rPh sb="6" eb="8">
      <t>シドウ</t>
    </rPh>
    <rPh sb="8" eb="10">
      <t>ナイヨウ</t>
    </rPh>
    <phoneticPr fontId="4"/>
  </si>
  <si>
    <t>□ 加熱　　□ 消毒　　□ 一定期間の保管</t>
    <phoneticPr fontId="1"/>
  </si>
  <si>
    <t>□ その他：（　　　　　　　　　　　　　　　　　　　　　　　）</t>
    <phoneticPr fontId="4"/>
  </si>
  <si>
    <t>22　家畜を導入する際の健康観察等</t>
  </si>
  <si>
    <t>①他の農場等から家畜を導入する場合には、導入元の農場等における家畜の伝染性疾病の発生状況、導入する家畜の健康状態の確認等を行い、健康な家畜を導入している。</t>
  </si>
  <si>
    <r>
      <t xml:space="preserve">②導入した家畜に家畜の伝染性疾病にかかっている可能性のある異状がないことを確認するまでの間、他の家畜と直接接触させないようにしている。
</t>
    </r>
    <r>
      <rPr>
        <sz val="36"/>
        <color theme="1"/>
        <rFont val="ＭＳ 明朝"/>
        <family val="1"/>
        <charset val="128"/>
      </rPr>
      <t>〈隔離方法の例〉
・隔離畜舎　・隔離畜房</t>
    </r>
  </si>
  <si>
    <t>Ⅲ　衛生管理区域内における病原体による汚染拡大防止</t>
  </si>
  <si>
    <t>23　畜舎に立ち入る者の手指消毒等</t>
  </si>
  <si>
    <r>
      <t xml:space="preserve">●畜舎の入口付近に消毒設備を設置し、立ち入る者に対し、畜舎に出入りする際に手指の洗浄及び消毒をさせている。
</t>
    </r>
    <r>
      <rPr>
        <sz val="36"/>
        <color theme="1"/>
        <rFont val="ＭＳ 明朝"/>
        <family val="1"/>
        <charset val="128"/>
      </rPr>
      <t>〈消毒設備の例〉
・設置されたスプレー　・消毒槽　・衛生管理区域専用の手袋の着用</t>
    </r>
  </si>
  <si>
    <t>24　畜舎の入口における靴の交換又は消毒</t>
    <phoneticPr fontId="1"/>
  </si>
  <si>
    <r>
      <t xml:space="preserve">①畜舎ごとの専用の靴を設置し、畜舎に入る者に対し、これを着実に着用させている又は靴の消毒をさせている。
</t>
    </r>
    <r>
      <rPr>
        <sz val="36"/>
        <color theme="1"/>
        <rFont val="ＭＳ 明朝"/>
        <family val="1"/>
        <charset val="128"/>
      </rPr>
      <t>〈着用又は消毒設備の例〉
　靴：　　専用靴、ブーツカバー、（消毒の場合）踏込消毒槽</t>
    </r>
    <phoneticPr fontId="1"/>
  </si>
  <si>
    <t>②靴に排せつ物、汚泥等が付着した場合には、洗浄及び消毒を行っている。</t>
  </si>
  <si>
    <t>25 器具の定期的な清掃又は消毒等</t>
  </si>
  <si>
    <t>①飼養管理に使用する器具の清掃又は消毒を定期的にしている。</t>
  </si>
  <si>
    <t>②注射針、人工授精用器具その他体液（生乳を除く。）が付着する物品を使用する際は、一頭ごとに交換又は消毒をしている。</t>
  </si>
  <si>
    <t>26　畜舎外での病原体による汚染防止</t>
  </si>
  <si>
    <t>牛_8</t>
    <rPh sb="0" eb="1">
      <t>ウシ</t>
    </rPh>
    <phoneticPr fontId="1"/>
  </si>
  <si>
    <t>●家畜の飼養管理に必要のない物品を畜舎に持ち込んでいない。</t>
  </si>
  <si>
    <t>27　野生動物の侵入防止のための死体の適正な保管</t>
    <phoneticPr fontId="4"/>
  </si>
  <si>
    <t>●家畜の死体を保管する場合には、その保管場所への野生動物の侵入を防止するための措置を講じている。</t>
  </si>
  <si>
    <t>死体の保管場所の対策</t>
    <phoneticPr fontId="4"/>
  </si>
  <si>
    <t>死体の処理</t>
    <phoneticPr fontId="4"/>
  </si>
  <si>
    <t>□ 化製処理　　</t>
    <phoneticPr fontId="4"/>
  </si>
  <si>
    <t>□ その他：（　　　　　　　　　　　　　　　　　　　　　　）</t>
    <phoneticPr fontId="4"/>
  </si>
  <si>
    <t>死体の保管</t>
    <phoneticPr fontId="4"/>
  </si>
  <si>
    <t>□ なし</t>
    <phoneticPr fontId="4"/>
  </si>
  <si>
    <t>□ 屋内保管</t>
    <phoneticPr fontId="4"/>
  </si>
  <si>
    <t xml:space="preserve">□ 隙間なし　 </t>
    <rPh sb="3" eb="5">
      <t>スキマ</t>
    </rPh>
    <phoneticPr fontId="4"/>
  </si>
  <si>
    <t>□ 隙間あり</t>
    <phoneticPr fontId="4"/>
  </si>
  <si>
    <t>対策</t>
    <rPh sb="0" eb="2">
      <t>タイサク</t>
    </rPh>
    <phoneticPr fontId="4"/>
  </si>
  <si>
    <t>□ コンテナ</t>
    <phoneticPr fontId="4"/>
  </si>
  <si>
    <t>□ 蓋付容器</t>
    <phoneticPr fontId="4"/>
  </si>
  <si>
    <t>□ ネット</t>
    <phoneticPr fontId="4"/>
  </si>
  <si>
    <t>網目</t>
    <rPh sb="0" eb="2">
      <t>アミメ</t>
    </rPh>
    <phoneticPr fontId="4"/>
  </si>
  <si>
    <t>　　　　　　　　　　　cm</t>
    <phoneticPr fontId="4"/>
  </si>
  <si>
    <t>□ 破損なし</t>
    <rPh sb="2" eb="4">
      <t>ハソン</t>
    </rPh>
    <phoneticPr fontId="4"/>
  </si>
  <si>
    <t>□ 破損あり</t>
    <rPh sb="2" eb="4">
      <t>ハソン</t>
    </rPh>
    <phoneticPr fontId="4"/>
  </si>
  <si>
    <t>□ ブルーシート</t>
    <phoneticPr fontId="4"/>
  </si>
  <si>
    <t>□ その他</t>
    <rPh sb="4" eb="5">
      <t>タ</t>
    </rPh>
    <phoneticPr fontId="4"/>
  </si>
  <si>
    <t>28　給餌設備、給水設備等への野生動物の排せつ物等の混入の防止</t>
  </si>
  <si>
    <t>●畜舎の給餌設備及び給水設備並びに飼料の保管場所にねずみ、野鳥等の野生動物の排せつ物等が混入しないよう必要な措置を講じている。</t>
  </si>
  <si>
    <t>29　ねずみ及び害虫の駆除</t>
    <phoneticPr fontId="4"/>
  </si>
  <si>
    <t>●ねずみ及びはえ等の害虫の駆除を行うために殺そ剤及び殺虫剤の散布、粘着シートの設置その他の必要な措置を講じている。</t>
    <phoneticPr fontId="4"/>
  </si>
  <si>
    <t>ねずみの駆除対策</t>
    <rPh sb="4" eb="6">
      <t>クジョ</t>
    </rPh>
    <rPh sb="6" eb="8">
      <t>タイサク</t>
    </rPh>
    <phoneticPr fontId="4"/>
  </si>
  <si>
    <r>
      <t>□ 殺</t>
    </r>
    <r>
      <rPr>
        <sz val="42"/>
        <rFont val="ＭＳ 明朝"/>
        <family val="1"/>
        <charset val="128"/>
      </rPr>
      <t>鼠剤　　□ 粘着シート　</t>
    </r>
    <rPh sb="4" eb="5">
      <t>ザイ</t>
    </rPh>
    <phoneticPr fontId="4"/>
  </si>
  <si>
    <t>害虫の駆除対策</t>
    <rPh sb="0" eb="2">
      <t>ガイチュウ</t>
    </rPh>
    <rPh sb="3" eb="5">
      <t>クジョ</t>
    </rPh>
    <rPh sb="5" eb="7">
      <t>タイサク</t>
    </rPh>
    <phoneticPr fontId="4"/>
  </si>
  <si>
    <t>□ 殺虫剤　　□ 粘着シート　　□ アブトラップ</t>
    <phoneticPr fontId="4"/>
  </si>
  <si>
    <t>30　衛生管理区域内の整理整頓及び消毒</t>
  </si>
  <si>
    <t>①衛生管理区域内は、ねずみ等の野生動物の隠れられる場所をなくしている。</t>
  </si>
  <si>
    <t>②病原体が残存しないよう不要な資材等の処分、除草等を行うとともに、資材、機材等を整理整頓し、敷地を定期的に消毒している。</t>
  </si>
  <si>
    <t>31　畜舎等施設の清掃及び消毒</t>
  </si>
  <si>
    <t>牛_9</t>
    <rPh sb="0" eb="1">
      <t>ウシ</t>
    </rPh>
    <phoneticPr fontId="1"/>
  </si>
  <si>
    <t>●畜舎その他の衛生管理区域内にある施設を飼養衛生管理マニュアルに基づき定期的に清掃及び消毒している。</t>
  </si>
  <si>
    <t>32　毎日の健康観察</t>
  </si>
  <si>
    <t>●毎日、飼養する家畜の健康観察（出生及び死亡の状況並びに異状の有無を含む。）を行っている。</t>
  </si>
  <si>
    <t>Ⅳ　衛生管理区域外への病原体の拡散防止</t>
  </si>
  <si>
    <t>33　衛生管理区域から退出する者の手指消毒等</t>
    <phoneticPr fontId="4"/>
  </si>
  <si>
    <r>
      <t xml:space="preserve">●衛生管理区域の出口付近に消毒設備を設置し、退出する者に対し手指の洗浄及び消毒をさせている。
</t>
    </r>
    <r>
      <rPr>
        <sz val="36"/>
        <color theme="1"/>
        <rFont val="ＭＳ 明朝"/>
        <family val="1"/>
        <charset val="128"/>
      </rPr>
      <t>※退出する者が消毒機器を携行し、消毒している場合を除く。</t>
    </r>
  </si>
  <si>
    <t>記入欄（はいの場合）※「項目15　衛生管理区域に立ち入る者の手指消毒等」と同じ場合には記載不要。</t>
    <phoneticPr fontId="4"/>
  </si>
  <si>
    <t>□ 項目15と同じ　　□ 設置されたスプレー　　□ 消毒槽　　□ 衛生管理区域専用の手袋の着用</t>
    <phoneticPr fontId="4"/>
  </si>
  <si>
    <t>34　衛生管理区域から退出する車両の消毒</t>
    <phoneticPr fontId="4"/>
  </si>
  <si>
    <r>
      <t xml:space="preserve">●衛生管理区域の出口付近に消毒設備を設置し、車両を出す者に対し車両の消毒をさせている。
</t>
    </r>
    <r>
      <rPr>
        <sz val="36"/>
        <color theme="1"/>
        <rFont val="ＭＳ 明朝"/>
        <family val="1"/>
        <charset val="128"/>
      </rPr>
      <t>※退出する者が消毒機器を携行し、当該機器を使用し消毒している場合を除く。</t>
    </r>
  </si>
  <si>
    <t>記入欄（はいの場合）※「項目17　衛生管理区域に立ち入る車両の消毒等」と同じ場合には記載不要。</t>
    <phoneticPr fontId="4"/>
  </si>
  <si>
    <t>□ 項目17と同じ　　□ ゲート式車両消毒装置　　□ プール式車両消毒装置　　□ 動力噴霧器　　□ 蓄圧式噴霧器</t>
    <phoneticPr fontId="4"/>
  </si>
  <si>
    <t>35　衛生管理区域から搬出する物品の消毒等</t>
  </si>
  <si>
    <t>●家畜の排せつ物等の付着した又は付着したおそれのある物品を衛生管理区域から持ち出す場合には、洗浄、消毒その他の必要な措置を講じている。</t>
  </si>
  <si>
    <t>36　家畜の出荷又は移動時の健康観察</t>
    <phoneticPr fontId="4"/>
  </si>
  <si>
    <t>①家畜を出荷等により農場外へ移動させる場合には、家畜に付着した排せつ物等の汚れを取り除くとともに、移動の直前に当該家畜の健康状態を確認している。</t>
  </si>
  <si>
    <t>②家畜の死体又は排せつ物を移動させる場合には、漏出が生じないようにしている。</t>
  </si>
  <si>
    <t>漏出防止方法（死体）</t>
    <rPh sb="0" eb="2">
      <t>ロウシュツ</t>
    </rPh>
    <rPh sb="2" eb="4">
      <t>ボウシ</t>
    </rPh>
    <rPh sb="4" eb="6">
      <t>ホウホウ</t>
    </rPh>
    <rPh sb="7" eb="9">
      <t>シタイ</t>
    </rPh>
    <phoneticPr fontId="4"/>
  </si>
  <si>
    <t>□ 屋根付きトラック　　□ 蓋付き容器　　□ ブルーシート　</t>
    <phoneticPr fontId="4"/>
  </si>
  <si>
    <t>漏出防止方法（排せつ物）</t>
    <rPh sb="0" eb="2">
      <t>ロウシュツ</t>
    </rPh>
    <rPh sb="2" eb="4">
      <t>ボウシ</t>
    </rPh>
    <rPh sb="4" eb="6">
      <t>ホウホウ</t>
    </rPh>
    <rPh sb="7" eb="8">
      <t>ハイ</t>
    </rPh>
    <rPh sb="10" eb="11">
      <t>ブツ</t>
    </rPh>
    <phoneticPr fontId="4"/>
  </si>
  <si>
    <t>□ 蓋付き容器　　□ ブルーシート　　</t>
    <phoneticPr fontId="4"/>
  </si>
  <si>
    <t>37　特定症状が確認された場合の早期通報並びに出荷及び移動の停止</t>
  </si>
  <si>
    <t>牛_10</t>
    <rPh sb="0" eb="1">
      <t>ウシ</t>
    </rPh>
    <phoneticPr fontId="1"/>
  </si>
  <si>
    <r>
      <t xml:space="preserve">①特定症状を呈していることを発見したときは、直ちに家畜保健衛生所に通報することとしている。
</t>
    </r>
    <r>
      <rPr>
        <sz val="36"/>
        <color theme="1"/>
        <rFont val="ＭＳ 明朝"/>
        <family val="1"/>
        <charset val="128"/>
      </rPr>
      <t>※家畜の所有者等は特定症状について十分理解し、家畜保健衛生所に直ちに通報することが必要であり、従業員がいる場合には、従業員も同様の対応がとれるよう、従業員に対する周知が飼養衛生管理マニュアルや貼紙、口頭等によって行われている必要がある。</t>
    </r>
    <phoneticPr fontId="1"/>
  </si>
  <si>
    <t>②（特定症状が確認された場合）農場からの家畜及びその死体、畜産物並びに排せつ物の出荷及び移動を行わないこととしている。</t>
  </si>
  <si>
    <t>③（特定症状が確認された場合）衛生管理区域内にある物品を衛生管理区域外に持ち出さないこととしている。</t>
  </si>
  <si>
    <t>38　特定症状以外の異状が確認された場合の出荷及び移動の停止</t>
  </si>
  <si>
    <t>※従業員がいる場合には、以下①～④について従業員も同様の対応がとれるよう、従業員に対する周知が飼養衛生管理マニュアルや貼紙、口頭等によって行われている必要がある。</t>
  </si>
  <si>
    <t>①特定症状以外の異状であって、家畜の死亡率の急激な上昇又は同様の症状を呈している家畜の増加が確認された場合には、直ちに獣医師の診療若しくは指導又は家畜保健衛生所の指導を受けている。</t>
  </si>
  <si>
    <t>②（獣医師の診療若しくは指導又は家畜保健衛生所の指導があった場合）当該家畜が監視伝染病にかかっていないことが確認されるまでの間、農場からの家畜の出荷及び移動を行わないこととしている。</t>
  </si>
  <si>
    <t>③（当該家畜が監視伝染病にかかっていることが確認された場合）家畜保健衛生所の指導に従うこととしている。</t>
  </si>
  <si>
    <t>④（飼養する家畜にその他の特定症状以外の異状が確認された場合）速やかに獣医師の診療を受け、又は指導を求めている。</t>
  </si>
  <si>
    <t>※　特定症状（口蹄疫を疑う症状）
①39.0℃以上の発熱及び泡沫性流涎、跛行、起立不能、泌乳量の大幅な低下又は泌乳の停止があり、かつ、その口腔内、口唇、鼻腔内、鼻部、蹄部、乳頭又は乳房（以下「口腔内等」という。）に水疱、びらん、潰瘍又は瘢痕（外傷に起因するものを除く。以下「水疱等」という。）があること（鹿にあっては、39.0℃以上の発熱があり、かつ、その口腔内等に水疱等があること）。
②同一の畜房内（１つの畜房につき１頭の家畜を飼養している場合にあっては、同一の畜舎内）において、複数の家畜の口腔内等に水疱等があること。
③同一の畜房内において、半数以上の哺乳畜（１つの畜房につき１頭の哺乳畜を飼養している場合にあっては、同一の畜舎内において、隣接する複数の畜房内の哺乳畜）が当日及びその前日の２日間において死亡すること。
ただし、家畜の飼養管理のための設備の故障、気温の急激な変化、火災、風、水害その他の非常災害等口蹄疫以外の事情によるものであることが明らかな場合は、この限りでない。</t>
  </si>
  <si>
    <t>確認記録</t>
    <phoneticPr fontId="1"/>
  </si>
  <si>
    <t>○年月日：</t>
    <phoneticPr fontId="1"/>
  </si>
  <si>
    <t>○確認者（家畜の所有者・飼養衛生管理者・家畜防疫員・民間獣医師・その他（　　　　　　　　　　　）</t>
    <phoneticPr fontId="1"/>
  </si>
  <si>
    <t>　氏名：</t>
    <rPh sb="1" eb="3">
      <t>シメイ</t>
    </rPh>
    <phoneticPr fontId="4"/>
  </si>
  <si>
    <t>２．飼養衛生管理基準の遵守状況及び遵守するための措置の実施状況
（２）豚及びいのししの場合</t>
    <phoneticPr fontId="1"/>
  </si>
  <si>
    <t>※記載方法
・自らの農場に関する飼養衛生管理基準の遵守状況及び遵守するための措置の実施状況について、自己点検を行うこと。
・１から40までの各項目の設問に対し、自己点検の結果を元に「はい」、「いいえ」又は「該当しない」にチェックを付けること。
・「記入欄」がある設問には、措置の状況を記載又は該当する事項にチェックを付けること。　
・「いいえ」と回答した項目については、記入欄に今後の改善方針を記載すること。　　　　　　　　　　　　　　　　　　　　　　　　　　　　　　　　　　　　　　　　　　　　　　　</t>
    <phoneticPr fontId="1"/>
  </si>
  <si>
    <t>●飼養衛生管理基準の構成について　　　　　　　　　　　　　　　　　　　　　　　　　　　　　　　　　　　　　　　　　　　　　　　　　　　　　　　　　　　　　　　　　　　　　　　　　　　　　　　　　　　　　　　　　　　　　　　　　　　　　　　　　　　　　　　　　　　　　　　　　　　　　　　　　　　　　　　　　　　　　　　　　　　　　　　　　　　　　　　　　　　　　　　　　　　　　　　　　　　　　　　　　　　　　　　　　　　　　　　　　　　　　　　　　　　　　　　飼養衛生管理基準は全40項目あり、各項目を取組の目的ごとに以下のⅠ～Ⅳに体系化しながら、分類している。　</t>
    <phoneticPr fontId="1"/>
  </si>
  <si>
    <t>衛生管理区域への病原体の侵入防止【項目13～24】</t>
    <rPh sb="0" eb="2">
      <t>エイセイ</t>
    </rPh>
    <rPh sb="2" eb="4">
      <t>カンリ</t>
    </rPh>
    <rPh sb="4" eb="6">
      <t>クイキ</t>
    </rPh>
    <rPh sb="8" eb="11">
      <t>ビョウゲンタイ</t>
    </rPh>
    <rPh sb="12" eb="14">
      <t>シンニュウ</t>
    </rPh>
    <rPh sb="14" eb="16">
      <t>ボウシ</t>
    </rPh>
    <rPh sb="17" eb="19">
      <t>コウモク</t>
    </rPh>
    <phoneticPr fontId="10"/>
  </si>
  <si>
    <t>衛生管理区域内における病原体による汚染拡大防止【項目25～34】</t>
    <rPh sb="0" eb="2">
      <t>エイセイ</t>
    </rPh>
    <rPh sb="2" eb="4">
      <t>カンリ</t>
    </rPh>
    <rPh sb="4" eb="6">
      <t>クイキ</t>
    </rPh>
    <rPh sb="6" eb="7">
      <t>ナイ</t>
    </rPh>
    <rPh sb="11" eb="14">
      <t>ビョウゲンタイ</t>
    </rPh>
    <rPh sb="17" eb="19">
      <t>オセン</t>
    </rPh>
    <rPh sb="19" eb="21">
      <t>カクダイ</t>
    </rPh>
    <rPh sb="21" eb="23">
      <t>ボウシ</t>
    </rPh>
    <rPh sb="24" eb="26">
      <t>コウモク</t>
    </rPh>
    <phoneticPr fontId="10"/>
  </si>
  <si>
    <t>衛生管理区域外への病原体の拡散防止【項目35～40】</t>
    <rPh sb="0" eb="2">
      <t>エイセイ</t>
    </rPh>
    <rPh sb="2" eb="4">
      <t>カンリ</t>
    </rPh>
    <rPh sb="4" eb="6">
      <t>クイキ</t>
    </rPh>
    <rPh sb="6" eb="7">
      <t>ソト</t>
    </rPh>
    <rPh sb="9" eb="12">
      <t>ビョウゲンタイ</t>
    </rPh>
    <rPh sb="13" eb="15">
      <t>カクサン</t>
    </rPh>
    <rPh sb="15" eb="17">
      <t>ボウシ</t>
    </rPh>
    <rPh sb="18" eb="20">
      <t>コウモク</t>
    </rPh>
    <phoneticPr fontId="10"/>
  </si>
  <si>
    <t>豚_2</t>
    <rPh sb="0" eb="1">
      <t>ブタ</t>
    </rPh>
    <phoneticPr fontId="1"/>
  </si>
  <si>
    <t>Ⅰ　家畜防疫に関する基本的事項</t>
    <phoneticPr fontId="4"/>
  </si>
  <si>
    <t>１　家畜の所有者の責務</t>
    <phoneticPr fontId="4"/>
  </si>
  <si>
    <r>
      <t xml:space="preserve">①関係法令を遵守している。
</t>
    </r>
    <r>
      <rPr>
        <sz val="36"/>
        <color theme="1"/>
        <rFont val="ＭＳ 明朝"/>
        <family val="1"/>
        <charset val="128"/>
      </rPr>
      <t>〈関係法令の例〉
・家畜伝染病予防法　・飼料の安全性の確保及び品質の改善に関する法律　・獣医師法
・家畜排せつ物の管理の適正化及び利用の促進に関する法律　・水質汚濁防止法　・悪臭防止法　
・廃棄物の処理及び清掃に関する法律　・医薬品、医療機器等の品質、有効性及び安全性の確保等に関する法律
・化製場等に関する法律</t>
    </r>
    <phoneticPr fontId="4"/>
  </si>
  <si>
    <t>③（所有者以外に飼養衛生管理者がある場合）飼養衛生管理者と常時連絡可能な体制を確保し、本基準に規定される取組について当該飼養衛生管理者に実施させている。</t>
    <phoneticPr fontId="4"/>
  </si>
  <si>
    <t>２　家畜防疫に関する最新情報の把握及び衛生管理の実践</t>
    <phoneticPr fontId="4"/>
  </si>
  <si>
    <r>
      <t xml:space="preserve">①家畜保健衛生所等から提供される情報を必ず確認している。
</t>
    </r>
    <r>
      <rPr>
        <sz val="36"/>
        <color theme="1"/>
        <rFont val="ＭＳ 明朝"/>
        <family val="1"/>
        <charset val="128"/>
      </rPr>
      <t>〈情報の把握方法例〉
・メール　・広報誌　・ＦＡＸ　・ウェブサイト</t>
    </r>
    <phoneticPr fontId="4"/>
  </si>
  <si>
    <t>②家畜保健衛生所等が開催する家畜衛生に関する講習会への参加、農林水産省のウェブサイトの閲覧等を通じて、家畜防疫に関する情報を積極的に把握している。</t>
    <phoneticPr fontId="4"/>
  </si>
  <si>
    <t>③家畜防疫に関する最新情報を踏まえ、防疫体制を含めて、自らの農場の飼養衛生管理の状況を定期的に点検し改善を図っている。</t>
    <phoneticPr fontId="4"/>
  </si>
  <si>
    <t>豚_3</t>
    <rPh sb="0" eb="1">
      <t>ブタ</t>
    </rPh>
    <phoneticPr fontId="1"/>
  </si>
  <si>
    <t>②消毒の実施の記録については、衛生管理区域の出入口等に台帳を設置し、確実に記録させている。</t>
    <phoneticPr fontId="4"/>
  </si>
  <si>
    <t>③（衛生管理区域に立ち入った者が過去一週間以内に海外から入国、又は帰国した場合）過去一週間以内に滞在した全ての国又は地域の名称及び当該国又は地域における畜産関係施設等への立入りの有無</t>
    <phoneticPr fontId="4"/>
  </si>
  <si>
    <t>④（従事者が海外に渡航した場合）滞在期間及び国又は地域の名称</t>
    <phoneticPr fontId="4"/>
  </si>
  <si>
    <t>⑤導入した家畜の種類、頭数、健康状態、導入元の農場等の名称及び導入の年月日</t>
    <phoneticPr fontId="4"/>
  </si>
  <si>
    <t>⑥出荷又は移動を行った家畜の種類、頭数、健康状態、出荷又は移動先の農場等の名称及び出荷又は移動の年月日</t>
    <phoneticPr fontId="4"/>
  </si>
  <si>
    <t>⑦飼養する家畜の頭数、月齢、異状の有無、異状がある場合にあっては、その症状並びに獣医師による診療結果及び投薬その他の処置の状況</t>
    <phoneticPr fontId="4"/>
  </si>
  <si>
    <t>⑧家畜保健衛生所、担当獣医師等からの農場指導の内容及び指導年月日</t>
    <phoneticPr fontId="4"/>
  </si>
  <si>
    <r>
      <t xml:space="preserve">①飼養する家畜が特定症状を呈していることを従業員が発見したとき、当該家畜の所有者及び飼養衛生管理者の許可を得ず、直ちに家畜保健衛生所に通報することを規定したものを作成し、これを全従業員に周知徹底している。
</t>
    </r>
    <r>
      <rPr>
        <sz val="36"/>
        <color theme="1"/>
        <rFont val="ＭＳ 明朝"/>
        <family val="1"/>
        <charset val="128"/>
      </rPr>
      <t>〈周知方法の例〉
・飼養衛生管理マニュアル　・貼紙
※以下の資料を添付
　従業員が農林水産大臣の定める特定症状を確認した場合に家畜保健衛生所へ直ちに通報することを規定したものの写し</t>
    </r>
    <phoneticPr fontId="4"/>
  </si>
  <si>
    <r>
      <t xml:space="preserve">②畜舎ごとに飼養衛生管理者を配置している。
</t>
    </r>
    <r>
      <rPr>
        <sz val="36"/>
        <color theme="1"/>
        <rFont val="ＭＳ 明朝"/>
        <family val="1"/>
        <charset val="128"/>
      </rPr>
      <t>｢同一の者が複数の畜舎を担当する場合には、衛生管理を行う家畜の頭数の合計が三千頭（肥育豚（月齢が満十月未満の豚をいう。）にあっては、一万頭）をこえないこと。）。」</t>
    </r>
    <phoneticPr fontId="4"/>
  </si>
  <si>
    <t>③大規模所有者のうち、特に家畜の頭数が多く監視伝染病が発生した場合の殺処分等に多大な時間を要すると都道府県知事が認める者は、必要事項を記載した対応計画を策定している。</t>
    <phoneticPr fontId="4"/>
  </si>
  <si>
    <t>●家畜保健衛生所と緊密に連絡を行っている担当の獣医師又は診療施設を定め、定期的に当該獣医師又は診療施設から飼養する家畜の健康管理について指導を受けている。</t>
    <phoneticPr fontId="4"/>
  </si>
  <si>
    <t>豚_4</t>
    <rPh sb="0" eb="1">
      <t>ブタ</t>
    </rPh>
    <phoneticPr fontId="1"/>
  </si>
  <si>
    <r>
      <t xml:space="preserve">●野生動物が豚熱等の家畜伝染病に感染したことが確認されているなど、家畜伝染病の発生リスクが高まっているものとして農林水産大臣が指定する地域において追加措置を講ずることとなる以下の取組について、その内容を習熟している。
</t>
    </r>
    <r>
      <rPr>
        <sz val="36"/>
        <color theme="1"/>
        <rFont val="ＭＳ 明朝"/>
        <family val="1"/>
        <charset val="128"/>
      </rPr>
      <t xml:space="preserve">  14　他の畜産関係施設等に立ち入った者等が衛生管理区域に立ち入る際の措置
　22　安全な資材の利用
　26　畜舎ごと専用の衣服及び靴の設置及び使用
　28　畜舎外での病原体による汚染防止
　29  野生動物の侵入防止のためのネット等の設置、点検及び修繕並びに大臣指定地域における放牧場の取組</t>
    </r>
    <phoneticPr fontId="4"/>
  </si>
  <si>
    <r>
      <t xml:space="preserve">①農場に病原体の侵入及びまん延の防止を重点的に行う区域として衛生管理区域を設定し、衛生管理区域とそれ以外の区域とに分け、両区域の場所が明確に分かるようにしている。
</t>
    </r>
    <r>
      <rPr>
        <sz val="36"/>
        <color theme="1"/>
        <rFont val="ＭＳ 明朝"/>
        <family val="1"/>
        <charset val="128"/>
      </rPr>
      <t>〈衛生管理区域境界の明確化方法例〉
・電気柵　　・ワイヤーメッシュ　　・消石灰帯　・柵　・ロープ　　・三角コーン　　・垣根（プランター）</t>
    </r>
    <rPh sb="101" eb="103">
      <t>デンキ</t>
    </rPh>
    <rPh sb="103" eb="104">
      <t>サク</t>
    </rPh>
    <phoneticPr fontId="4"/>
  </si>
  <si>
    <r>
      <t xml:space="preserve">②衛生管理区域は、畜舎、家畜に直接接触する物品の保管場所並びに家畜に直接触れた者が消毒並びに衣服及び靴の交換を行わずに行動する範囲の全てを網羅している。
</t>
    </r>
    <r>
      <rPr>
        <sz val="36"/>
        <color theme="1"/>
        <rFont val="ＭＳ 明朝"/>
        <family val="1"/>
        <charset val="128"/>
      </rPr>
      <t>※畜舎の他に、飼料給与、清掃、家畜の出荷及び死亡家畜の管理等の一連の作業に関連する農場内の敷地の全てを衛生管理区域とすること。</t>
    </r>
    <phoneticPr fontId="4"/>
  </si>
  <si>
    <t>③出入口の数を必要最小限とし、家畜、資材、死体等の持込み又は持出し場所を可能な限り衛生管理区域の境界に位置するよう設定している。</t>
    <phoneticPr fontId="4"/>
  </si>
  <si>
    <t>９　放牧制限の準備</t>
    <phoneticPr fontId="1"/>
  </si>
  <si>
    <r>
      <t>●</t>
    </r>
    <r>
      <rPr>
        <sz val="42"/>
        <rFont val="ＭＳ 明朝"/>
        <family val="1"/>
        <charset val="128"/>
      </rPr>
      <t>（放牧を行っている場合）放牧の停止又は制限があった場合に備え、家畜を収容できる避難用の設備の確保又は出荷若しくは移動のための準備措置を講じている。</t>
    </r>
    <rPh sb="2" eb="4">
      <t>ホウボク</t>
    </rPh>
    <rPh sb="5" eb="6">
      <t>オコナ</t>
    </rPh>
    <rPh sb="10" eb="12">
      <t>バアイ</t>
    </rPh>
    <phoneticPr fontId="4"/>
  </si>
  <si>
    <t>10　埋却等に備えた措置</t>
    <phoneticPr fontId="4"/>
  </si>
  <si>
    <r>
      <t xml:space="preserve">●以下の（１）～（３）いずれかの措置を行っている。
</t>
    </r>
    <r>
      <rPr>
        <sz val="36"/>
        <rFont val="ＭＳ 明朝"/>
        <family val="1"/>
        <charset val="128"/>
      </rPr>
      <t xml:space="preserve">※以下の（１）～（３）のいずれかの資料を添付
</t>
    </r>
    <r>
      <rPr>
        <sz val="42"/>
        <rFont val="ＭＳ 明朝"/>
        <family val="1"/>
        <charset val="128"/>
      </rPr>
      <t>（１）死体の処理に必要な埋却地を確保している。</t>
    </r>
    <r>
      <rPr>
        <sz val="36"/>
        <rFont val="ＭＳ 明朝"/>
        <family val="1"/>
        <charset val="128"/>
      </rPr>
      <t xml:space="preserve">
　ア 埋却用地の所在地
　イ 埋却用地が自己の所有する土地でない場合
　　 ・その所有者の氏名又は名称
　　 ・当該土地の利用に関する契約の内容
　ウ 埋却用地の面積・利用状況
　エ 農場から埋却用地までの距離
　オ 埋却用地の近隣住民その他の関係者への埋却の実施に関する説明の有無
　カ オの説明に対する当該関係者の承諾の有無
　キ その他埋却の的確かつ迅速な実施のため参考となる事項
</t>
    </r>
    <r>
      <rPr>
        <sz val="42"/>
        <rFont val="ＭＳ 明朝"/>
        <family val="1"/>
        <charset val="128"/>
      </rPr>
      <t>（２）死体の処理に必要な焼却施設を確保している。</t>
    </r>
    <r>
      <rPr>
        <sz val="36"/>
        <rFont val="ＭＳ 明朝"/>
        <family val="1"/>
        <charset val="128"/>
      </rPr>
      <t xml:space="preserve">
　ア 焼却施設の名称・所在地
　イ 農場から焼却施設までの距離
　ウ 焼却施設の近隣住民その他の関係者への焼却の実施に関する説明の有無
　エ ウの説明に対する当該関係者の承諾の有無
</t>
    </r>
    <r>
      <rPr>
        <sz val="42"/>
        <rFont val="ＭＳ 明朝"/>
        <family val="1"/>
        <charset val="128"/>
      </rPr>
      <t>（３）埋却地・焼却施設の確保が困難な場合は、都道府県知事が講ずる土地の確保又は焼却若しくは化製のための施設若しくは機械の利用に係る措置について都道府県知事が求める取組を行っている。</t>
    </r>
    <phoneticPr fontId="4"/>
  </si>
  <si>
    <t>□ 埋却地の確保　　□ 焼却のための取組　</t>
    <phoneticPr fontId="4"/>
  </si>
  <si>
    <t>□ 都道府県知事が求める取組（土地の確保に係る措置・焼却のための施設又は機械の利用に係る措置・化製のための施設又は機械の利用に係る措置）</t>
    <phoneticPr fontId="4"/>
  </si>
  <si>
    <t>豚_5</t>
    <rPh sb="0" eb="1">
      <t>ブタ</t>
    </rPh>
    <phoneticPr fontId="1"/>
  </si>
  <si>
    <r>
      <t xml:space="preserve">●衛生管理区域に愛玩動物を持込んでいない。また、衛生管理区域内で愛玩動物を飼育していない。
</t>
    </r>
    <r>
      <rPr>
        <sz val="36"/>
        <color theme="1"/>
        <rFont val="ＭＳ 明朝"/>
        <family val="1"/>
        <charset val="128"/>
      </rPr>
      <t>※観光牧場等において、飼育場所を限定している場合は除く。</t>
    </r>
    <phoneticPr fontId="4"/>
  </si>
  <si>
    <t>12　密飼いの防止</t>
  </si>
  <si>
    <r>
      <t xml:space="preserve">●家畜の健康に悪影響を及ぼすような過密な状態で家畜を飼養していない。
</t>
    </r>
    <r>
      <rPr>
        <sz val="36"/>
        <color theme="1"/>
        <rFont val="ＭＳ 明朝"/>
        <family val="1"/>
        <charset val="128"/>
      </rPr>
      <t>※以下の資料を添付
　畜舎ごとの家畜の飼養密度（家畜の種類ごとに○㎡／頭）を記載した資料</t>
    </r>
    <phoneticPr fontId="4"/>
  </si>
  <si>
    <t>13　衛生管理区域への必要のない者の立入りの制限</t>
    <phoneticPr fontId="4"/>
  </si>
  <si>
    <t>14 他の畜産関係施設等に立ち入った者等が衛生管理区域に立ち入る際の措置</t>
    <phoneticPr fontId="4"/>
  </si>
  <si>
    <r>
      <t xml:space="preserve">●当日に他の畜産関係施設等及び大臣指定地域に立ち入った者（※）並びに過去一週間以内に海外から入国し、又は帰国した者を衛生管理区域に立ち入らせないようにしている。
</t>
    </r>
    <r>
      <rPr>
        <sz val="36"/>
        <color theme="1"/>
        <rFont val="ＭＳ 明朝"/>
        <family val="1"/>
        <charset val="128"/>
      </rPr>
      <t>※農場の従事者、家畜防疫員、獣医師、家畜人工授精師、飼料運搬業者等は除く。</t>
    </r>
    <phoneticPr fontId="4"/>
  </si>
  <si>
    <r>
      <t xml:space="preserve">●衛生管理区域の入口付近に消毒設備を設置し、立ち入る者に対し、当該消毒設備を利用して手指の洗浄及び消毒をさせている。
</t>
    </r>
    <r>
      <rPr>
        <sz val="36"/>
        <color theme="1"/>
        <rFont val="ＭＳ 明朝"/>
        <family val="1"/>
        <charset val="128"/>
      </rPr>
      <t>※立ち入る者が消毒機器を携行し、消毒している場合を除く。</t>
    </r>
    <phoneticPr fontId="4"/>
  </si>
  <si>
    <r>
      <t xml:space="preserve">①衛生管理区域専用の衣服及び靴を設置し、立ち入る者に対し、これらを着実に着用させている。　
</t>
    </r>
    <r>
      <rPr>
        <sz val="36"/>
        <color theme="1"/>
        <rFont val="ＭＳ 明朝"/>
        <family val="1"/>
        <charset val="128"/>
      </rPr>
      <t>※立ち入る者が当該衛生管理区域専用の衣服及び靴を持参し、当該衣服及び靴を着用する場合を除く。
〈措置並びに使用するものの例〉
　衣服：　専用作業着、防護服
　靴：　　専用靴、ブーツカバー</t>
    </r>
    <phoneticPr fontId="4"/>
  </si>
  <si>
    <t>②更衣による衛生管理区域への病原体の侵入を防ぐため、着脱前後の衣服及び靴をすのこ、分離板等で場所を離して保管している。さらに、更衣前後において利用する経路が交差しないよう一方通行とするなど必要な措置を講じている。</t>
    <phoneticPr fontId="4"/>
  </si>
  <si>
    <t>③衣服及び靴に排せつ物、汚泥等が付着した場合には、洗浄及び消毒を行っている。</t>
    <phoneticPr fontId="4"/>
  </si>
  <si>
    <t>豚_6</t>
    <rPh sb="0" eb="1">
      <t>ブタ</t>
    </rPh>
    <phoneticPr fontId="1"/>
  </si>
  <si>
    <r>
      <t xml:space="preserve">①衛生管理区域の入口付近に消毒設備を設置し、車両の消毒をさせている。
</t>
    </r>
    <r>
      <rPr>
        <sz val="36"/>
        <color theme="1"/>
        <rFont val="ＭＳ 明朝"/>
        <family val="1"/>
        <charset val="128"/>
      </rPr>
      <t>※立ち入る者が消毒機器を携行し、当該機器を使用して消毒している場合を除く。</t>
    </r>
    <phoneticPr fontId="4"/>
  </si>
  <si>
    <r>
      <t xml:space="preserve">●過去四月以内に海外で使用した衣服及び靴を衛生管理区域に持ち込んでいない。やむを得ず持ち込む場合には、洗浄、消毒その他の必要な措置を講じている。
</t>
    </r>
    <r>
      <rPr>
        <sz val="36"/>
        <color theme="1"/>
        <rFont val="ＭＳ 明朝"/>
        <family val="1"/>
        <charset val="128"/>
      </rPr>
      <t>※過去四月以内に海外で使用した衣服及び靴をやむを得ず持ち込む場合に必要な措置については飼養衛生管理マニュアルに記載する。</t>
    </r>
    <phoneticPr fontId="4"/>
  </si>
  <si>
    <t>21　処理済みの飼料の利用</t>
    <phoneticPr fontId="4"/>
  </si>
  <si>
    <t>豚_7</t>
    <rPh sb="0" eb="1">
      <t>ブタ</t>
    </rPh>
    <phoneticPr fontId="1"/>
  </si>
  <si>
    <t>①肉を扱う事業所等から排出された食品循環資源を原材料とする飼料を給与する場合には、適正に処理が行われたものを用いている。</t>
    <phoneticPr fontId="4"/>
  </si>
  <si>
    <t>食品循環資源（※１）の飼料原料としての調達</t>
    <phoneticPr fontId="4"/>
  </si>
  <si>
    <t>□ あり（具体名：　　　　　　      　　　　　　　　）</t>
    <phoneticPr fontId="4"/>
  </si>
  <si>
    <t>食品循環資源の収集方法</t>
    <phoneticPr fontId="4"/>
  </si>
  <si>
    <t>□ 自分で収集　　□ 排出元が配達</t>
    <phoneticPr fontId="4"/>
  </si>
  <si>
    <t>食品循環資源の導入元</t>
    <phoneticPr fontId="4"/>
  </si>
  <si>
    <t>動物由来品（※２）の含有（可能性も含む）</t>
    <phoneticPr fontId="4"/>
  </si>
  <si>
    <t>□ 不明　　□ なし</t>
    <rPh sb="2" eb="4">
      <t>フメイ</t>
    </rPh>
    <phoneticPr fontId="4"/>
  </si>
  <si>
    <t>動物由来品が含有していることの記録（導入元との契約書類等）</t>
    <phoneticPr fontId="4"/>
  </si>
  <si>
    <t>□ あり（　　　　　　　　　　      　　　　　　　　）</t>
    <phoneticPr fontId="4"/>
  </si>
  <si>
    <t>農場での加熱方法</t>
    <phoneticPr fontId="4"/>
  </si>
  <si>
    <t>□ 鍋で煮る　　□ 蒸す　　□ 焼く</t>
    <phoneticPr fontId="4"/>
  </si>
  <si>
    <t>□ その他（　　　　　　　　　      　　　　　　　　）</t>
    <phoneticPr fontId="4"/>
  </si>
  <si>
    <t>農場での加熱状況</t>
    <phoneticPr fontId="4"/>
  </si>
  <si>
    <t>温度：　　　　　　　　℃、　　時間：　　　　　　　分</t>
    <rPh sb="0" eb="2">
      <t>オンド</t>
    </rPh>
    <rPh sb="15" eb="17">
      <t>ジカン</t>
    </rPh>
    <rPh sb="25" eb="26">
      <t>フン</t>
    </rPh>
    <phoneticPr fontId="4"/>
  </si>
  <si>
    <t>農場での加熱状況の確認方法</t>
    <phoneticPr fontId="4"/>
  </si>
  <si>
    <t>□ 温度計で手動計測（頻度：　　　　　　　、計測部位：　　　　　 　）</t>
    <phoneticPr fontId="4"/>
  </si>
  <si>
    <t>□ 自動計測　　□ その他（　　　　　　　　　　　　　　　　　　　　）</t>
    <phoneticPr fontId="4"/>
  </si>
  <si>
    <t>農場での加熱状況の記録</t>
    <phoneticPr fontId="4"/>
  </si>
  <si>
    <t>□ なし</t>
    <phoneticPr fontId="1"/>
  </si>
  <si>
    <t>□ あり</t>
    <phoneticPr fontId="1"/>
  </si>
  <si>
    <t>□ 記録表　　□ カレンダー</t>
    <phoneticPr fontId="1"/>
  </si>
  <si>
    <t>□ その他（　　　　　　　　　　　　　　　　　　　　）</t>
    <phoneticPr fontId="1"/>
  </si>
  <si>
    <t>攪拌方法</t>
    <phoneticPr fontId="4"/>
  </si>
  <si>
    <t>□ 手動　　□ 自動</t>
    <rPh sb="2" eb="4">
      <t>シュドウ</t>
    </rPh>
    <rPh sb="8" eb="10">
      <t>ジドウ</t>
    </rPh>
    <phoneticPr fontId="4"/>
  </si>
  <si>
    <t>※１　食品循環資源：食品製造副産物、余剰食品、調理残さ、食べ残し等をいう。
※２　動物由来品　：対象は、牛、豚等の偶蹄類肉、肉製品等（既に加熱されているか否かに関わらず）。
　　　　　　　　　　ただし、乳、乳製品、卵、卵製品、魚、及び魚製品等は除く。</t>
    <phoneticPr fontId="4"/>
  </si>
  <si>
    <t>②加熱後の飼料を含む全ての飼料が加熱前の原材料等により交差汚染しないような措置を講じている。</t>
    <phoneticPr fontId="4"/>
  </si>
  <si>
    <t>③加熱処理の行われていない飼料は衛生管理区域内に持ち込んでいない。</t>
    <phoneticPr fontId="4"/>
  </si>
  <si>
    <t>22　安全な資材の利用</t>
    <phoneticPr fontId="4"/>
  </si>
  <si>
    <t>●大臣指定地域において収穫された農産物等を自ら飼料、敷料等に利用する場合は、家畜保健衛生所に助言を求め、指導に従っている。</t>
    <phoneticPr fontId="4"/>
  </si>
  <si>
    <t>23　衛生管理区域への野生動物の侵入防止</t>
    <phoneticPr fontId="4"/>
  </si>
  <si>
    <r>
      <t xml:space="preserve">①衛生管理区域に野生いのししが侵入しないよう防護柵（※）の設置その他必要な措置を講じている。
</t>
    </r>
    <r>
      <rPr>
        <sz val="36"/>
        <color theme="1"/>
        <rFont val="ＭＳ 明朝"/>
        <family val="1"/>
        <charset val="128"/>
      </rPr>
      <t>※野生いのしし等のくぐり抜けを防止できるものに限る。放牧場等の屋外飼養施設では二重柵等の設置が必要。</t>
    </r>
    <phoneticPr fontId="4"/>
  </si>
  <si>
    <t>侵入防止措置</t>
    <rPh sb="0" eb="2">
      <t>シンニュウ</t>
    </rPh>
    <rPh sb="2" eb="4">
      <t>ボウシ</t>
    </rPh>
    <rPh sb="4" eb="6">
      <t>ソチ</t>
    </rPh>
    <phoneticPr fontId="4"/>
  </si>
  <si>
    <t>□ 防護柵（ 一重 ）　　□ 防護柵（ 二重 ）　　□ 塀　　□ 擁壁　　□ 壁</t>
    <phoneticPr fontId="4"/>
  </si>
  <si>
    <t>②定期的に当該設備の破損状況を確認し、破損がある場合には、遅滞なくその破損箇所を修繕している。</t>
    <phoneticPr fontId="4"/>
  </si>
  <si>
    <r>
      <t xml:space="preserve">③ねずみ等の野生動物の隠れられる場所をなくすよう、防護柵周囲の除草その他の必要な措置を講じている。
</t>
    </r>
    <r>
      <rPr>
        <sz val="36"/>
        <color theme="1"/>
        <rFont val="ＭＳ 明朝"/>
        <family val="1"/>
        <charset val="128"/>
      </rPr>
      <t>〈措置の例〉
・除草剤の散布　・草刈り</t>
    </r>
    <phoneticPr fontId="4"/>
  </si>
  <si>
    <t>24　家畜を導入する際の健康観察等</t>
    <phoneticPr fontId="4"/>
  </si>
  <si>
    <t>豚_8</t>
    <rPh sb="0" eb="1">
      <t>ブタ</t>
    </rPh>
    <phoneticPr fontId="1"/>
  </si>
  <si>
    <t>①他の農場等から家畜を導入する場合には、導入元の農場等における家畜の伝染性疾病の発生状況、導入する家畜の健康状態の確認等を行い、健康な家畜を導入している。</t>
    <phoneticPr fontId="4"/>
  </si>
  <si>
    <r>
      <t xml:space="preserve">②導入した家畜に家畜の伝染性疾病にかかっている可能性のある異状がないことを確認するまでの間、他の家畜と直接接触させないようにしている。
</t>
    </r>
    <r>
      <rPr>
        <sz val="36"/>
        <color theme="1"/>
        <rFont val="ＭＳ 明朝"/>
        <family val="1"/>
        <charset val="128"/>
      </rPr>
      <t>〈隔離方法の例〉
・隔離畜舎　・隔離畜房</t>
    </r>
    <phoneticPr fontId="4"/>
  </si>
  <si>
    <t>Ⅲ　衛生管理区域内における病原体による汚染拡大防止</t>
    <phoneticPr fontId="4"/>
  </si>
  <si>
    <t>25　畜舎に立ち入る者の手指消毒等</t>
    <phoneticPr fontId="4"/>
  </si>
  <si>
    <r>
      <t xml:space="preserve">●畜舎の入口付近に消毒設備を設置し、立ち入る者に対し、畜舎に出入りする際に手指の洗浄及び消毒をさせている。
</t>
    </r>
    <r>
      <rPr>
        <sz val="36"/>
        <color theme="1"/>
        <rFont val="ＭＳ 明朝"/>
        <family val="1"/>
        <charset val="128"/>
      </rPr>
      <t>〈消毒設備の例〉
・設置されたスプレー　・消毒槽　・畜舎専用の手袋の着用</t>
    </r>
    <phoneticPr fontId="4"/>
  </si>
  <si>
    <t>26　畜舎ごと専用の衣服及び靴の設置並びに使用</t>
    <phoneticPr fontId="4"/>
  </si>
  <si>
    <r>
      <t xml:space="preserve">①畜舎ごとの専用の衣服（大臣指定地域に限る。）及び靴を設置し、畜舎に入る者に対し、これらを着実に着用させている。
</t>
    </r>
    <r>
      <rPr>
        <sz val="36"/>
        <color theme="1"/>
        <rFont val="ＭＳ 明朝"/>
        <family val="1"/>
        <charset val="128"/>
      </rPr>
      <t>〈設置並びに使用するものの例〉
　衣服：　専用作業着、防護服
　靴：　　専用靴、ブーツカバー</t>
    </r>
    <phoneticPr fontId="4"/>
  </si>
  <si>
    <t>②更衣を行う際に病原体が畜舎に侵入することがないよう、着脱前後の衣服及び靴をすのこ、分離板等で場所を離して保管している。さらに、更衣前後において利用する経路が交差しないよう一方通行とするなど必要な措置を講じている。</t>
    <phoneticPr fontId="4"/>
  </si>
  <si>
    <t>保管方法</t>
    <rPh sb="0" eb="2">
      <t>ホカン</t>
    </rPh>
    <rPh sb="2" eb="4">
      <t>ホウホウ</t>
    </rPh>
    <phoneticPr fontId="4"/>
  </si>
  <si>
    <t>□ 屋内　　□ 屋外（専用保管箱）　　□ 屋外（ブルーシート等で被覆）</t>
    <phoneticPr fontId="4"/>
  </si>
  <si>
    <t>更衣による交差汚染を防止する対策</t>
    <phoneticPr fontId="4"/>
  </si>
  <si>
    <t>③畜舎から家畜、堆肥等を搬出する際には、作業者の動線が畜舎の内外で交差しないよう、畜舎の内外で作業する者を分けている又は専用の靴の履替えその他の必要な措置を講じている。</t>
    <phoneticPr fontId="4"/>
  </si>
  <si>
    <t>□ 畜舎の内外で作業する者を分けている　　□ 専用靴の履替え</t>
    <phoneticPr fontId="4"/>
  </si>
  <si>
    <t>④衣服又は靴に排せつ物、汚泥等が付着した場合には、洗浄及び消毒を行っている。</t>
    <phoneticPr fontId="4"/>
  </si>
  <si>
    <t>27 器具の定期的な清掃又は消毒等</t>
    <phoneticPr fontId="4"/>
  </si>
  <si>
    <t>①飼養管理に使用する器具の清掃又は消毒を定期的にしている。</t>
    <phoneticPr fontId="4"/>
  </si>
  <si>
    <t>②注射針、人工授精用器具その他体液が付着する物品を使用する際は、注射針にあっては少なくとも畜房ごとに、人工授精用器具その他の物品にあっては一頭ごとに交換又は消毒をしている。</t>
    <phoneticPr fontId="4"/>
  </si>
  <si>
    <t>28　畜舎外での病原体による汚染防止</t>
    <phoneticPr fontId="4"/>
  </si>
  <si>
    <t>豚_9</t>
    <rPh sb="0" eb="1">
      <t>ブタ</t>
    </rPh>
    <phoneticPr fontId="1"/>
  </si>
  <si>
    <t>①家畜の飼養管理に必要のない物品を畜舎に持ち込んでいない。</t>
    <phoneticPr fontId="4"/>
  </si>
  <si>
    <t>②（大臣指定地域の場合）家畜を畜舎間で移動する際、屋根、壁等により野生動物などによる病原体の侵入を防止できる畜舎間通路、洗浄及び消毒済みケージ、リフト等を使用している。</t>
    <phoneticPr fontId="4"/>
  </si>
  <si>
    <t>□ 畜舎間通路　　□ ケージ　　□ リフト</t>
    <phoneticPr fontId="4"/>
  </si>
  <si>
    <t>③（大臣指定地域の場合）畜舎に重機、一輪車等を持ち込む場合には、畜舎の出入口付近において洗浄及び消毒をしている。</t>
    <phoneticPr fontId="4"/>
  </si>
  <si>
    <t>29　野生動物の侵入防止のためのネット等の設置、点検及び修繕並びに大臣指定地域における放牧場についての取組</t>
    <phoneticPr fontId="4"/>
  </si>
  <si>
    <t>①野鳥等の野生動物の畜舎、飼料保管庫、堆肥舎、死体保管庫等への侵入を防止することができる防鳥ネットその他の設備を設置している。</t>
    <phoneticPr fontId="4"/>
  </si>
  <si>
    <t>畜舎内への侵入防止対策</t>
    <phoneticPr fontId="4"/>
  </si>
  <si>
    <t>□ ウインドウレス</t>
    <phoneticPr fontId="4"/>
  </si>
  <si>
    <t>□ 壁または窓</t>
    <phoneticPr fontId="4"/>
  </si>
  <si>
    <t>□ 金網</t>
    <rPh sb="2" eb="4">
      <t>カナアミ</t>
    </rPh>
    <phoneticPr fontId="4"/>
  </si>
  <si>
    <t>□ 消石灰帯</t>
    <phoneticPr fontId="4"/>
  </si>
  <si>
    <t>□ 設置なし</t>
    <rPh sb="2" eb="4">
      <t>セッチ</t>
    </rPh>
    <phoneticPr fontId="4"/>
  </si>
  <si>
    <t>□ 設置あり</t>
    <rPh sb="2" eb="4">
      <t>セッチ</t>
    </rPh>
    <phoneticPr fontId="4"/>
  </si>
  <si>
    <t>幅</t>
    <rPh sb="0" eb="1">
      <t>ハバ</t>
    </rPh>
    <phoneticPr fontId="4"/>
  </si>
  <si>
    <t>　　　　　　　　　　　ｍ</t>
    <phoneticPr fontId="4"/>
  </si>
  <si>
    <t>排せつ物保管場所の対策</t>
    <phoneticPr fontId="4"/>
  </si>
  <si>
    <t>（１）排せつ物処理方法</t>
    <phoneticPr fontId="4"/>
  </si>
  <si>
    <t>□ 堆積　　□ コンポスト　　□ 共同処理施設への搬出</t>
    <phoneticPr fontId="4"/>
  </si>
  <si>
    <t>（２）野生動物の侵入防止対策</t>
    <phoneticPr fontId="4"/>
  </si>
  <si>
    <t>飼料の保管場所の対策</t>
    <phoneticPr fontId="4"/>
  </si>
  <si>
    <t>資材の保管場所の対策</t>
    <phoneticPr fontId="4"/>
  </si>
  <si>
    <t>豚_10</t>
    <rPh sb="0" eb="1">
      <t>ブタ</t>
    </rPh>
    <phoneticPr fontId="1"/>
  </si>
  <si>
    <t>豚（子豚）</t>
    <phoneticPr fontId="4"/>
  </si>
  <si>
    <t>□ 化製処理　　□ その他：（　　　　　　　　　　　　　　　　　　　　　　）</t>
    <phoneticPr fontId="1"/>
  </si>
  <si>
    <t>豚（肥育前期）</t>
    <phoneticPr fontId="4"/>
  </si>
  <si>
    <t>豚（肥育後期及び繁殖豚）</t>
    <phoneticPr fontId="4"/>
  </si>
  <si>
    <t>その他（必要に応じて記載）</t>
    <phoneticPr fontId="4"/>
  </si>
  <si>
    <t>施設の種類</t>
    <phoneticPr fontId="4"/>
  </si>
  <si>
    <t>具体的な侵入防止対策</t>
    <phoneticPr fontId="4"/>
  </si>
  <si>
    <t>②定期的に設備の破損状況を確認し、破損がある場合には、遅滞なくその破損箇所を修繕している。</t>
    <phoneticPr fontId="4"/>
  </si>
  <si>
    <t>③（大臣指定地域の場合）放牧場について給餌場所における防鳥ネットの設置及び家畜を収容できる避難用の設備を確保している。</t>
    <phoneticPr fontId="4"/>
  </si>
  <si>
    <t>給餌場所の防鳥ネットの設置</t>
    <phoneticPr fontId="4"/>
  </si>
  <si>
    <t>家畜を収容できる避難用の設備の確保</t>
    <phoneticPr fontId="4"/>
  </si>
  <si>
    <t>□ なし　　□ あり</t>
    <phoneticPr fontId="4"/>
  </si>
  <si>
    <t>30　給餌設備、給水設備等への野生動物の排せつ物等の混入の防止</t>
    <phoneticPr fontId="4"/>
  </si>
  <si>
    <t>●畜舎の給餌設備及び給水設備並びに飼料の保管場所にねずみ、野鳥等の野生動物の排せつ物等が混入しないよう必要な措置を講じている。</t>
    <phoneticPr fontId="4"/>
  </si>
  <si>
    <t>31　ねずみ及び害虫の駆除</t>
    <phoneticPr fontId="4"/>
  </si>
  <si>
    <t>豚_11</t>
    <rPh sb="0" eb="1">
      <t>ブタ</t>
    </rPh>
    <phoneticPr fontId="1"/>
  </si>
  <si>
    <t>①ねずみ及びはえ等の害虫の駆除を行うために殺そ剤及び殺虫剤の散布、粘着シートの設置その他の必要な措置を講じている。</t>
    <phoneticPr fontId="4"/>
  </si>
  <si>
    <t>□ 殺鼠剤　　□ 粘着シート　</t>
    <rPh sb="3" eb="4">
      <t>ネズミ</t>
    </rPh>
    <phoneticPr fontId="4"/>
  </si>
  <si>
    <t>②畜舎の屋根又は壁面に破損がある場合には、遅滞なくその破損個所を修繕している。</t>
    <phoneticPr fontId="4"/>
  </si>
  <si>
    <t>32　衛生管理区域内の整理整頓及び消毒</t>
    <phoneticPr fontId="4"/>
  </si>
  <si>
    <t>①衛生管理区域内は、ねずみ等の野生動物の隠れられる場所をなくしている。</t>
    <phoneticPr fontId="4"/>
  </si>
  <si>
    <t>②病原体が残存しないよう不要な資材等の処分、除草等を行うとともに、資材、機材等を整理整頓し、敷地を定期的に消毒している。</t>
    <phoneticPr fontId="4"/>
  </si>
  <si>
    <t>33　畜舎等施設の清掃及び消毒</t>
    <phoneticPr fontId="4"/>
  </si>
  <si>
    <t>●畜舎その他の衛生管理区域内にある施設を飼養衛生管理マニュアルに基づき定期的に清掃及び消毒している。</t>
    <phoneticPr fontId="4"/>
  </si>
  <si>
    <t>34　毎日の健康観察</t>
    <phoneticPr fontId="4"/>
  </si>
  <si>
    <t>●毎日、飼養する家畜の健康観察（出生及び死亡の状況並びに異状の有無を含む。）を行っている。</t>
    <phoneticPr fontId="4"/>
  </si>
  <si>
    <t>Ⅳ　衛生管理区域外への病原体の拡散防止</t>
    <phoneticPr fontId="4"/>
  </si>
  <si>
    <t>35　衛生管理区域から退出する者の手指消毒等</t>
    <phoneticPr fontId="4"/>
  </si>
  <si>
    <r>
      <t xml:space="preserve">●衛生管理区域の出口付近に消毒設備を設置し、退出する者に対し手指の洗浄及び消毒をさせている。
</t>
    </r>
    <r>
      <rPr>
        <sz val="36"/>
        <color theme="1"/>
        <rFont val="ＭＳ 明朝"/>
        <family val="1"/>
        <charset val="128"/>
      </rPr>
      <t>※退出する者が消毒機器を携行し、消毒している場合を除く。</t>
    </r>
    <phoneticPr fontId="4"/>
  </si>
  <si>
    <t>36　衛生管理区域から退出する車両の消毒</t>
    <phoneticPr fontId="4"/>
  </si>
  <si>
    <t>豚_12</t>
    <rPh sb="0" eb="1">
      <t>ブタ</t>
    </rPh>
    <phoneticPr fontId="1"/>
  </si>
  <si>
    <r>
      <t xml:space="preserve">●衛生管理区域の出口付近に消毒設備を設置し、車両を出す者に対し車両の消毒をさせている。
</t>
    </r>
    <r>
      <rPr>
        <sz val="36"/>
        <color theme="1"/>
        <rFont val="ＭＳ 明朝"/>
        <family val="1"/>
        <charset val="128"/>
      </rPr>
      <t>※退出する者が消毒機器を携行し、当該機器を使用し消毒している場合を除く。</t>
    </r>
    <phoneticPr fontId="4"/>
  </si>
  <si>
    <t>37　衛生管理区域から搬出する物品の消毒等</t>
    <phoneticPr fontId="4"/>
  </si>
  <si>
    <t>●家畜の排せつ物等の付着した又は付着したおそれのある物品を衛生管理区域から持ち出す場合には、洗浄、消毒その他の必要な措置を講じている。</t>
    <phoneticPr fontId="4"/>
  </si>
  <si>
    <t>38　家畜の出荷又は移動時の健康観察</t>
    <phoneticPr fontId="4"/>
  </si>
  <si>
    <t>①家畜を出荷等により農場外へ移動させる場合には、移動の直前に当該家畜の健康状態を確認している。</t>
    <phoneticPr fontId="4"/>
  </si>
  <si>
    <t>②家畜の死体又は排せつ物を移動させる場合には、漏出が生じないようにしている。</t>
    <phoneticPr fontId="4"/>
  </si>
  <si>
    <t>39　特定症状が確認された場合の早期通報並びに出荷及び移動の停止</t>
    <phoneticPr fontId="4"/>
  </si>
  <si>
    <r>
      <t xml:space="preserve">①特定症状を呈していることを発見したときは、直ちに家畜保健衛生所に通報することとしている。
</t>
    </r>
    <r>
      <rPr>
        <sz val="36"/>
        <color theme="1"/>
        <rFont val="ＭＳ 明朝"/>
        <family val="1"/>
        <charset val="128"/>
      </rPr>
      <t>※家畜の所有者等は特定症状について十分理解し、家畜保健衛生所に直ちに通報することが必要であり、従業員がいる場合には、従業員も同様の対応がとれるよう、従業員に対する周知が飼養衛生管理マニュアルや貼紙、口頭等によって行われている必要がある。</t>
    </r>
    <phoneticPr fontId="4"/>
  </si>
  <si>
    <t>②（特定症状が確認された場合）農場からの家畜及びその死体、畜産物並びに排せつ物の出荷及び移動を行わないこととしている。</t>
    <phoneticPr fontId="4"/>
  </si>
  <si>
    <t>③（特定症状が確認された場合）衛生管理区域内にある物品を衛生管理区域外に持ち出さないこととしている。</t>
    <phoneticPr fontId="4"/>
  </si>
  <si>
    <t>40　特定症状以外の異状が確認された場合の出荷及び移動の停止</t>
    <phoneticPr fontId="4"/>
  </si>
  <si>
    <t>豚_13</t>
    <rPh sb="0" eb="1">
      <t>ブタ</t>
    </rPh>
    <phoneticPr fontId="1"/>
  </si>
  <si>
    <t>※従業員がいる場合には、以下①～④について従業員も同様の対応がとれるよう、従業員に対する周知が飼養衛生管理マニュアルや貼紙、口頭等によって行われている必要がある。</t>
    <phoneticPr fontId="4"/>
  </si>
  <si>
    <t>①特定症状以外の異状であって、家畜の死亡率の急激な上昇又は同様の症状を呈している家畜の増加が確認された場合には、直ちに獣医師の診療若しくは指導又は家畜保健衛生所の指導を受けている。</t>
    <phoneticPr fontId="4"/>
  </si>
  <si>
    <t>②（獣医師の診療若しくは指導又は家畜保健衛生所の指導があった場合）当該家畜が監視伝染病にかかっていないことが確認されるまでの間、農場からの家畜の出荷及び移動を行わないこととしている。</t>
    <phoneticPr fontId="4"/>
  </si>
  <si>
    <t>③（当該家畜が監視伝染病にかかっていることが確認された場合）家畜保健衛生所の指導に従うこととしている。</t>
    <phoneticPr fontId="4"/>
  </si>
  <si>
    <t>④（飼養する家畜にその他の特定症状以外の異状が確認された場合）速やかに獣医師の診療を受け、又は指導を求めている。</t>
    <phoneticPr fontId="4"/>
  </si>
  <si>
    <t>※　特定症状
１．豚熱及びアフリカ豚熱を疑う症状
①耳翼、下腹部、四肢等に紫斑があること。
②同一の畜房内において、以下のいずれかの症状を示す豚等が一定期間（概ね一週間程度）に増加していること。ただし、当該農場に浸潤している他の疾病によるものであることが明らかな場合等、豚熱及びアフリカ豚熱以外の事情によるものであることが明らかな場合はこの限りではない。
（１）摂氏40度以上の発熱、元気消失、食欲減退
（２）便秘、下痢
（３）結膜炎
（４）歩行困難、後躯麻痺、けいれん
（５）削痩、被毛粗剛、発育不良（いわゆる「ひね豚」）
（６）流死産等の異常産の発生
（７）血液凝固不全に起因した皮下出血、皮膚紅斑、天然孔からの出血、血便
③同一の畜舎内において、一定期間（概ね一週間程度）に複数の繁殖又は肥育に供する豚等が突然死亡すること。ただし、家畜の飼養管理のための設備の故障、気温の急激な変化、火災、風水害その他の非常災害等豚熱及びアフリカ豚熱以外の事情によるものであることが明らかな場合は、この限りではない。
④血液検査を実施した場合において、同一の畜房内（一の畜房につき一の家畜を飼養している場合にあっては、同一の畜舎内）において、複数の家畜に白血球数の減少（１万個未満/μl）又は好中球の核の左方移動が確認されること。ただし、当該農場に浸潤している他の疾病によるものであることが明らかな場合等、豚熱及びアフリカ豚熱以外の事情によるものであることが明らかな場合はこの限りではない。
２．口蹄疫を疑う症状
①39.0℃以上の発熱及び泡沫性流涎、跛行、起立不能、泌乳量の大幅な低下又は泌乳の停止があり、かつ、その口腔内、口唇、鼻腔内、鼻部、蹄部、乳頭又は乳房（以下「口腔内等」という。）に水疱、びらん、潰瘍又は瘢痕（外傷に起因するものを除く。以下「水疱等」という。）があること（鹿にあっては、39.0℃以上の発熱があり、かつ、その口腔内等に水疱等があること）。
②同一の畜房内（１つの畜房につき１頭の家畜を飼養している場合にあっては、同一の畜舎内）において、複数の家畜の口腔内等に水疱等があること。
③同一の畜房内において、半数以上の哺乳畜（１つの畜房につき１頭の哺乳畜を飼養している場合にあっては、同一の畜舎内において、隣接する複数の畜房内の哺乳畜）が当日及びその前日の２日間において死亡すること。
ただし、家畜の飼養管理のための設備の故障、気温の急激な変化、火災、風、水害その他の非常災害等口蹄疫以外の事情によるものであることが明らかな場合は、この限りでない。</t>
    <phoneticPr fontId="4"/>
  </si>
  <si>
    <t>２．飼養衛生管理基準の遵守状況及び遵守するための措置の実施状況
（３）鶏、あひる、うずら、きじ、だちょう、ほろほろ鳥及び七面鳥の場合</t>
    <phoneticPr fontId="1"/>
  </si>
  <si>
    <r>
      <t xml:space="preserve">※記載方法
</t>
    </r>
    <r>
      <rPr>
        <sz val="48"/>
        <color theme="1"/>
        <rFont val="Wingdings"/>
        <family val="1"/>
        <charset val="2"/>
      </rPr>
      <t></t>
    </r>
    <r>
      <rPr>
        <sz val="48"/>
        <color theme="1"/>
        <rFont val="ＭＳ 明朝"/>
        <family val="1"/>
        <charset val="128"/>
      </rPr>
      <t xml:space="preserve">自らの農場に関する飼養衛生管理基準の遵守状況及び遵守するための措置の実施状況について、自己点検を行うこと。
</t>
    </r>
    <r>
      <rPr>
        <sz val="48"/>
        <color theme="1"/>
        <rFont val="Wingdings"/>
        <family val="1"/>
        <charset val="2"/>
      </rPr>
      <t></t>
    </r>
    <r>
      <rPr>
        <sz val="48"/>
        <color theme="1"/>
        <rFont val="ＭＳ 明朝"/>
        <family val="1"/>
        <charset val="128"/>
      </rPr>
      <t>１から35までの各項目の設問に対し、自己点検の結果を元に「はい」、「いいえ」又は「該当しない」にチェックを付けること。
・「記入欄」がある設問には、措置の状況を記載又は該当する事項にチェックを付けること。　
・「いいえ」と回答した項目については、記入欄に今後の改善方針を記載すること。　　　　　　　　　　　　　　　　　　　　　　　　　　　　　　　　　　　　　　　　　　　　　　　</t>
    </r>
    <phoneticPr fontId="1"/>
  </si>
  <si>
    <t>●飼養衛生管理基準の構成について　　　　　　　　　　　　　　　　　　　　　　　　　　　　　　　　　　　　　　　　　　　　　　　　　　　　　　　　　　　　　　　　　　　　　　　　　　　　　　　　　　　　　　　　　　　　　　　　　　　　　　　　　　　　　　　　　　　　　　　　　　　　　　　　　　　　　　　　　　　　　　　　　　　　　　　　　　　　　　　　　　　　　　　　　　　　　　　　　　　　　　　　　　　　　　　　　　　　　　　　　　　　　　　　　　　　　　　飼養衛生管理基準は全35項目あり、各項目を取組の目的ごとに以下のⅠ～Ⅳに体系化しながら、
分類している。　</t>
    <phoneticPr fontId="1"/>
  </si>
  <si>
    <t>家畜防疫に関する基本的事項【項目１～10】</t>
    <rPh sb="0" eb="2">
      <t>カチク</t>
    </rPh>
    <rPh sb="2" eb="4">
      <t>ボウエキ</t>
    </rPh>
    <rPh sb="5" eb="6">
      <t>カン</t>
    </rPh>
    <rPh sb="8" eb="10">
      <t>キホン</t>
    </rPh>
    <rPh sb="10" eb="11">
      <t>テキ</t>
    </rPh>
    <rPh sb="11" eb="13">
      <t>ジコウ</t>
    </rPh>
    <rPh sb="14" eb="16">
      <t>コウモク</t>
    </rPh>
    <phoneticPr fontId="10"/>
  </si>
  <si>
    <t>衛生管理区域への病原体の侵入防止【項目11～19】</t>
    <rPh sb="0" eb="2">
      <t>エイセイ</t>
    </rPh>
    <rPh sb="2" eb="4">
      <t>カンリ</t>
    </rPh>
    <rPh sb="4" eb="6">
      <t>クイキ</t>
    </rPh>
    <rPh sb="8" eb="11">
      <t>ビョウゲンタイ</t>
    </rPh>
    <rPh sb="12" eb="14">
      <t>シンニュウ</t>
    </rPh>
    <rPh sb="14" eb="16">
      <t>ボウシ</t>
    </rPh>
    <rPh sb="17" eb="19">
      <t>コウモク</t>
    </rPh>
    <phoneticPr fontId="10"/>
  </si>
  <si>
    <t>衛生管理区域内における病原体による汚染拡大防止【項目20～29】</t>
    <rPh sb="0" eb="2">
      <t>エイセイ</t>
    </rPh>
    <rPh sb="2" eb="4">
      <t>カンリ</t>
    </rPh>
    <rPh sb="4" eb="6">
      <t>クイキ</t>
    </rPh>
    <rPh sb="6" eb="7">
      <t>ナイ</t>
    </rPh>
    <rPh sb="11" eb="14">
      <t>ビョウゲンタイ</t>
    </rPh>
    <rPh sb="17" eb="19">
      <t>オセン</t>
    </rPh>
    <rPh sb="19" eb="21">
      <t>カクダイ</t>
    </rPh>
    <rPh sb="21" eb="23">
      <t>ボウシ</t>
    </rPh>
    <rPh sb="24" eb="26">
      <t>コウモク</t>
    </rPh>
    <phoneticPr fontId="10"/>
  </si>
  <si>
    <t>衛生管理区域外への病原体の拡散防止【項目30～35】</t>
    <rPh sb="0" eb="2">
      <t>エイセイ</t>
    </rPh>
    <rPh sb="2" eb="4">
      <t>カンリ</t>
    </rPh>
    <rPh sb="4" eb="6">
      <t>クイキ</t>
    </rPh>
    <rPh sb="6" eb="7">
      <t>ソト</t>
    </rPh>
    <rPh sb="9" eb="12">
      <t>ビョウゲンタイ</t>
    </rPh>
    <rPh sb="13" eb="15">
      <t>カクサン</t>
    </rPh>
    <rPh sb="15" eb="17">
      <t>ボウシ</t>
    </rPh>
    <rPh sb="18" eb="20">
      <t>コウモク</t>
    </rPh>
    <phoneticPr fontId="10"/>
  </si>
  <si>
    <t>家_2</t>
    <rPh sb="0" eb="1">
      <t>イエ</t>
    </rPh>
    <phoneticPr fontId="1"/>
  </si>
  <si>
    <t>家畜防疫員　　　　チェックボックス</t>
    <rPh sb="0" eb="2">
      <t>カチク</t>
    </rPh>
    <rPh sb="2" eb="5">
      <t>ボウエキイン</t>
    </rPh>
    <phoneticPr fontId="4"/>
  </si>
  <si>
    <r>
      <t xml:space="preserve">①関係法令を遵守している。
</t>
    </r>
    <r>
      <rPr>
        <sz val="36"/>
        <color theme="1"/>
        <rFont val="ＭＳ 明朝"/>
        <family val="1"/>
        <charset val="128"/>
      </rPr>
      <t>〈関係法令の例〉
・家畜伝染病予防法　・飼料の安全性の確保及び品質の改善に関する法律　・獣医師法
・家畜排せつ物の管理の適正化及び利用の促進に関する法律　・水質汚濁防止法　・悪臭防止法
・廃棄物の処理及び清掃に関する法律　・医薬品、医療機器等の品質、有効性及び安全性の確保等に関する法律　</t>
    </r>
    <phoneticPr fontId="4"/>
  </si>
  <si>
    <r>
      <t xml:space="preserve">②農場の所在地域で飼養されている家きんの所有者その他の畜産関係者と協力して衛生管理の意識を高め、衛生管理を行っている。
</t>
    </r>
    <r>
      <rPr>
        <sz val="36"/>
        <color theme="1"/>
        <rFont val="ＭＳ 明朝"/>
        <family val="1"/>
        <charset val="128"/>
      </rPr>
      <t>〈協力者の例〉
・地域の他の家畜の所有者（飼養衛生管理者）　・都道府県　・市町村　・関係団体　・地域自衛防疫団体</t>
    </r>
    <phoneticPr fontId="4"/>
  </si>
  <si>
    <t>③家きんの伝染性疾病の発生の予防及びまん延の防止に関する情報を従事者及び外部事業者に周知徹底している。</t>
    <phoneticPr fontId="4"/>
  </si>
  <si>
    <t>家_3</t>
    <rPh sb="0" eb="1">
      <t>イエ</t>
    </rPh>
    <phoneticPr fontId="1"/>
  </si>
  <si>
    <t>⑤導入した家きんの種類、羽数、健康状態、導入元の農場等の名称及び導入の年月日</t>
    <phoneticPr fontId="4"/>
  </si>
  <si>
    <t>⑥出荷又は移動を行った家きんの種類、羽数、健康状態、出荷又は移動先の農場等の名称及び出荷又は移動の年月日</t>
    <phoneticPr fontId="4"/>
  </si>
  <si>
    <t>⑦飼養する家きんの羽数、日齢、異状の有無、異状がある場合にあっては、その症状並びに獣医師による診療結果及び投薬その他の処置の状況</t>
    <phoneticPr fontId="4"/>
  </si>
  <si>
    <r>
      <t xml:space="preserve">①飼養する家きんが特定症状を呈していることを従業員が発見したとき、当該家きんの所有者及び飼養衛生管理者の許可を得ず、直ちに家畜保健衛生所に通報することを規定したものを作成し、これを全従業員に周知徹底している。
</t>
    </r>
    <r>
      <rPr>
        <sz val="36"/>
        <color theme="1"/>
        <rFont val="ＭＳ 明朝"/>
        <family val="1"/>
        <charset val="128"/>
      </rPr>
      <t>〈周知方法の例〉
・飼養衛生管理マニュアル　・貼紙
※以下の資料を添付
　従業員が農林水産大臣の定める特定症状を確認した場合に家畜保健衛生所へ直ちに通報することを規定したものの写し</t>
    </r>
    <phoneticPr fontId="4"/>
  </si>
  <si>
    <r>
      <t xml:space="preserve">②家きん舎ごとに飼養衛生管理者を配置している。
</t>
    </r>
    <r>
      <rPr>
        <sz val="36"/>
        <rFont val="ＭＳ 明朝"/>
        <family val="1"/>
        <charset val="128"/>
      </rPr>
      <t>｢同一の者が複数の家きん舎を担当する場合には、衛生管理を行う家きんの羽数の合計が鶏及びうずらの場合は十万羽、あひる、きじ、だちょう、ほろほろ鳥及び七面鳥の場合は一万羽を超えないこと。｣</t>
    </r>
    <rPh sb="76" eb="77">
      <t>ハネ</t>
    </rPh>
    <rPh sb="106" eb="107">
      <t>ハネ</t>
    </rPh>
    <phoneticPr fontId="4"/>
  </si>
  <si>
    <t>③大規模所有者のうち、特に家きんの羽数が多く監視伝染病が発生した場合の殺処分等に多大な時間を要すると都道府県知事が認める者は、必要事項を記載した対応計画を策定している。</t>
    <phoneticPr fontId="4"/>
  </si>
  <si>
    <t>●家畜保健衛生所と緊密に連絡を行っている担当の獣医師又は診療施設を定め、定期的に当該獣医師又は診療施設から飼養する家きんの健康管理について指導を受けている。</t>
    <phoneticPr fontId="4"/>
  </si>
  <si>
    <t>７　衛生管理区域の設定</t>
    <phoneticPr fontId="4"/>
  </si>
  <si>
    <t>家_4</t>
    <rPh sb="0" eb="1">
      <t>イエ</t>
    </rPh>
    <phoneticPr fontId="1"/>
  </si>
  <si>
    <r>
      <t xml:space="preserve">①農場に病原体の侵入及びまん延の防止を重点的に行う区域として衛生管理区域を設定し、衛生管理区域とそれ以外の区域とに分け、両区域の場所が明確に分かるようにしている。
</t>
    </r>
    <r>
      <rPr>
        <sz val="36"/>
        <color theme="1"/>
        <rFont val="ＭＳ 明朝"/>
        <family val="1"/>
        <charset val="128"/>
      </rPr>
      <t>〈衛生管理区域境界の明確化方法例〉
・消石灰帯　・柵　・ロープ　・三角コーン　・垣根（プランター）</t>
    </r>
    <phoneticPr fontId="4"/>
  </si>
  <si>
    <r>
      <t xml:space="preserve">②衛生管理区域は、家きん舎、家きんに直接接触する物品の保管場所並びに家きんに直接触れた者が消毒並びに衣服及び靴の交換を行わずに行動する範囲の全てを網羅している。
</t>
    </r>
    <r>
      <rPr>
        <sz val="36"/>
        <color theme="1"/>
        <rFont val="ＭＳ 明朝"/>
        <family val="1"/>
        <charset val="128"/>
      </rPr>
      <t>※家きん舎の他に、飼料給与、清掃、家きんの出荷及び死亡家きんの管理等の一連の作業に関連する農場内の敷地の全てを衛生管理区域とすること。</t>
    </r>
    <phoneticPr fontId="4"/>
  </si>
  <si>
    <t>③出入口の数を必要最小限とし、家きん、資材、死体等の持込み又は持出し場所を可能な限り衛生管理区域の境界に位置するよう設定している。</t>
    <phoneticPr fontId="4"/>
  </si>
  <si>
    <t>８　埋却等に備えた措置</t>
    <phoneticPr fontId="4"/>
  </si>
  <si>
    <r>
      <t xml:space="preserve">●以下の（１）～（３）いずれかの措置を行っている。
</t>
    </r>
    <r>
      <rPr>
        <sz val="36"/>
        <color theme="1"/>
        <rFont val="ＭＳ 明朝"/>
        <family val="1"/>
        <charset val="128"/>
      </rPr>
      <t>※以下の（１）～（３）のいずれかの資料を添付
（１）死体の処理に必要な埋却地を確保している。
　ア 埋却用地の所在地
　イ 埋却用地が自己の所有する土地でない場合
　　 ・その所有者の氏名又は名称
　　 ・当該土地の利用に関する契約の内容
　ウ 埋却用地の面積・利用状況
　エ 農場から埋却用地までの距離
　オ 埋却用地の近隣住民その他の関係者への埋却の実施に関する説明の有無
　カ オの説明に対する当該関係者の承諾の有無
　キ その他埋却の的確かつ迅速な実施のため参考となる事項
（２）死体の処理に必要な焼却施設を確保している。
　ア 焼却施設の名称・所在地
　イ 農場から焼却施設までの距離
　ウ 焼却施設の近隣住民その他の関係者への焼却の実施に関する説明の有無
　エ ウの説明に対する当該関係者の承諾の有無
（３）埋却地・焼却施設の確保が困難な場合は、都道府県知事が講ずる土地の確保又は焼却若しくは化製のための施設若しくは機械の利用に係る措置について都道府県知事が求める取組を行っている。</t>
    </r>
    <phoneticPr fontId="4"/>
  </si>
  <si>
    <t>９　愛玩動物の飼育禁止</t>
    <phoneticPr fontId="4"/>
  </si>
  <si>
    <t>10　密飼いの防止</t>
    <phoneticPr fontId="4"/>
  </si>
  <si>
    <r>
      <t xml:space="preserve">●家きんの健康に悪影響を及ぼすような過密な状態で家きんを飼養していない。
</t>
    </r>
    <r>
      <rPr>
        <sz val="36"/>
        <rFont val="ＭＳ 明朝"/>
        <family val="1"/>
        <charset val="128"/>
      </rPr>
      <t>※以下の資料を添付
　家きん舎ごとの家畜の飼養密度（家畜の種類ごとに○㎡／羽）を記載した資料</t>
    </r>
    <rPh sb="48" eb="49">
      <t>カ</t>
    </rPh>
    <rPh sb="51" eb="52">
      <t>シャ</t>
    </rPh>
    <rPh sb="74" eb="75">
      <t>ハネ</t>
    </rPh>
    <phoneticPr fontId="4"/>
  </si>
  <si>
    <t>Ⅱ　衛生管理区域への病原体の侵入防止</t>
    <phoneticPr fontId="4"/>
  </si>
  <si>
    <t>家_5</t>
    <rPh sb="0" eb="1">
      <t>イエ</t>
    </rPh>
    <phoneticPr fontId="1"/>
  </si>
  <si>
    <t>11　衛生管理区域への必要のない者の立入りの制限</t>
    <phoneticPr fontId="4"/>
  </si>
  <si>
    <r>
      <t xml:space="preserve">●必要のない者を衛生管理区域に立ち入らせないようにしている。さらに、衛生管理区域に立ち入った者が飼養する家きんに接触する機会を最小限とするよう必要な措置を講じている。
</t>
    </r>
    <r>
      <rPr>
        <sz val="36"/>
        <color theme="1"/>
        <rFont val="ＭＳ 明朝"/>
        <family val="1"/>
        <charset val="128"/>
      </rPr>
      <t>※不特定かつ多数の者が立ち入ることが想定される施設（観光牧場等）において、衛生管理区域の出入口における手指及び靴の消毒等、病原体の持込み及び持出しを防止するための規則をあらかじめ作成し、家畜防疫員が適切なものであることを確認した場合は、この限りではない。</t>
    </r>
    <phoneticPr fontId="4"/>
  </si>
  <si>
    <t>12 他の畜産関係施設等に立ち入った者等が衛生管理区域に立ち入る際の措置</t>
    <phoneticPr fontId="4"/>
  </si>
  <si>
    <r>
      <t xml:space="preserve">●当日に他の畜産関係施設等に立ち入った者（※）並びに過去一週間以内に海外から入国し、又は帰国した者を衛生管理区域に立ち入らせないようにしている。
</t>
    </r>
    <r>
      <rPr>
        <sz val="36"/>
        <color theme="1"/>
        <rFont val="ＭＳ 明朝"/>
        <family val="1"/>
        <charset val="128"/>
      </rPr>
      <t>※農場の従事者、家畜防疫員、獣医師、飼料運搬業者等は除く。</t>
    </r>
    <phoneticPr fontId="4"/>
  </si>
  <si>
    <t>13 衛生管理区域に立ち入る者の手指消毒等</t>
    <phoneticPr fontId="4"/>
  </si>
  <si>
    <t>14 衛生管理区域専用の衣服及び靴の設置並びに使用</t>
    <phoneticPr fontId="4"/>
  </si>
  <si>
    <t>15 衛生管理区域に立ち入る車両の消毒等</t>
    <phoneticPr fontId="4"/>
  </si>
  <si>
    <t>家_6</t>
    <rPh sb="0" eb="1">
      <t>イエ</t>
    </rPh>
    <phoneticPr fontId="1"/>
  </si>
  <si>
    <t>②衛生管理区域に車両を入れる者に対し、当該農場専用のフロアマットの使用その他の方法により、車内における交差汚染を防止するための措置を講じている。
〈措置の例〉
・農場専用のフロアマットの設置　・降車時にブーツカバーを使用</t>
    <phoneticPr fontId="4"/>
  </si>
  <si>
    <t>16 他の畜産関係施設等で使用した物品を衛生管理区域に持ち込む際の措置</t>
    <phoneticPr fontId="4"/>
  </si>
  <si>
    <t>17 海外で使用した衣服等を衛生管理区域に持ち込む際の措置</t>
    <phoneticPr fontId="4"/>
  </si>
  <si>
    <r>
      <t xml:space="preserve">●過去二月以内に海外で使用した衣服及び靴を衛生管理区域に持ち込んでいない。やむを得ず持ち込む場合には、洗浄、消毒その他の必要な措置を講じている。
</t>
    </r>
    <r>
      <rPr>
        <sz val="36"/>
        <rFont val="ＭＳ 明朝"/>
        <family val="1"/>
        <charset val="128"/>
      </rPr>
      <t>※過去二月以内に海外で使用した衣服及び靴をやむを得ず持ち込む場合に必要な措置については飼養衛生管理マニュアルに記載する。</t>
    </r>
    <rPh sb="76" eb="77">
      <t>ニ</t>
    </rPh>
    <phoneticPr fontId="4"/>
  </si>
  <si>
    <t>18  飲用水の給与</t>
    <phoneticPr fontId="4"/>
  </si>
  <si>
    <t>●飼養する家きんには飲用に適した水を給与することとし、適さない水を給与する場合には、消毒して給与している。</t>
    <phoneticPr fontId="4"/>
  </si>
  <si>
    <t>19　家きんを導入する際の健康観察等</t>
    <phoneticPr fontId="4"/>
  </si>
  <si>
    <t>家_7</t>
    <rPh sb="0" eb="1">
      <t>イエ</t>
    </rPh>
    <phoneticPr fontId="1"/>
  </si>
  <si>
    <t>①他の農場等から家きんを導入する場合には、導入元の農場等における家きんの伝染性疾病の発生状況、導入する家きんの健康状態の確認等を行い、健康な家きんを導入している。</t>
    <phoneticPr fontId="4"/>
  </si>
  <si>
    <r>
      <t xml:space="preserve">②導入した家きんに家きんの伝染性疾病にかかっている可能性のある異状がないことを確認するまでの間、他の家きんと直接接触させないようにしている。
</t>
    </r>
    <r>
      <rPr>
        <sz val="36"/>
        <color theme="1"/>
        <rFont val="ＭＳ 明朝"/>
        <family val="1"/>
        <charset val="128"/>
      </rPr>
      <t>〈隔離方法の例〉
・隔離ケージ　・オールアウト後の家きん舎</t>
    </r>
    <phoneticPr fontId="4"/>
  </si>
  <si>
    <t>20　家きん舎に立ち入る者の手指消毒等</t>
    <phoneticPr fontId="4"/>
  </si>
  <si>
    <r>
      <t xml:space="preserve">●家きん舎の入口付近に消毒設備を設置し、立ち入る者に対し、家きん舎に出入りする際に手指の洗浄及び消毒をさせている。
</t>
    </r>
    <r>
      <rPr>
        <sz val="36"/>
        <color theme="1"/>
        <rFont val="ＭＳ 明朝"/>
        <family val="1"/>
        <charset val="128"/>
      </rPr>
      <t>〈消毒設備の例〉
・設置されたスプレー　・消毒槽　・家きん舎専用の手袋の着用</t>
    </r>
    <phoneticPr fontId="4"/>
  </si>
  <si>
    <t>21　家きん舎ごと専用の靴の設置並びに使用</t>
    <phoneticPr fontId="4"/>
  </si>
  <si>
    <r>
      <t xml:space="preserve">①家きん舎ごとの専用の靴を設置し、家きん舎に入る者に対し、これらを着実に着用させている。
</t>
    </r>
    <r>
      <rPr>
        <sz val="36"/>
        <rFont val="ＭＳ 明朝"/>
        <family val="1"/>
        <charset val="128"/>
      </rPr>
      <t>〈設置並びに使用するものの例〉</t>
    </r>
    <r>
      <rPr>
        <strike/>
        <sz val="36"/>
        <rFont val="ＭＳ 明朝"/>
        <family val="1"/>
        <charset val="128"/>
      </rPr>
      <t xml:space="preserve">
</t>
    </r>
    <r>
      <rPr>
        <sz val="36"/>
        <rFont val="ＭＳ 明朝"/>
        <family val="1"/>
        <charset val="128"/>
      </rPr>
      <t>　靴：　　専用靴、ブーツカバー</t>
    </r>
    <rPh sb="46" eb="48">
      <t>セッチ</t>
    </rPh>
    <rPh sb="48" eb="49">
      <t>ナラ</t>
    </rPh>
    <rPh sb="51" eb="53">
      <t>シヨウ</t>
    </rPh>
    <phoneticPr fontId="4"/>
  </si>
  <si>
    <t>②履替えを行う際に病原体が家きん舎に侵入することがないよう、着脱前後の靴をすのこ、分離板等で場所を離して保管している。さらに、履替え前後において利用する経路が交差しないよう一方通行とするなど必要な措置を講じている。</t>
    <phoneticPr fontId="4"/>
  </si>
  <si>
    <t>③家きん舎から家きん、堆肥等を搬出する際には、作業者の動線が家きん舎の内外で交差しないよう、家きん舎の内外で作業する者を分けている又は専用の靴の履替えその他の必要な措置を講じている。</t>
    <phoneticPr fontId="4"/>
  </si>
  <si>
    <t>□ 家きん舎の内外で作業する者を分けている　　□ 専用靴の履替え</t>
    <phoneticPr fontId="4"/>
  </si>
  <si>
    <t>④靴に排せつ物、汚泥等が付着した場合には、洗浄及び消毒を行っている。</t>
    <phoneticPr fontId="4"/>
  </si>
  <si>
    <t>22 器具の定期的な清掃又は消毒等</t>
    <phoneticPr fontId="4"/>
  </si>
  <si>
    <t>●飼養管理に使用する器具の清掃又は消毒を定期的にしている。</t>
    <phoneticPr fontId="4"/>
  </si>
  <si>
    <t>23　家きん舎外での病原体による汚染防止</t>
    <phoneticPr fontId="4"/>
  </si>
  <si>
    <t>●家きんの飼養管理に必要のない物品を家きん舎に持ち込んでいない。</t>
    <phoneticPr fontId="4"/>
  </si>
  <si>
    <t>24　野生動物の侵入防止のためのネット等の設置、点検及び修繕</t>
    <phoneticPr fontId="4"/>
  </si>
  <si>
    <t>家_8</t>
    <rPh sb="0" eb="1">
      <t>イエ</t>
    </rPh>
    <phoneticPr fontId="1"/>
  </si>
  <si>
    <t>①野鳥等の野生動物の家きん舎、飼料保管庫、堆肥舎、死体保管庫等への侵入を防止することができる防鳥ネットその他の設備を設置している。</t>
    <phoneticPr fontId="4"/>
  </si>
  <si>
    <t>家きん舎内への侵入防止対策</t>
    <phoneticPr fontId="4"/>
  </si>
  <si>
    <t>□ 消石灰帯</t>
    <rPh sb="2" eb="5">
      <t>ショウセッカイ</t>
    </rPh>
    <rPh sb="5" eb="6">
      <t>オビ</t>
    </rPh>
    <phoneticPr fontId="4"/>
  </si>
  <si>
    <t>□ 焼却処理　　</t>
    <rPh sb="2" eb="4">
      <t>ショウキャク</t>
    </rPh>
    <phoneticPr fontId="4"/>
  </si>
  <si>
    <t>家_9</t>
    <rPh sb="0" eb="1">
      <t>イエ</t>
    </rPh>
    <phoneticPr fontId="1"/>
  </si>
  <si>
    <t>具体的な侵入防止対策</t>
    <rPh sb="0" eb="3">
      <t>グタイテキ</t>
    </rPh>
    <rPh sb="4" eb="6">
      <t>シンニュウ</t>
    </rPh>
    <rPh sb="6" eb="8">
      <t>ボウシ</t>
    </rPh>
    <rPh sb="8" eb="10">
      <t>タイサク</t>
    </rPh>
    <phoneticPr fontId="4"/>
  </si>
  <si>
    <r>
      <t>②定期的に当該設備の破損状況を確認し、破損がある場合には、遅滞なくその破損箇所を修繕している</t>
    </r>
    <r>
      <rPr>
        <sz val="42"/>
        <rFont val="ＭＳ 明朝"/>
        <family val="1"/>
        <charset val="128"/>
      </rPr>
      <t>。</t>
    </r>
    <phoneticPr fontId="4"/>
  </si>
  <si>
    <t>25　給餌設備、給水設備等への野生動物の排せつ物等の混入の防止</t>
    <phoneticPr fontId="4"/>
  </si>
  <si>
    <t>●家きん舎の給餌設備及び給水設備並びに飼料の保管場所にねずみ、野鳥等の野生動物の排せつ物等が混入しないよう必要な措置を講じている。</t>
    <phoneticPr fontId="4"/>
  </si>
  <si>
    <t>26　ねずみ及び害虫の駆除</t>
    <phoneticPr fontId="4"/>
  </si>
  <si>
    <t>□ 殺鼠剤　　□ 粘着シート　</t>
    <rPh sb="3" eb="4">
      <t>ネズミ</t>
    </rPh>
    <rPh sb="4" eb="5">
      <t>ザイ</t>
    </rPh>
    <phoneticPr fontId="4"/>
  </si>
  <si>
    <t>②家きん舎の屋根又は壁面に破損がある場合には、遅滞なくその破損個所を修繕している。</t>
    <phoneticPr fontId="4"/>
  </si>
  <si>
    <t>27　衛生管理区域内の整理整頓及び消毒</t>
    <phoneticPr fontId="4"/>
  </si>
  <si>
    <t>28　家きん舎等施設の清掃及び消毒</t>
    <phoneticPr fontId="4"/>
  </si>
  <si>
    <t>●家きん舎その他の衛生管理区域内にある施設を飼養衛生管理マニュアルに基づき定期的に清掃及び消毒している。</t>
    <phoneticPr fontId="4"/>
  </si>
  <si>
    <t>29　毎日の健康観察</t>
    <phoneticPr fontId="4"/>
  </si>
  <si>
    <t>家_10</t>
    <rPh sb="0" eb="1">
      <t>イエ</t>
    </rPh>
    <phoneticPr fontId="1"/>
  </si>
  <si>
    <t>●毎日、飼養する家きんの健康観察（ふ化及び死亡の状況並びに異状の有無を含む。）を行っている。</t>
    <phoneticPr fontId="4"/>
  </si>
  <si>
    <t>30　衛生管理区域から退出する者の手指消毒等</t>
    <phoneticPr fontId="4"/>
  </si>
  <si>
    <t>記入欄（はいの場合）※「項目13　衛生管理区域に立ち入る者の手指消毒等」と同じ場合には記載不要。</t>
    <phoneticPr fontId="4"/>
  </si>
  <si>
    <t>□ 項目13と同じ　　□ 設置されたスプレー　　□ 消毒槽　　□ 衛生管理区域専用の手袋の着用</t>
    <phoneticPr fontId="4"/>
  </si>
  <si>
    <t>31　衛生管理区域から退出する車両の消毒</t>
    <phoneticPr fontId="4"/>
  </si>
  <si>
    <r>
      <t xml:space="preserve">●衛生管理区域の出口付近に消毒設備を設置し、退出する者に対し車両の消毒をさせている。
</t>
    </r>
    <r>
      <rPr>
        <sz val="36"/>
        <rFont val="ＭＳ 明朝"/>
        <family val="1"/>
        <charset val="128"/>
      </rPr>
      <t>※退出する者が消毒機器を携行し、当該機器を使用し消毒している場合を除く。</t>
    </r>
    <phoneticPr fontId="4"/>
  </si>
  <si>
    <t>記入欄（はいの場合）※「項目15　衛生管理区域に立ち入る車両の消毒等」と同じ場合には記載不要。</t>
    <phoneticPr fontId="4"/>
  </si>
  <si>
    <t>□ 項目15と同じ　　□ ゲート式車両消毒装置　　□ プール式車両消毒装置　　□ 動力噴霧器　　□ 蓄圧式噴霧器</t>
    <phoneticPr fontId="4"/>
  </si>
  <si>
    <t>32　衛生管理区域から搬出する物品の消毒等</t>
    <phoneticPr fontId="4"/>
  </si>
  <si>
    <t>●家きんの排せつ物等の付着した又は付着したおそれのある物品を衛生管理区域から持ち出す場合には、洗浄、消毒その他の必要な措置を講じている。</t>
    <phoneticPr fontId="4"/>
  </si>
  <si>
    <t>33　家きんの出荷又は移動時の健康観察</t>
    <phoneticPr fontId="4"/>
  </si>
  <si>
    <t>①家きんを出荷等により農場外へ移動させる場合には、移動の直前に当該家きんの健康状態を確認している。</t>
    <phoneticPr fontId="4"/>
  </si>
  <si>
    <t>②家きんの死体又は排せつ物を移動させる場合には、漏出が生じないようにしている。</t>
    <phoneticPr fontId="4"/>
  </si>
  <si>
    <t>34　特定症状が確認された場合の早期通報並びに出荷及び移動の停止</t>
    <phoneticPr fontId="4"/>
  </si>
  <si>
    <t>家_11</t>
    <rPh sb="0" eb="1">
      <t>イエ</t>
    </rPh>
    <phoneticPr fontId="1"/>
  </si>
  <si>
    <r>
      <t xml:space="preserve">①特定症状を呈していることを発見したときは、直ちに家畜保健衛生所に通報することとしている。
</t>
    </r>
    <r>
      <rPr>
        <sz val="36"/>
        <rFont val="ＭＳ 明朝"/>
        <family val="1"/>
        <charset val="128"/>
      </rPr>
      <t>※家きんの所有者等は特定症状について十分理解し、家畜保健衛生所に直ちに通報することが必要であり、従業員がいる場合には、従業員も同様の対応がとれるよう、従業員に対する周知が飼養衛生管理マニュアルや貼紙、口頭等によって行われている必要がある。</t>
    </r>
    <rPh sb="47" eb="48">
      <t>カ</t>
    </rPh>
    <phoneticPr fontId="4"/>
  </si>
  <si>
    <t>②（特定症状が確認された場合）農場からの家きん及びその死体、畜産物並びに排せつ物の出荷及び移動を行わないこととしている。</t>
    <phoneticPr fontId="4"/>
  </si>
  <si>
    <t>35　特定症状以外の異状が確認された場合の出荷及び移動の停止</t>
    <phoneticPr fontId="4"/>
  </si>
  <si>
    <t>①特定症状以外の異状であって、家きんの死亡率の急激な上昇又は同様の症状を呈している家きんの増加が確認された場合には、直ちに獣医師の診療若しくは指導又は家畜保健衛生所の指導を受けている。</t>
    <phoneticPr fontId="4"/>
  </si>
  <si>
    <t>②（獣医師の診療若しくは指導又は家畜保健衛生所の指導があった場合）当該家きんが監視伝染病にかかっていないことが確認されるまでの間、農場からの家きんの出荷及び移動を行わないこととしている。</t>
    <phoneticPr fontId="4"/>
  </si>
  <si>
    <t>③（当該家きんが監視伝染病にかかっていることが確認された場合）家畜保健衛生所の指導に従うこととしている。</t>
    <phoneticPr fontId="4"/>
  </si>
  <si>
    <t>④（飼養する家きんにその他の特定症状以外の異状が確認された場合）速やかに獣医師の診療を受け、又は指導を求めている。</t>
    <phoneticPr fontId="4"/>
  </si>
  <si>
    <t>※　特定症状（対象とする家畜伝染病：高病原性鳥インフルエンザ又は低病原性鳥インフルエンザ）
①同一の家きん舎内において、一日の家きんの死亡率が対象期間（当日から遡って21日間）における平均の家きんの死亡率の二倍以上となること。ただし、家きんの飼養管理のための設備の故障、気温の急激な変化、火災、風水害その他の非常災害等高病原性鳥インフルエンザ以外の事情によるものであることが明らかな場合は、この限りでない。
②家きんに対して動物用生物学的製剤を使用した場合において、当該家きんにＡ型インフルエンザウイルスの抗原又はＡ型インフルエンザウイルスに対する抗体が確認されること。</t>
    <phoneticPr fontId="4"/>
  </si>
  <si>
    <t>２．飼養衛生管理基準の遵守状況及び遵守するための措置の実施状況
（４）馬の場合</t>
    <phoneticPr fontId="1"/>
  </si>
  <si>
    <t>※記載方法
・自らの農場に関する飼養衛生管理基準の遵守状況及び遵守するための措置の実施状況について、自己点検を行うこと。
・１から28までの各項目の設問に対し、自己点検の結果を元に「はい」、「いいえ」又は「該当しない」にチェックを付けること。
・「記入欄」がある設問には、措置の状況を記載又は該当する事項にチェックを付けること。　
・「いいえ」と回答した項目については、記入欄に今後の改善方針を記載すること。　　　　　　　　　　　　　　　　　　　　　　　　　　　　　　　　　　　　　　　　　　　　　　　</t>
    <phoneticPr fontId="1"/>
  </si>
  <si>
    <t>●飼養衛生管理基準の構成について　　　　　　　　　　　　　　　　　　　　　　　　　　　　　　　　　　　　　　　　　　　　　　　　　　　　　　　　　　　　　　　　　　　　　　　　　　　　　　　　　　　　　　　　　　　　　　　　　　　　　　　　　　　　　　　　　　　　　　　　　　　　　　　　　　　　　　　　　　　　　　　　　　　　　　　　　　　　　　　　　　　　　　　　　　　　　　　　　　　　　　　　　　　　　　　　　　　　　　　　　　　　　　　　　　　　　　　　　　 飼養衛生管理基準は全28項目あり、各項目を取組の目的ごとに以下のⅠ～Ⅳに体系化しながら、
分類している。　</t>
    <phoneticPr fontId="1"/>
  </si>
  <si>
    <t>家畜防疫に関する基本的事項【項目１～６】</t>
    <rPh sb="0" eb="2">
      <t>カチク</t>
    </rPh>
    <rPh sb="2" eb="4">
      <t>ボウエキ</t>
    </rPh>
    <rPh sb="5" eb="6">
      <t>カン</t>
    </rPh>
    <rPh sb="8" eb="10">
      <t>キホン</t>
    </rPh>
    <rPh sb="10" eb="11">
      <t>テキ</t>
    </rPh>
    <rPh sb="11" eb="13">
      <t>ジコウ</t>
    </rPh>
    <rPh sb="14" eb="16">
      <t>コウモク</t>
    </rPh>
    <phoneticPr fontId="10"/>
  </si>
  <si>
    <t>衛生管理区域への病原体の侵入防止【項目７～14】</t>
    <rPh sb="0" eb="2">
      <t>エイセイ</t>
    </rPh>
    <rPh sb="2" eb="4">
      <t>カンリ</t>
    </rPh>
    <rPh sb="4" eb="6">
      <t>クイキ</t>
    </rPh>
    <rPh sb="8" eb="11">
      <t>ビョウゲンタイ</t>
    </rPh>
    <rPh sb="12" eb="14">
      <t>シンニュウ</t>
    </rPh>
    <rPh sb="14" eb="16">
      <t>ボウシ</t>
    </rPh>
    <rPh sb="17" eb="19">
      <t>コウモク</t>
    </rPh>
    <phoneticPr fontId="10"/>
  </si>
  <si>
    <t>衛生管理区域内における病原体による汚染拡大防止【項目15～23】</t>
    <rPh sb="0" eb="2">
      <t>エイセイ</t>
    </rPh>
    <rPh sb="2" eb="4">
      <t>カンリ</t>
    </rPh>
    <rPh sb="4" eb="6">
      <t>クイキ</t>
    </rPh>
    <rPh sb="6" eb="7">
      <t>ナイ</t>
    </rPh>
    <rPh sb="11" eb="14">
      <t>ビョウゲンタイ</t>
    </rPh>
    <rPh sb="17" eb="19">
      <t>オセン</t>
    </rPh>
    <rPh sb="19" eb="21">
      <t>カクダイ</t>
    </rPh>
    <rPh sb="21" eb="23">
      <t>ボウシ</t>
    </rPh>
    <rPh sb="24" eb="26">
      <t>コウモク</t>
    </rPh>
    <phoneticPr fontId="10"/>
  </si>
  <si>
    <t>衛生管理区域外への病原体の拡散防止【項目24～28】</t>
    <rPh sb="0" eb="2">
      <t>エイセイ</t>
    </rPh>
    <rPh sb="2" eb="4">
      <t>カンリ</t>
    </rPh>
    <rPh sb="4" eb="6">
      <t>クイキ</t>
    </rPh>
    <rPh sb="6" eb="7">
      <t>ソト</t>
    </rPh>
    <rPh sb="9" eb="12">
      <t>ビョウゲンタイ</t>
    </rPh>
    <rPh sb="13" eb="15">
      <t>カクサン</t>
    </rPh>
    <rPh sb="15" eb="17">
      <t>ボウシ</t>
    </rPh>
    <rPh sb="18" eb="20">
      <t>コウモク</t>
    </rPh>
    <phoneticPr fontId="10"/>
  </si>
  <si>
    <t>馬_2</t>
    <rPh sb="0" eb="1">
      <t>ウマ</t>
    </rPh>
    <phoneticPr fontId="1"/>
  </si>
  <si>
    <r>
      <t xml:space="preserve">①関係法令を遵守している。
</t>
    </r>
    <r>
      <rPr>
        <sz val="36"/>
        <color theme="1"/>
        <rFont val="ＭＳ 明朝"/>
        <family val="1"/>
        <charset val="128"/>
      </rPr>
      <t>〈関係法令の例〉
・家畜伝染病予防法　・飼料の安全性の確保及び品質の改善に関する法律　・獣医師法
・家畜排せつ物の管理の適正化及び利用の促進に関する法律　・水質汚濁防止法　・悪臭防止法
・廃棄物の処理及び清掃に関する法律　・化製場等に関する法律　　
・医薬品、医療機器等の品質、有効性及び安全性の確保等に関する法律　</t>
    </r>
    <phoneticPr fontId="4"/>
  </si>
  <si>
    <r>
      <t xml:space="preserve">②農場の所在地域で飼養されている馬の所有者その他の関係者と協力して衛生管理の意識を高め、衛生管理を行っている。
</t>
    </r>
    <r>
      <rPr>
        <sz val="36"/>
        <color theme="1"/>
        <rFont val="ＭＳ 明朝"/>
        <family val="1"/>
        <charset val="128"/>
      </rPr>
      <t>〈協力者の例〉
・地域の他の馬の所有者（飼養衛生管理者）　・都道府県　・市町村　・関係団体　・地域自衛防疫団体</t>
    </r>
    <phoneticPr fontId="4"/>
  </si>
  <si>
    <t>②従事者及び外部事業者が飼養衛生管理マニュアルを遵守するよう、当該マニュアルを印字した冊子の配布、看板の設置その他の必要な措置を講じている。</t>
    <phoneticPr fontId="4"/>
  </si>
  <si>
    <t>③馬の伝染性疾病の発生の予防及びまん延の防止に関する情報を従事者及び外部事業者に周知徹底している。</t>
    <phoneticPr fontId="4"/>
  </si>
  <si>
    <t>４　記録の作成及び保管</t>
    <phoneticPr fontId="4"/>
  </si>
  <si>
    <t>馬_3</t>
    <rPh sb="0" eb="1">
      <t>ウマ</t>
    </rPh>
    <phoneticPr fontId="1"/>
  </si>
  <si>
    <t>以下に掲げる事項に関する記録を作成し、少なくとも１年間保存している。</t>
    <phoneticPr fontId="4"/>
  </si>
  <si>
    <t>⑤導入した馬の種類、頭数、健康状態、導入元の農場等の名称及び導入の年月日</t>
    <phoneticPr fontId="4"/>
  </si>
  <si>
    <t>⑥出荷又は移動を行った馬の種類、頭数、健康状態、出荷又は移動先の農場等の名称及び出荷又は移動の年月日</t>
    <phoneticPr fontId="4"/>
  </si>
  <si>
    <t>⑦飼養する馬の頭数、月齢、異状の有無、異状がある場合にあっては、その症状並びに獣医師による診療結果及び投薬その他の処置の状況</t>
    <phoneticPr fontId="4"/>
  </si>
  <si>
    <t>５　獣医師等の健康管理指導</t>
    <phoneticPr fontId="4"/>
  </si>
  <si>
    <t>●家畜保健衛生所と緊密に連絡を行っている担当の獣医師又は診療施設を定め、定期的に当該獣医師又は診療施設から飼養する馬の健康管理について指導を受けている。</t>
    <phoneticPr fontId="4"/>
  </si>
  <si>
    <t>担当の診療施設の名称</t>
    <phoneticPr fontId="1"/>
  </si>
  <si>
    <t>６　衛生管理区域の設定</t>
    <phoneticPr fontId="4"/>
  </si>
  <si>
    <r>
      <t xml:space="preserve">②衛生管理区域は、厩舎、馬に直接接触する物品の保管場所並びに馬に直接触れた者が消毒並びに衣服及び靴の交換を行わずに行動する範囲の全てを網羅している。
</t>
    </r>
    <r>
      <rPr>
        <sz val="36"/>
        <color theme="1"/>
        <rFont val="ＭＳ 明朝"/>
        <family val="1"/>
        <charset val="128"/>
      </rPr>
      <t>※厩舎の他に、飼料給与、清掃、馬の出荷及び死亡馬の管理等の一連の作業に関連する農場内の敷地の全てを衛生管理区域とすること。</t>
    </r>
    <phoneticPr fontId="4"/>
  </si>
  <si>
    <t>③出入口の数を必要最小限とし、馬、資材、死体等の持込み又は持出し場所を可能な限り衛生管理区域の境界に位置するよう設定している。</t>
    <phoneticPr fontId="4"/>
  </si>
  <si>
    <t>馬_4</t>
    <rPh sb="0" eb="1">
      <t>ウマ</t>
    </rPh>
    <phoneticPr fontId="1"/>
  </si>
  <si>
    <t>７　衛生管理区域への必要のない者の立入りの制限</t>
    <phoneticPr fontId="4"/>
  </si>
  <si>
    <r>
      <t xml:space="preserve">●必要のない者を衛生管理区域に立ち入らせないようにしている。さらに、衛生管理区域に立ち入った者が飼養する馬に接触する機会を最小限とするよう必要な措置を講じている。
</t>
    </r>
    <r>
      <rPr>
        <sz val="36"/>
        <color theme="1"/>
        <rFont val="ＭＳ 明朝"/>
        <family val="1"/>
        <charset val="128"/>
      </rPr>
      <t>※不特定かつ多数の者が立ち入ることが想定される施設（競馬場、乗馬施設等）において、衛生管理区域の出入口における手指及び靴の消毒等、病原体の持込み及び持出しを防止するための規則をあらかじめ作成し、家畜防疫員が適切なものであることを確認した場合は、この限りではない。</t>
    </r>
    <phoneticPr fontId="4"/>
  </si>
  <si>
    <t>８ 他の馬の飼養施設等に立ち入った者等が衛生管理区域に立ち入る際の措置</t>
    <phoneticPr fontId="4"/>
  </si>
  <si>
    <r>
      <t xml:space="preserve">●当日に他の馬の飼養施設等に立ち入った者（※）並びに過去一週間以内に海外から入国し、又は帰国した者を衛生管理区域に立ち入らせないようにしている。
</t>
    </r>
    <r>
      <rPr>
        <sz val="36"/>
        <color theme="1"/>
        <rFont val="ＭＳ 明朝"/>
        <family val="1"/>
        <charset val="128"/>
      </rPr>
      <t>※農場の従事者、家畜防疫員、獣医師、装蹄師、飼料運搬業者等は除く。</t>
    </r>
    <phoneticPr fontId="4"/>
  </si>
  <si>
    <t>９ 衛生管理区域に立ち入る者の手指消毒等</t>
    <phoneticPr fontId="4"/>
  </si>
  <si>
    <t>10 衛生管理区域に立ち入る車両の消毒等</t>
    <phoneticPr fontId="4"/>
  </si>
  <si>
    <r>
      <t xml:space="preserve">●衛生管理区域の入口付近に消毒設備を設置し、車両の消毒をさせている。
</t>
    </r>
    <r>
      <rPr>
        <sz val="36"/>
        <color theme="1"/>
        <rFont val="ＭＳ 明朝"/>
        <family val="1"/>
        <charset val="128"/>
      </rPr>
      <t>※立ち入る者が消毒機器を携行し、当該機器を使用して消毒している場合を除く。</t>
    </r>
    <phoneticPr fontId="4"/>
  </si>
  <si>
    <t>11 他の馬の飼養施設等で使用した物品を衛生管理区域に持ち込む際の措置</t>
    <phoneticPr fontId="4"/>
  </si>
  <si>
    <r>
      <t xml:space="preserve">●他の馬の飼養施設等で使用し、又は使用したおそれがある物品は、原則、衛生管理区域内に持ち込んでいない。やむを得ず持ち込む場合には、洗浄、消毒その他の必要な措置を講じている。
</t>
    </r>
    <r>
      <rPr>
        <sz val="36"/>
        <rFont val="ＭＳ 明朝"/>
        <family val="1"/>
        <charset val="128"/>
      </rPr>
      <t>※他の馬の飼養施設等で使用し、又は使用したおそれがある物品をやむを得ず持ち込む場合に必要な措置については飼養衛生管理マニュアルに記載する。</t>
    </r>
    <rPh sb="90" eb="91">
      <t>ウマ</t>
    </rPh>
    <phoneticPr fontId="4"/>
  </si>
  <si>
    <t>12 海外で使用した衣服等を衛生管理区域に持ち込む際の措置</t>
    <phoneticPr fontId="4"/>
  </si>
  <si>
    <t>馬_5</t>
    <rPh sb="0" eb="1">
      <t>ウマ</t>
    </rPh>
    <phoneticPr fontId="1"/>
  </si>
  <si>
    <r>
      <t xml:space="preserve">●過去二月以内に海外で使用した衣服及び靴を衛生管理区域に持ち込んでいない。やむを得ず持ち込む場合には、洗浄、消毒その他の必要な措置を講じている。
</t>
    </r>
    <r>
      <rPr>
        <sz val="36"/>
        <rFont val="ＭＳ 明朝"/>
        <family val="1"/>
        <charset val="128"/>
      </rPr>
      <t>※過去二月以内に海外で使用した衣服及び靴をやむを得ず持ち込む場合に必要な措置については飼養衛生管理マニュアルに記載する。</t>
    </r>
    <rPh sb="76" eb="77">
      <t>2</t>
    </rPh>
    <phoneticPr fontId="4"/>
  </si>
  <si>
    <t>13  飲用水の給与</t>
    <phoneticPr fontId="4"/>
  </si>
  <si>
    <t>●飼養する馬には飲用に適した水を給与することとし、適さない水を給与する場合には、消毒して給与している。</t>
    <phoneticPr fontId="4"/>
  </si>
  <si>
    <t>14　馬を導入する際の健康観察等</t>
    <phoneticPr fontId="4"/>
  </si>
  <si>
    <t>①他の農場等から馬を導入する場合には、導入元の農場等における馬の伝染性疾病の発生状況、導入する馬の健康状態の確認等を行い、健康な馬を導入している。</t>
    <phoneticPr fontId="4"/>
  </si>
  <si>
    <r>
      <t xml:space="preserve">②導入した馬に馬の伝染性疾病にかかっている可能性のある異状がないことを確認するまでの間、他の馬と直接接触させないようにしている。
</t>
    </r>
    <r>
      <rPr>
        <sz val="36"/>
        <color theme="1"/>
        <rFont val="ＭＳ 明朝"/>
        <family val="1"/>
        <charset val="128"/>
      </rPr>
      <t>〈隔離方法の例〉
・隔離厩舎　・隔離畜房</t>
    </r>
    <phoneticPr fontId="4"/>
  </si>
  <si>
    <t>15　厩舎に立ち入る者の手指消毒等</t>
    <phoneticPr fontId="4"/>
  </si>
  <si>
    <r>
      <t xml:space="preserve">●厩舎の入口付近に消毒設備を設置し、立ち入る者に対し、厩舎に出入りする際に手指の洗浄及び消毒をさせている。
</t>
    </r>
    <r>
      <rPr>
        <sz val="36"/>
        <color theme="1"/>
        <rFont val="ＭＳ 明朝"/>
        <family val="1"/>
        <charset val="128"/>
      </rPr>
      <t>〈消毒設備の例〉
・設置されたスプレー　・消毒槽　・厩舎専用の手袋の着用</t>
    </r>
    <phoneticPr fontId="4"/>
  </si>
  <si>
    <t>16　厩舎の入口における靴の交換又は消毒</t>
    <phoneticPr fontId="4"/>
  </si>
  <si>
    <r>
      <t xml:space="preserve">①厩舎ごとの専用の靴を設置し、厩舎に入る者に対し、これらを着実に着用させている又は靴の消毒をさせている。
</t>
    </r>
    <r>
      <rPr>
        <sz val="36"/>
        <color theme="1"/>
        <rFont val="ＭＳ 明朝"/>
        <family val="1"/>
        <charset val="128"/>
      </rPr>
      <t>〈着用又は消毒設備の例〉</t>
    </r>
    <r>
      <rPr>
        <strike/>
        <sz val="36"/>
        <color rgb="FFFF0000"/>
        <rFont val="ＭＳ 明朝"/>
        <family val="1"/>
        <charset val="128"/>
      </rPr>
      <t xml:space="preserve">
</t>
    </r>
    <r>
      <rPr>
        <sz val="36"/>
        <color theme="1"/>
        <rFont val="ＭＳ 明朝"/>
        <family val="1"/>
        <charset val="128"/>
      </rPr>
      <t>　靴：　　専用靴、ブーツカバー、（消毒の場合）踏込消毒槽</t>
    </r>
    <phoneticPr fontId="4"/>
  </si>
  <si>
    <t>②靴に排せつ物、汚泥等が付着した場合には、洗浄及び消毒を行っている。</t>
    <phoneticPr fontId="4"/>
  </si>
  <si>
    <t>17 器具の定期的な清掃又は消毒等</t>
    <phoneticPr fontId="4"/>
  </si>
  <si>
    <t>馬_6</t>
    <rPh sb="0" eb="1">
      <t>ウマ</t>
    </rPh>
    <phoneticPr fontId="1"/>
  </si>
  <si>
    <t>18　厩舎外での病原体による汚染防止</t>
    <phoneticPr fontId="4"/>
  </si>
  <si>
    <t>●馬の飼養管理に必要のない物品を畜舎に持ち込んでいない。</t>
    <phoneticPr fontId="4"/>
  </si>
  <si>
    <t>19　野生動物の侵入防止のための死体の適正な保管</t>
    <phoneticPr fontId="4"/>
  </si>
  <si>
    <t>●馬の死体を保管する場合には、その保管場所への野生動物の侵入を防止するための措置を講じている。</t>
    <phoneticPr fontId="4"/>
  </si>
  <si>
    <t>20　給餌設備、給水設備等への野生動物の排せつ物等の混入の防止</t>
    <phoneticPr fontId="4"/>
  </si>
  <si>
    <t>●厩舎の給餌設備及び給水設備並びに飼料の保管場所にねずみ、野鳥等の野生動物の排せつ物等が混入しないよう必要な措置を講じている。</t>
    <phoneticPr fontId="4"/>
  </si>
  <si>
    <t>21　衛生管理区域内の整理整頓及び消毒</t>
    <phoneticPr fontId="4"/>
  </si>
  <si>
    <t>22　厩舎等施設の清掃及び消毒</t>
    <phoneticPr fontId="4"/>
  </si>
  <si>
    <t>●厩舎その他の衛生管理区域内にある施設を飼養衛生管理マニュアルに基づき定期的に清掃及び消毒している。</t>
    <phoneticPr fontId="4"/>
  </si>
  <si>
    <t>23　毎日の健康観察</t>
    <phoneticPr fontId="4"/>
  </si>
  <si>
    <t>馬_7</t>
    <rPh sb="0" eb="1">
      <t>ウマ</t>
    </rPh>
    <phoneticPr fontId="1"/>
  </si>
  <si>
    <t>●毎日、飼養する馬の健康観察（出生及び死亡の状況並びに異状の有無を含む。）を行っている。</t>
    <phoneticPr fontId="4"/>
  </si>
  <si>
    <t>24　衛生管理区域から退出する者の手指消毒等</t>
    <phoneticPr fontId="4"/>
  </si>
  <si>
    <t>記入欄（はいの場合）※「項目9　衛生管理区域に立ち入る者の手指消毒等」と同じ場合には記載不要。</t>
    <phoneticPr fontId="4"/>
  </si>
  <si>
    <t>□ 項目9と同じ　　□ 設置されたスプレー　　□ 消毒槽　　□ 衛生管理区域専用の手袋の着用</t>
    <phoneticPr fontId="4"/>
  </si>
  <si>
    <t>25　衛生管理区域から退出する車両の消毒</t>
    <phoneticPr fontId="4"/>
  </si>
  <si>
    <t>記入欄（はいの場合）※「項目10　衛生管理区域に立ち入る車両の消毒等」と同じ場合には記載不要。</t>
    <phoneticPr fontId="4"/>
  </si>
  <si>
    <t>□ 項目10と同じ　　□ ゲート式車両消毒装置　　□ プール式車両消毒装置　　□ 動力噴霧器　　□ 蓄圧式噴霧器</t>
    <phoneticPr fontId="4"/>
  </si>
  <si>
    <t>26　衛生管理区域から搬出する物品の消毒等</t>
    <phoneticPr fontId="4"/>
  </si>
  <si>
    <t>●馬の排せつ物等の付着した又は付着したおそれのある物品を衛生管理区域から持ち出す場合には、洗浄、消毒その他の必要な措置を講じている。</t>
    <phoneticPr fontId="4"/>
  </si>
  <si>
    <t>27　馬の出荷又は移動時の健康観察</t>
    <phoneticPr fontId="4"/>
  </si>
  <si>
    <t>①馬を出荷等により農場外へ移動させる場合には、移動の直前に当該馬の健康状態を確認している。</t>
    <phoneticPr fontId="4"/>
  </si>
  <si>
    <t>②馬の死体又は排せつ物を移動させる場合には、漏出が生じないようにしている。</t>
    <phoneticPr fontId="4"/>
  </si>
  <si>
    <t>28　異状が確認された場合の出荷及び移動の停止</t>
    <phoneticPr fontId="4"/>
  </si>
  <si>
    <t>馬_8</t>
    <rPh sb="0" eb="1">
      <t>ウマ</t>
    </rPh>
    <phoneticPr fontId="1"/>
  </si>
  <si>
    <t>①馬の死亡率の急激な上昇又は同様の症状を呈している馬の増加が確認された場合には、直ちに獣医師の診療若しくは指導又は家畜保健衛生所の指導を受けている。</t>
    <phoneticPr fontId="4"/>
  </si>
  <si>
    <t>②（獣医師の診療若しくは指導又は家畜保健衛生所の指導があった場合）当該馬が監視伝染病にかかっていないことが確認されるまでの間、農場からの馬の出荷及び移動を行わないこととしている。</t>
    <phoneticPr fontId="4"/>
  </si>
  <si>
    <t>③（当該馬が監視伝染病にかかっていることが確認された場合）家畜保健衛生所の指導に従うこととしている。</t>
    <phoneticPr fontId="4"/>
  </si>
  <si>
    <t>④（飼養する馬にその他の異状が確認された場合）速やかに獣医師の診療を受け、又は指導を求めている。</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8">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2"/>
      <name val="ＭＳ 明朝"/>
      <family val="1"/>
      <charset val="128"/>
    </font>
    <font>
      <sz val="6"/>
      <name val="ＭＳ Ｐゴシック"/>
      <family val="3"/>
      <charset val="128"/>
    </font>
    <font>
      <u/>
      <sz val="12"/>
      <name val="ＭＳ 明朝"/>
      <family val="1"/>
      <charset val="128"/>
    </font>
    <font>
      <b/>
      <sz val="60"/>
      <color theme="1"/>
      <name val="ＭＳ 明朝"/>
      <family val="1"/>
    </font>
    <font>
      <u/>
      <sz val="12"/>
      <name val="ＭＳ 明朝"/>
      <family val="1"/>
    </font>
    <font>
      <sz val="12"/>
      <name val="ＭＳ 明朝"/>
      <family val="1"/>
    </font>
    <font>
      <sz val="48"/>
      <color theme="1"/>
      <name val="ＭＳ 明朝"/>
      <family val="1"/>
    </font>
    <font>
      <sz val="6"/>
      <name val="ＭＳ Ｐゴシック"/>
      <family val="2"/>
      <charset val="128"/>
    </font>
    <font>
      <sz val="42"/>
      <color theme="1"/>
      <name val="ＭＳ 明朝"/>
      <family val="1"/>
    </font>
    <font>
      <u/>
      <sz val="42"/>
      <name val="ＭＳ 明朝"/>
      <family val="1"/>
    </font>
    <font>
      <sz val="42"/>
      <name val="ＭＳ 明朝"/>
      <family val="1"/>
    </font>
    <font>
      <sz val="12"/>
      <color theme="1"/>
      <name val="ＭＳ 明朝"/>
      <family val="1"/>
    </font>
    <font>
      <sz val="28"/>
      <color theme="1"/>
      <name val="ＭＳ 明朝"/>
      <family val="1"/>
    </font>
    <font>
      <b/>
      <sz val="60"/>
      <name val="ＭＳ 明朝"/>
      <family val="1"/>
      <charset val="128"/>
    </font>
    <font>
      <b/>
      <sz val="60"/>
      <name val="ＭＳ 明朝"/>
      <family val="1"/>
    </font>
    <font>
      <sz val="42"/>
      <name val="ＭＳ 明朝"/>
      <family val="1"/>
      <charset val="128"/>
    </font>
    <font>
      <sz val="28"/>
      <name val="ＭＳ 明朝"/>
      <family val="1"/>
      <charset val="128"/>
    </font>
    <font>
      <sz val="24"/>
      <color theme="1"/>
      <name val="HG丸ｺﾞｼｯｸM-PRO"/>
      <family val="3"/>
      <charset val="128"/>
    </font>
    <font>
      <sz val="36"/>
      <color theme="1"/>
      <name val="ＭＳ 明朝"/>
      <family val="1"/>
      <charset val="128"/>
    </font>
    <font>
      <sz val="22"/>
      <color theme="1"/>
      <name val="HG丸ｺﾞｼｯｸM-PRO"/>
      <family val="3"/>
      <charset val="128"/>
    </font>
    <font>
      <sz val="42"/>
      <color theme="1"/>
      <name val="ＭＳ 明朝"/>
      <family val="1"/>
      <charset val="128"/>
    </font>
    <font>
      <strike/>
      <sz val="42"/>
      <color theme="1"/>
      <name val="ＭＳ 明朝"/>
      <family val="1"/>
    </font>
    <font>
      <strike/>
      <sz val="42"/>
      <name val="ＭＳ 明朝"/>
      <family val="1"/>
    </font>
    <font>
      <sz val="42"/>
      <color rgb="FFFF0000"/>
      <name val="ＭＳ 明朝"/>
      <family val="1"/>
    </font>
    <font>
      <sz val="36"/>
      <color theme="1"/>
      <name val="ＭＳ 明朝"/>
      <family val="1"/>
    </font>
    <font>
      <sz val="22"/>
      <name val="ＭＳ 明朝"/>
      <family val="1"/>
    </font>
    <font>
      <sz val="36"/>
      <name val="ＭＳ 明朝"/>
      <family val="1"/>
    </font>
    <font>
      <sz val="48"/>
      <name val="ＭＳ 明朝"/>
      <family val="1"/>
    </font>
    <font>
      <b/>
      <sz val="60"/>
      <color theme="1"/>
      <name val="ＭＳ 明朝"/>
      <family val="1"/>
      <charset val="128"/>
    </font>
    <font>
      <sz val="48"/>
      <color theme="1"/>
      <name val="ＭＳ 明朝"/>
      <family val="1"/>
      <charset val="128"/>
    </font>
    <font>
      <u/>
      <sz val="42"/>
      <name val="ＭＳ 明朝"/>
      <family val="1"/>
      <charset val="128"/>
    </font>
    <font>
      <sz val="28"/>
      <color theme="1"/>
      <name val="ＭＳ 明朝"/>
      <family val="1"/>
      <charset val="128"/>
    </font>
    <font>
      <sz val="12"/>
      <color theme="1"/>
      <name val="ＭＳ 明朝"/>
      <family val="1"/>
      <charset val="128"/>
    </font>
    <font>
      <strike/>
      <sz val="42"/>
      <color theme="1"/>
      <name val="ＭＳ 明朝"/>
      <family val="1"/>
      <charset val="128"/>
    </font>
    <font>
      <strike/>
      <sz val="42"/>
      <name val="ＭＳ 明朝"/>
      <family val="1"/>
      <charset val="128"/>
    </font>
    <font>
      <sz val="42"/>
      <color rgb="FFFF0000"/>
      <name val="ＭＳ 明朝"/>
      <family val="1"/>
      <charset val="128"/>
    </font>
    <font>
      <sz val="22"/>
      <name val="ＭＳ 明朝"/>
      <family val="1"/>
      <charset val="128"/>
    </font>
    <font>
      <sz val="36"/>
      <name val="ＭＳ 明朝"/>
      <family val="1"/>
      <charset val="128"/>
    </font>
    <font>
      <sz val="48"/>
      <name val="ＭＳ 明朝"/>
      <family val="1"/>
      <charset val="128"/>
    </font>
    <font>
      <sz val="48"/>
      <color theme="1"/>
      <name val="Wingdings"/>
      <family val="1"/>
      <charset val="2"/>
    </font>
    <font>
      <sz val="12"/>
      <color rgb="FFFF0000"/>
      <name val="ＭＳ 明朝"/>
      <family val="1"/>
      <charset val="128"/>
    </font>
    <font>
      <strike/>
      <sz val="36"/>
      <name val="ＭＳ 明朝"/>
      <family val="1"/>
      <charset val="128"/>
    </font>
    <font>
      <strike/>
      <sz val="36"/>
      <color rgb="FFFF0000"/>
      <name val="ＭＳ 明朝"/>
      <family val="1"/>
      <charset val="128"/>
    </font>
    <font>
      <b/>
      <sz val="42"/>
      <color theme="1"/>
      <name val="ＭＳ Ｐゴシック"/>
      <family val="3"/>
      <charset val="128"/>
    </font>
    <font>
      <b/>
      <sz val="42"/>
      <color theme="0"/>
      <name val="ＭＳ Ｐゴシック"/>
      <family val="3"/>
      <charset val="128"/>
    </font>
  </fonts>
  <fills count="7">
    <fill>
      <patternFill patternType="none"/>
    </fill>
    <fill>
      <patternFill patternType="gray125"/>
    </fill>
    <fill>
      <patternFill patternType="solid">
        <fgColor theme="0" tint="-0.14999847407452621"/>
        <bgColor indexed="64"/>
      </patternFill>
    </fill>
    <fill>
      <patternFill patternType="solid">
        <fgColor theme="0" tint="-4.9989318521683403E-2"/>
        <bgColor indexed="64"/>
      </patternFill>
    </fill>
    <fill>
      <patternFill patternType="solid">
        <fgColor theme="0"/>
        <bgColor indexed="64"/>
      </patternFill>
    </fill>
    <fill>
      <patternFill patternType="solid">
        <fgColor theme="3" tint="0.79998168889431442"/>
        <bgColor indexed="64"/>
      </patternFill>
    </fill>
    <fill>
      <patternFill patternType="solid">
        <fgColor theme="1"/>
        <bgColor indexed="64"/>
      </patternFill>
    </fill>
  </fills>
  <borders count="100">
    <border>
      <left/>
      <right/>
      <top/>
      <bottom/>
      <diagonal/>
    </border>
    <border>
      <left/>
      <right style="thin">
        <color indexed="64"/>
      </right>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bottom style="dashDotDot">
        <color indexed="64"/>
      </bottom>
      <diagonal/>
    </border>
    <border>
      <left style="thin">
        <color indexed="64"/>
      </left>
      <right/>
      <top/>
      <bottom style="dashDotDot">
        <color indexed="64"/>
      </bottom>
      <diagonal/>
    </border>
    <border>
      <left/>
      <right/>
      <top/>
      <bottom style="dashDotDot">
        <color indexed="64"/>
      </bottom>
      <diagonal/>
    </border>
    <border>
      <left style="thin">
        <color indexed="64"/>
      </left>
      <right style="thin">
        <color indexed="64"/>
      </right>
      <top/>
      <bottom style="dashDotDot">
        <color indexed="64"/>
      </bottom>
      <diagonal/>
    </border>
    <border>
      <left style="thin">
        <color indexed="64"/>
      </left>
      <right style="medium">
        <color indexed="64"/>
      </right>
      <top/>
      <bottom style="dashDotDot">
        <color indexed="64"/>
      </bottom>
      <diagonal/>
    </border>
    <border>
      <left style="double">
        <color indexed="64"/>
      </left>
      <right style="double">
        <color indexed="64"/>
      </right>
      <top style="double">
        <color indexed="64"/>
      </top>
      <bottom style="double">
        <color indexed="64"/>
      </bottom>
      <diagonal/>
    </border>
    <border>
      <left style="medium">
        <color indexed="64"/>
      </left>
      <right/>
      <top style="dashDotDot">
        <color indexed="64"/>
      </top>
      <bottom style="dashDotDot">
        <color indexed="64"/>
      </bottom>
      <diagonal/>
    </border>
    <border>
      <left style="thin">
        <color indexed="64"/>
      </left>
      <right/>
      <top style="dashDotDot">
        <color indexed="64"/>
      </top>
      <bottom style="dashDotDot">
        <color indexed="64"/>
      </bottom>
      <diagonal/>
    </border>
    <border>
      <left/>
      <right/>
      <top style="dashDotDot">
        <color indexed="64"/>
      </top>
      <bottom style="dashDotDot">
        <color indexed="64"/>
      </bottom>
      <diagonal/>
    </border>
    <border>
      <left style="medium">
        <color indexed="64"/>
      </left>
      <right/>
      <top style="dashDotDot">
        <color indexed="64"/>
      </top>
      <bottom/>
      <diagonal/>
    </border>
    <border>
      <left style="thin">
        <color indexed="64"/>
      </left>
      <right/>
      <top style="dashDotDot">
        <color indexed="64"/>
      </top>
      <bottom/>
      <diagonal/>
    </border>
    <border>
      <left/>
      <right/>
      <top style="dashDotDot">
        <color indexed="64"/>
      </top>
      <bottom/>
      <diagonal/>
    </border>
    <border>
      <left style="thin">
        <color indexed="64"/>
      </left>
      <right style="thin">
        <color indexed="64"/>
      </right>
      <top style="dashDotDot">
        <color indexed="64"/>
      </top>
      <bottom/>
      <diagonal/>
    </border>
    <border>
      <left style="thin">
        <color indexed="64"/>
      </left>
      <right style="medium">
        <color indexed="64"/>
      </right>
      <top/>
      <bottom/>
      <diagonal/>
    </border>
    <border>
      <left style="medium">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dashed">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style="thin">
        <color indexed="64"/>
      </left>
      <right style="medium">
        <color indexed="64"/>
      </right>
      <top style="thin">
        <color indexed="64"/>
      </top>
      <bottom style="dashed">
        <color indexed="64"/>
      </bottom>
      <diagonal/>
    </border>
    <border>
      <left style="medium">
        <color indexed="64"/>
      </left>
      <right/>
      <top style="dashed">
        <color indexed="64"/>
      </top>
      <bottom style="medium">
        <color indexed="64"/>
      </bottom>
      <diagonal/>
    </border>
    <border>
      <left style="thin">
        <color indexed="64"/>
      </left>
      <right/>
      <top style="dashed">
        <color indexed="64"/>
      </top>
      <bottom style="medium">
        <color indexed="64"/>
      </bottom>
      <diagonal/>
    </border>
    <border>
      <left/>
      <right/>
      <top style="dashed">
        <color indexed="64"/>
      </top>
      <bottom style="medium">
        <color indexed="64"/>
      </bottom>
      <diagonal/>
    </border>
    <border>
      <left style="thin">
        <color indexed="64"/>
      </left>
      <right style="medium">
        <color indexed="64"/>
      </right>
      <top style="dashed">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dashDotDot">
        <color indexed="64"/>
      </top>
      <bottom style="dashDotDot">
        <color indexed="64"/>
      </bottom>
      <diagonal/>
    </border>
    <border>
      <left style="thin">
        <color indexed="64"/>
      </left>
      <right style="medium">
        <color indexed="64"/>
      </right>
      <top style="dashDotDot">
        <color indexed="64"/>
      </top>
      <bottom style="dashDotDot">
        <color indexed="64"/>
      </bottom>
      <diagonal/>
    </border>
    <border>
      <left style="medium">
        <color indexed="64"/>
      </left>
      <right/>
      <top style="thin">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double">
        <color indexed="64"/>
      </left>
      <right style="double">
        <color indexed="64"/>
      </right>
      <top style="double">
        <color indexed="64"/>
      </top>
      <bottom/>
      <diagonal/>
    </border>
    <border>
      <left style="thin">
        <color indexed="64"/>
      </left>
      <right style="thin">
        <color indexed="64"/>
      </right>
      <top style="thin">
        <color indexed="64"/>
      </top>
      <bottom style="dashDotDot">
        <color indexed="64"/>
      </bottom>
      <diagonal/>
    </border>
    <border>
      <left style="thin">
        <color indexed="64"/>
      </left>
      <right style="medium">
        <color indexed="64"/>
      </right>
      <top style="thin">
        <color indexed="64"/>
      </top>
      <bottom style="dashDotDot">
        <color indexed="64"/>
      </bottom>
      <diagonal/>
    </border>
    <border>
      <left style="medium">
        <color indexed="64"/>
      </left>
      <right/>
      <top style="thin">
        <color indexed="64"/>
      </top>
      <bottom style="dashDotDot">
        <color indexed="64"/>
      </bottom>
      <diagonal/>
    </border>
    <border>
      <left/>
      <right/>
      <top style="thin">
        <color indexed="64"/>
      </top>
      <bottom style="dashDotDot">
        <color indexed="64"/>
      </bottom>
      <diagonal/>
    </border>
    <border>
      <left/>
      <right style="thin">
        <color indexed="64"/>
      </right>
      <top style="thin">
        <color indexed="64"/>
      </top>
      <bottom style="dashDotDot">
        <color indexed="64"/>
      </bottom>
      <diagonal/>
    </border>
    <border>
      <left/>
      <right style="medium">
        <color indexed="64"/>
      </right>
      <top style="thin">
        <color indexed="64"/>
      </top>
      <bottom style="thin">
        <color indexed="64"/>
      </bottom>
      <diagonal/>
    </border>
    <border>
      <left style="medium">
        <color indexed="64"/>
      </left>
      <right/>
      <top style="dashDotDot">
        <color indexed="64"/>
      </top>
      <bottom style="thin">
        <color indexed="64"/>
      </bottom>
      <diagonal/>
    </border>
    <border>
      <left/>
      <right/>
      <top style="dashDotDot">
        <color indexed="64"/>
      </top>
      <bottom style="thin">
        <color indexed="64"/>
      </bottom>
      <diagonal/>
    </border>
    <border>
      <left/>
      <right style="thin">
        <color indexed="64"/>
      </right>
      <top style="dashDotDot">
        <color indexed="64"/>
      </top>
      <bottom style="thin">
        <color indexed="64"/>
      </bottom>
      <diagonal/>
    </border>
    <border>
      <left/>
      <right style="medium">
        <color indexed="64"/>
      </right>
      <top/>
      <bottom style="thin">
        <color indexed="64"/>
      </bottom>
      <diagonal/>
    </border>
    <border>
      <left style="thin">
        <color indexed="64"/>
      </left>
      <right style="medium">
        <color indexed="64"/>
      </right>
      <top style="thin">
        <color indexed="64"/>
      </top>
      <bottom/>
      <diagonal/>
    </border>
    <border>
      <left style="medium">
        <color indexed="64"/>
      </left>
      <right/>
      <top/>
      <bottom style="thin">
        <color indexed="64"/>
      </bottom>
      <diagonal/>
    </border>
    <border>
      <left style="thin">
        <color indexed="64"/>
      </left>
      <right/>
      <top style="thin">
        <color indexed="64"/>
      </top>
      <bottom style="dashDotDot">
        <color indexed="64"/>
      </bottom>
      <diagonal/>
    </border>
    <border>
      <left/>
      <right style="medium">
        <color indexed="64"/>
      </right>
      <top style="thin">
        <color indexed="64"/>
      </top>
      <bottom style="dashDotDot">
        <color indexed="64"/>
      </bottom>
      <diagonal/>
    </border>
    <border>
      <left/>
      <right style="thin">
        <color indexed="64"/>
      </right>
      <top style="dashDotDot">
        <color indexed="64"/>
      </top>
      <bottom/>
      <diagonal/>
    </border>
    <border>
      <left/>
      <right style="medium">
        <color indexed="64"/>
      </right>
      <top style="dashDotDot">
        <color indexed="64"/>
      </top>
      <bottom style="dashDotDot">
        <color indexed="64"/>
      </bottom>
      <diagonal/>
    </border>
    <border>
      <left/>
      <right style="thin">
        <color indexed="64"/>
      </right>
      <top/>
      <bottom style="dashDotDot">
        <color indexed="64"/>
      </bottom>
      <diagonal/>
    </border>
    <border>
      <left style="thin">
        <color indexed="64"/>
      </left>
      <right/>
      <top style="dashDotDot">
        <color indexed="64"/>
      </top>
      <bottom style="thin">
        <color indexed="64"/>
      </bottom>
      <diagonal/>
    </border>
    <border>
      <left/>
      <right style="medium">
        <color indexed="64"/>
      </right>
      <top style="dashDotDot">
        <color indexed="64"/>
      </top>
      <bottom style="thin">
        <color indexed="64"/>
      </bottom>
      <diagonal/>
    </border>
    <border>
      <left style="thin">
        <color indexed="64"/>
      </left>
      <right style="medium">
        <color indexed="64"/>
      </right>
      <top/>
      <bottom style="thin">
        <color indexed="64"/>
      </bottom>
      <diagonal/>
    </border>
    <border>
      <left style="medium">
        <color indexed="64"/>
      </left>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right style="medium">
        <color indexed="64"/>
      </right>
      <top style="thin">
        <color indexed="64"/>
      </top>
      <bottom/>
      <diagonal/>
    </border>
    <border>
      <left/>
      <right style="medium">
        <color indexed="64"/>
      </right>
      <top/>
      <bottom/>
      <diagonal/>
    </border>
    <border>
      <left/>
      <right style="medium">
        <color indexed="64"/>
      </right>
      <top/>
      <bottom style="dashDotDot">
        <color indexed="64"/>
      </bottom>
      <diagonal/>
    </border>
    <border>
      <left/>
      <right style="thin">
        <color indexed="64"/>
      </right>
      <top style="dashDotDot">
        <color indexed="64"/>
      </top>
      <bottom style="dashDotDot">
        <color indexed="64"/>
      </bottom>
      <diagonal/>
    </border>
    <border>
      <left/>
      <right style="medium">
        <color indexed="64"/>
      </right>
      <top style="dashDotDot">
        <color indexed="64"/>
      </top>
      <bottom/>
      <diagonal/>
    </border>
    <border>
      <left style="thin">
        <color indexed="64"/>
      </left>
      <right style="thin">
        <color indexed="64"/>
      </right>
      <top style="dashDotDot">
        <color indexed="64"/>
      </top>
      <bottom style="thin">
        <color indexed="64"/>
      </bottom>
      <diagonal/>
    </border>
    <border>
      <left style="thin">
        <color indexed="64"/>
      </left>
      <right style="medium">
        <color indexed="64"/>
      </right>
      <top style="dashDotDot">
        <color indexed="64"/>
      </top>
      <bottom style="thin">
        <color indexed="64"/>
      </bottom>
      <diagonal/>
    </border>
    <border>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style="thin">
        <color indexed="64"/>
      </top>
      <bottom style="dashed">
        <color indexed="64"/>
      </bottom>
      <diagonal/>
    </border>
    <border>
      <left style="medium">
        <color indexed="64"/>
      </left>
      <right/>
      <top style="medium">
        <color indexed="64"/>
      </top>
      <bottom style="dashDotDot">
        <color indexed="64"/>
      </bottom>
      <diagonal/>
    </border>
    <border>
      <left/>
      <right/>
      <top style="medium">
        <color indexed="64"/>
      </top>
      <bottom style="dashDotDot">
        <color indexed="64"/>
      </bottom>
      <diagonal/>
    </border>
    <border>
      <left/>
      <right style="thin">
        <color indexed="64"/>
      </right>
      <top style="medium">
        <color indexed="64"/>
      </top>
      <bottom style="dashDotDot">
        <color indexed="64"/>
      </bottom>
      <diagonal/>
    </border>
    <border>
      <left style="thin">
        <color indexed="64"/>
      </left>
      <right style="thin">
        <color indexed="64"/>
      </right>
      <top style="medium">
        <color indexed="64"/>
      </top>
      <bottom style="dashDotDot">
        <color indexed="64"/>
      </bottom>
      <diagonal/>
    </border>
    <border>
      <left style="thin">
        <color indexed="64"/>
      </left>
      <right style="medium">
        <color indexed="64"/>
      </right>
      <top style="medium">
        <color indexed="64"/>
      </top>
      <bottom style="dashDotDot">
        <color indexed="64"/>
      </bottom>
      <diagonal/>
    </border>
    <border>
      <left style="thin">
        <color indexed="64"/>
      </left>
      <right style="medium">
        <color indexed="64"/>
      </right>
      <top style="dashDotDot">
        <color indexed="64"/>
      </top>
      <bottom/>
      <diagonal/>
    </border>
    <border>
      <left style="medium">
        <color indexed="64"/>
      </left>
      <right/>
      <top style="dashed">
        <color indexed="64"/>
      </top>
      <bottom style="double">
        <color indexed="64"/>
      </bottom>
      <diagonal/>
    </border>
    <border>
      <left style="thin">
        <color indexed="64"/>
      </left>
      <right/>
      <top style="dashed">
        <color indexed="64"/>
      </top>
      <bottom style="double">
        <color indexed="64"/>
      </bottom>
      <diagonal/>
    </border>
    <border>
      <left/>
      <right/>
      <top style="dashed">
        <color indexed="64"/>
      </top>
      <bottom style="double">
        <color indexed="64"/>
      </bottom>
      <diagonal/>
    </border>
    <border>
      <left style="thin">
        <color indexed="64"/>
      </left>
      <right style="medium">
        <color indexed="64"/>
      </right>
      <top style="dashed">
        <color indexed="64"/>
      </top>
      <bottom style="double">
        <color indexed="64"/>
      </bottom>
      <diagonal/>
    </border>
  </borders>
  <cellStyleXfs count="3">
    <xf numFmtId="0" fontId="0" fillId="0" borderId="0">
      <alignment vertical="center"/>
    </xf>
    <xf numFmtId="0" fontId="2" fillId="0" borderId="0">
      <alignment vertical="center"/>
    </xf>
    <xf numFmtId="0" fontId="2" fillId="0" borderId="0">
      <alignment vertical="center"/>
    </xf>
  </cellStyleXfs>
  <cellXfs count="771">
    <xf numFmtId="0" fontId="0" fillId="0" borderId="0" xfId="0">
      <alignment vertical="center"/>
    </xf>
    <xf numFmtId="0" fontId="3" fillId="0" borderId="0" xfId="1" applyFont="1">
      <alignment vertical="center"/>
    </xf>
    <xf numFmtId="0" fontId="5" fillId="0" borderId="0" xfId="1" applyFont="1">
      <alignment vertical="center"/>
    </xf>
    <xf numFmtId="0" fontId="7" fillId="0" borderId="0" xfId="1" applyFont="1">
      <alignment vertical="center"/>
    </xf>
    <xf numFmtId="0" fontId="8" fillId="0" borderId="0" xfId="1" applyFont="1">
      <alignment vertical="center"/>
    </xf>
    <xf numFmtId="0" fontId="12" fillId="0" borderId="0" xfId="1" applyFont="1">
      <alignment vertical="center"/>
    </xf>
    <xf numFmtId="0" fontId="13" fillId="0" borderId="0" xfId="1" applyFont="1">
      <alignment vertical="center"/>
    </xf>
    <xf numFmtId="0" fontId="16" fillId="0" borderId="0" xfId="1" applyFont="1" applyAlignment="1">
      <alignment horizontal="left" vertical="center" wrapText="1"/>
    </xf>
    <xf numFmtId="0" fontId="17" fillId="0" borderId="0" xfId="1" applyFont="1" applyAlignment="1">
      <alignment horizontal="left" vertical="center" wrapText="1"/>
    </xf>
    <xf numFmtId="0" fontId="16" fillId="0" borderId="0" xfId="1" applyFont="1" applyAlignment="1">
      <alignment horizontal="left" wrapText="1"/>
    </xf>
    <xf numFmtId="0" fontId="19" fillId="0" borderId="0" xfId="1" applyFont="1" applyAlignment="1">
      <alignment horizontal="left" vertical="center"/>
    </xf>
    <xf numFmtId="0" fontId="11" fillId="4" borderId="26" xfId="1" applyFont="1" applyFill="1" applyBorder="1" applyAlignment="1">
      <alignment horizontal="center" vertical="center" wrapText="1" shrinkToFit="1"/>
    </xf>
    <xf numFmtId="0" fontId="11" fillId="4" borderId="27" xfId="1" applyFont="1" applyFill="1" applyBorder="1" applyAlignment="1">
      <alignment horizontal="center" vertical="center" shrinkToFit="1"/>
    </xf>
    <xf numFmtId="0" fontId="11" fillId="4" borderId="0" xfId="1" applyFont="1" applyFill="1">
      <alignment vertical="center"/>
    </xf>
    <xf numFmtId="0" fontId="13" fillId="4" borderId="0" xfId="1" applyFont="1" applyFill="1">
      <alignment vertical="center"/>
    </xf>
    <xf numFmtId="0" fontId="11" fillId="4" borderId="35" xfId="1" applyFont="1" applyFill="1" applyBorder="1" applyAlignment="1">
      <alignment horizontal="center" vertical="center" shrinkToFit="1"/>
    </xf>
    <xf numFmtId="0" fontId="11" fillId="4" borderId="11" xfId="1" applyFont="1" applyFill="1" applyBorder="1" applyAlignment="1">
      <alignment horizontal="center" vertical="center" wrapText="1" shrinkToFit="1"/>
    </xf>
    <xf numFmtId="0" fontId="11" fillId="4" borderId="0" xfId="1" applyFont="1" applyFill="1" applyAlignment="1">
      <alignment vertical="center" wrapText="1" shrinkToFit="1"/>
    </xf>
    <xf numFmtId="0" fontId="11" fillId="4" borderId="49" xfId="1" applyFont="1" applyFill="1" applyBorder="1" applyAlignment="1">
      <alignment horizontal="center" vertical="center" wrapText="1" shrinkToFit="1"/>
    </xf>
    <xf numFmtId="0" fontId="11" fillId="4" borderId="50" xfId="1" applyFont="1" applyFill="1" applyBorder="1" applyAlignment="1">
      <alignment horizontal="center" vertical="center" shrinkToFit="1"/>
    </xf>
    <xf numFmtId="0" fontId="13" fillId="0" borderId="0" xfId="1" applyFont="1" applyAlignment="1">
      <alignment vertical="top" wrapText="1"/>
    </xf>
    <xf numFmtId="0" fontId="13" fillId="4" borderId="0" xfId="1" applyFont="1" applyFill="1" applyAlignment="1">
      <alignment vertical="top" wrapText="1"/>
    </xf>
    <xf numFmtId="0" fontId="11" fillId="4" borderId="0" xfId="1" applyFont="1" applyFill="1" applyAlignment="1">
      <alignment vertical="top" wrapText="1"/>
    </xf>
    <xf numFmtId="0" fontId="11" fillId="4" borderId="49" xfId="1" applyFont="1" applyFill="1" applyBorder="1" applyAlignment="1">
      <alignment horizontal="center" vertical="center" shrinkToFit="1"/>
    </xf>
    <xf numFmtId="0" fontId="11" fillId="4" borderId="26" xfId="1" applyFont="1" applyFill="1" applyBorder="1" applyAlignment="1">
      <alignment horizontal="center" vertical="center" shrinkToFit="1"/>
    </xf>
    <xf numFmtId="0" fontId="24" fillId="4" borderId="0" xfId="1" applyFont="1" applyFill="1" applyAlignment="1">
      <alignment horizontal="left" vertical="center" wrapText="1" shrinkToFit="1"/>
    </xf>
    <xf numFmtId="0" fontId="24" fillId="4" borderId="0" xfId="1" applyFont="1" applyFill="1" applyAlignment="1">
      <alignment horizontal="left" vertical="center"/>
    </xf>
    <xf numFmtId="0" fontId="22" fillId="4" borderId="28" xfId="1" applyFont="1" applyFill="1" applyBorder="1" applyAlignment="1">
      <alignment horizontal="left" vertical="center" shrinkToFit="1"/>
    </xf>
    <xf numFmtId="0" fontId="25" fillId="0" borderId="0" xfId="1" applyFont="1" applyAlignment="1">
      <alignment horizontal="left" vertical="top" wrapText="1"/>
    </xf>
    <xf numFmtId="0" fontId="25" fillId="4" borderId="0" xfId="1" applyFont="1" applyFill="1" applyAlignment="1">
      <alignment horizontal="left" vertical="top" wrapText="1"/>
    </xf>
    <xf numFmtId="0" fontId="25" fillId="4" borderId="0" xfId="1" applyFont="1" applyFill="1" applyAlignment="1">
      <alignment horizontal="left" vertical="center"/>
    </xf>
    <xf numFmtId="0" fontId="24" fillId="4" borderId="0" xfId="1" applyFont="1" applyFill="1">
      <alignment vertical="center"/>
    </xf>
    <xf numFmtId="0" fontId="25" fillId="4" borderId="0" xfId="1" applyFont="1" applyFill="1" applyAlignment="1">
      <alignment vertical="top" wrapText="1"/>
    </xf>
    <xf numFmtId="0" fontId="25" fillId="4" borderId="0" xfId="1" applyFont="1" applyFill="1">
      <alignment vertical="center"/>
    </xf>
    <xf numFmtId="0" fontId="11" fillId="4" borderId="3" xfId="1" applyFont="1" applyFill="1" applyBorder="1">
      <alignment vertical="center"/>
    </xf>
    <xf numFmtId="0" fontId="11" fillId="4" borderId="4" xfId="1" applyFont="1" applyFill="1" applyBorder="1">
      <alignment vertical="center"/>
    </xf>
    <xf numFmtId="0" fontId="11" fillId="4" borderId="64" xfId="1" applyFont="1" applyFill="1" applyBorder="1">
      <alignment vertical="center"/>
    </xf>
    <xf numFmtId="0" fontId="11" fillId="4" borderId="0" xfId="1" applyFont="1" applyFill="1" applyAlignment="1">
      <alignment vertical="center" wrapText="1"/>
    </xf>
    <xf numFmtId="0" fontId="13" fillId="4" borderId="0" xfId="1" applyFont="1" applyFill="1" applyAlignment="1">
      <alignment vertical="center" wrapText="1"/>
    </xf>
    <xf numFmtId="0" fontId="11" fillId="4" borderId="0" xfId="2" applyFont="1" applyFill="1" applyAlignment="1">
      <alignment vertical="top" wrapText="1"/>
    </xf>
    <xf numFmtId="0" fontId="13" fillId="0" borderId="0" xfId="2" applyFont="1" applyAlignment="1">
      <alignment vertical="top" wrapText="1"/>
    </xf>
    <xf numFmtId="0" fontId="13" fillId="4" borderId="0" xfId="2" applyFont="1" applyFill="1" applyAlignment="1">
      <alignment vertical="top" wrapText="1"/>
    </xf>
    <xf numFmtId="0" fontId="13" fillId="4" borderId="0" xfId="2" applyFont="1" applyFill="1">
      <alignment vertical="center"/>
    </xf>
    <xf numFmtId="0" fontId="22" fillId="4" borderId="0" xfId="1" applyFont="1" applyFill="1" applyAlignment="1">
      <alignment horizontal="center" vertical="center" shrinkToFit="1"/>
    </xf>
    <xf numFmtId="0" fontId="11" fillId="4" borderId="15" xfId="1" applyFont="1" applyFill="1" applyBorder="1" applyAlignment="1">
      <alignment horizontal="center" vertical="center" wrapText="1" shrinkToFit="1"/>
    </xf>
    <xf numFmtId="0" fontId="11" fillId="4" borderId="74" xfId="1" applyFont="1" applyFill="1" applyBorder="1" applyAlignment="1">
      <alignment horizontal="center" vertical="center" shrinkToFit="1"/>
    </xf>
    <xf numFmtId="0" fontId="11" fillId="4" borderId="78" xfId="1" applyFont="1" applyFill="1" applyBorder="1" applyAlignment="1">
      <alignment horizontal="center" vertical="center" wrapText="1" shrinkToFit="1"/>
    </xf>
    <xf numFmtId="0" fontId="11" fillId="4" borderId="79" xfId="1" applyFont="1" applyFill="1" applyBorder="1" applyAlignment="1">
      <alignment horizontal="center" vertical="center" shrinkToFit="1"/>
    </xf>
    <xf numFmtId="0" fontId="13" fillId="4" borderId="0" xfId="1" applyFont="1" applyFill="1" applyAlignment="1">
      <alignment horizontal="left" vertical="top" wrapText="1"/>
    </xf>
    <xf numFmtId="0" fontId="11" fillId="4" borderId="0" xfId="1" applyFont="1" applyFill="1" applyAlignment="1">
      <alignment horizontal="left" vertical="center"/>
    </xf>
    <xf numFmtId="0" fontId="13" fillId="0" borderId="0" xfId="1" applyFont="1" applyAlignment="1">
      <alignment horizontal="left" vertical="top" wrapText="1"/>
    </xf>
    <xf numFmtId="0" fontId="13" fillId="4" borderId="0" xfId="1" applyFont="1" applyFill="1" applyAlignment="1">
      <alignment horizontal="left" vertical="center"/>
    </xf>
    <xf numFmtId="0" fontId="13" fillId="0" borderId="0" xfId="2" applyFont="1">
      <alignment vertical="center"/>
    </xf>
    <xf numFmtId="0" fontId="11" fillId="4" borderId="85" xfId="1" applyFont="1" applyFill="1" applyBorder="1" applyAlignment="1">
      <alignment horizontal="center" vertical="center" wrapText="1" shrinkToFit="1"/>
    </xf>
    <xf numFmtId="0" fontId="11" fillId="4" borderId="86" xfId="1" applyFont="1" applyFill="1" applyBorder="1" applyAlignment="1">
      <alignment horizontal="center" vertical="center" shrinkToFit="1"/>
    </xf>
    <xf numFmtId="0" fontId="11" fillId="2" borderId="24" xfId="1" applyFont="1" applyFill="1" applyBorder="1" applyAlignment="1">
      <alignment horizontal="left" vertical="center" wrapText="1" shrinkToFit="1"/>
    </xf>
    <xf numFmtId="0" fontId="11" fillId="2" borderId="49" xfId="1" applyFont="1" applyFill="1" applyBorder="1" applyAlignment="1">
      <alignment horizontal="left" vertical="center" wrapText="1" shrinkToFit="1"/>
    </xf>
    <xf numFmtId="0" fontId="28" fillId="0" borderId="0" xfId="1" applyFont="1">
      <alignment vertical="center"/>
    </xf>
    <xf numFmtId="0" fontId="8" fillId="0" borderId="0" xfId="1" applyFont="1" applyAlignment="1">
      <alignment horizontal="left" vertical="center"/>
    </xf>
    <xf numFmtId="0" fontId="30" fillId="0" borderId="0" xfId="1" applyFont="1" applyAlignment="1">
      <alignment horizontal="left" vertical="center"/>
    </xf>
    <xf numFmtId="0" fontId="8" fillId="0" borderId="0" xfId="1" applyFont="1" applyAlignment="1">
      <alignment horizontal="center" vertical="center"/>
    </xf>
    <xf numFmtId="0" fontId="5" fillId="0" borderId="0" xfId="2" applyFont="1">
      <alignment vertical="center"/>
    </xf>
    <xf numFmtId="0" fontId="3" fillId="0" borderId="0" xfId="2" applyFont="1">
      <alignment vertical="center"/>
    </xf>
    <xf numFmtId="0" fontId="33" fillId="0" borderId="0" xfId="2" applyFont="1">
      <alignment vertical="center"/>
    </xf>
    <xf numFmtId="0" fontId="18" fillId="0" borderId="0" xfId="2" applyFont="1">
      <alignment vertical="center"/>
    </xf>
    <xf numFmtId="0" fontId="11" fillId="4" borderId="26" xfId="2" applyFont="1" applyFill="1" applyBorder="1" applyAlignment="1">
      <alignment horizontal="center" vertical="center" wrapText="1" shrinkToFit="1"/>
    </xf>
    <xf numFmtId="0" fontId="11" fillId="4" borderId="27" xfId="2" applyFont="1" applyFill="1" applyBorder="1" applyAlignment="1">
      <alignment horizontal="center" vertical="center" shrinkToFit="1"/>
    </xf>
    <xf numFmtId="0" fontId="18" fillId="4" borderId="0" xfId="2" applyFont="1" applyFill="1">
      <alignment vertical="center"/>
    </xf>
    <xf numFmtId="0" fontId="23" fillId="4" borderId="26" xfId="2" applyFont="1" applyFill="1" applyBorder="1" applyAlignment="1">
      <alignment horizontal="center" vertical="center" wrapText="1" shrinkToFit="1"/>
    </xf>
    <xf numFmtId="0" fontId="23" fillId="4" borderId="27" xfId="2" applyFont="1" applyFill="1" applyBorder="1" applyAlignment="1">
      <alignment horizontal="center" vertical="center" shrinkToFit="1"/>
    </xf>
    <xf numFmtId="0" fontId="11" fillId="4" borderId="35" xfId="2" applyFont="1" applyFill="1" applyBorder="1" applyAlignment="1">
      <alignment horizontal="center" vertical="center" shrinkToFit="1"/>
    </xf>
    <xf numFmtId="0" fontId="11" fillId="4" borderId="11" xfId="2" applyFont="1" applyFill="1" applyBorder="1" applyAlignment="1">
      <alignment horizontal="center" vertical="center" wrapText="1" shrinkToFit="1"/>
    </xf>
    <xf numFmtId="0" fontId="11" fillId="4" borderId="36" xfId="2" applyFont="1" applyFill="1" applyBorder="1" applyAlignment="1">
      <alignment horizontal="center" vertical="center" shrinkToFit="1"/>
    </xf>
    <xf numFmtId="0" fontId="23" fillId="4" borderId="49" xfId="2" applyFont="1" applyFill="1" applyBorder="1" applyAlignment="1">
      <alignment horizontal="center" vertical="center" wrapText="1" shrinkToFit="1"/>
    </xf>
    <xf numFmtId="0" fontId="23" fillId="4" borderId="50" xfId="2" applyFont="1" applyFill="1" applyBorder="1" applyAlignment="1">
      <alignment horizontal="center" vertical="center" shrinkToFit="1"/>
    </xf>
    <xf numFmtId="0" fontId="23" fillId="4" borderId="11" xfId="2" applyFont="1" applyFill="1" applyBorder="1" applyAlignment="1">
      <alignment horizontal="center" vertical="center" wrapText="1" shrinkToFit="1"/>
    </xf>
    <xf numFmtId="0" fontId="18" fillId="0" borderId="0" xfId="2" applyFont="1" applyAlignment="1">
      <alignment vertical="top" wrapText="1"/>
    </xf>
    <xf numFmtId="0" fontId="18" fillId="4" borderId="0" xfId="2" applyFont="1" applyFill="1" applyAlignment="1">
      <alignment vertical="top" wrapText="1"/>
    </xf>
    <xf numFmtId="0" fontId="23" fillId="4" borderId="0" xfId="2" applyFont="1" applyFill="1" applyAlignment="1">
      <alignment vertical="top" wrapText="1"/>
    </xf>
    <xf numFmtId="0" fontId="23" fillId="4" borderId="49" xfId="2" applyFont="1" applyFill="1" applyBorder="1" applyAlignment="1">
      <alignment horizontal="center" vertical="center" shrinkToFit="1"/>
    </xf>
    <xf numFmtId="0" fontId="23" fillId="4" borderId="26" xfId="2" applyFont="1" applyFill="1" applyBorder="1" applyAlignment="1">
      <alignment horizontal="center" vertical="center" shrinkToFit="1"/>
    </xf>
    <xf numFmtId="0" fontId="36" fillId="4" borderId="0" xfId="2" applyFont="1" applyFill="1" applyAlignment="1">
      <alignment horizontal="left" vertical="center" wrapText="1" shrinkToFit="1"/>
    </xf>
    <xf numFmtId="0" fontId="36" fillId="4" borderId="0" xfId="2" applyFont="1" applyFill="1" applyAlignment="1">
      <alignment horizontal="left" vertical="center"/>
    </xf>
    <xf numFmtId="0" fontId="22" fillId="4" borderId="28" xfId="2" applyFont="1" applyFill="1" applyBorder="1" applyAlignment="1">
      <alignment horizontal="left" vertical="center" shrinkToFit="1"/>
    </xf>
    <xf numFmtId="0" fontId="37" fillId="0" borderId="0" xfId="2" applyFont="1" applyAlignment="1">
      <alignment horizontal="left" vertical="top" wrapText="1"/>
    </xf>
    <xf numFmtId="0" fontId="37" fillId="4" borderId="0" xfId="2" applyFont="1" applyFill="1" applyAlignment="1">
      <alignment horizontal="left" vertical="top" wrapText="1"/>
    </xf>
    <xf numFmtId="0" fontId="37" fillId="4" borderId="0" xfId="2" applyFont="1" applyFill="1" applyAlignment="1">
      <alignment horizontal="left" vertical="center"/>
    </xf>
    <xf numFmtId="0" fontId="23" fillId="4" borderId="35" xfId="2" applyFont="1" applyFill="1" applyBorder="1" applyAlignment="1">
      <alignment horizontal="center" vertical="center" shrinkToFit="1"/>
    </xf>
    <xf numFmtId="0" fontId="36" fillId="4" borderId="0" xfId="2" applyFont="1" applyFill="1">
      <alignment vertical="center"/>
    </xf>
    <xf numFmtId="0" fontId="37" fillId="4" borderId="0" xfId="2" applyFont="1" applyFill="1" applyAlignment="1">
      <alignment vertical="top" wrapText="1"/>
    </xf>
    <xf numFmtId="0" fontId="37" fillId="4" borderId="0" xfId="2" applyFont="1" applyFill="1">
      <alignment vertical="center"/>
    </xf>
    <xf numFmtId="0" fontId="23" fillId="4" borderId="0" xfId="2" applyFont="1" applyFill="1" applyAlignment="1">
      <alignment vertical="center" wrapText="1"/>
    </xf>
    <xf numFmtId="0" fontId="18" fillId="0" borderId="0" xfId="2" applyFont="1" applyAlignment="1">
      <alignment vertical="center" wrapText="1"/>
    </xf>
    <xf numFmtId="0" fontId="18" fillId="4" borderId="0" xfId="2" applyFont="1" applyFill="1" applyAlignment="1">
      <alignment vertical="center" wrapText="1"/>
    </xf>
    <xf numFmtId="0" fontId="22" fillId="4" borderId="0" xfId="2" applyFont="1" applyFill="1" applyAlignment="1">
      <alignment horizontal="center" vertical="center" shrinkToFit="1"/>
    </xf>
    <xf numFmtId="0" fontId="23" fillId="4" borderId="15" xfId="2" applyFont="1" applyFill="1" applyBorder="1" applyAlignment="1">
      <alignment horizontal="center" vertical="center" wrapText="1" shrinkToFit="1"/>
    </xf>
    <xf numFmtId="0" fontId="23" fillId="4" borderId="74" xfId="2" applyFont="1" applyFill="1" applyBorder="1" applyAlignment="1">
      <alignment horizontal="center" vertical="center" shrinkToFit="1"/>
    </xf>
    <xf numFmtId="0" fontId="18" fillId="4" borderId="0" xfId="2" applyFont="1" applyFill="1" applyAlignment="1">
      <alignment horizontal="left" vertical="top" wrapText="1"/>
    </xf>
    <xf numFmtId="0" fontId="23" fillId="4" borderId="0" xfId="2" applyFont="1" applyFill="1" applyAlignment="1">
      <alignment horizontal="left" vertical="center"/>
    </xf>
    <xf numFmtId="0" fontId="18" fillId="0" borderId="0" xfId="2" applyFont="1" applyAlignment="1">
      <alignment horizontal="left" vertical="top" wrapText="1"/>
    </xf>
    <xf numFmtId="0" fontId="18" fillId="4" borderId="0" xfId="2" applyFont="1" applyFill="1" applyAlignment="1">
      <alignment horizontal="left" vertical="center"/>
    </xf>
    <xf numFmtId="0" fontId="26" fillId="0" borderId="0" xfId="2" applyFont="1" applyAlignment="1">
      <alignment vertical="top" wrapText="1"/>
    </xf>
    <xf numFmtId="0" fontId="38" fillId="0" borderId="0" xfId="2" applyFont="1" applyAlignment="1">
      <alignment vertical="top" wrapText="1"/>
    </xf>
    <xf numFmtId="0" fontId="23" fillId="4" borderId="85" xfId="2" applyFont="1" applyFill="1" applyBorder="1" applyAlignment="1">
      <alignment horizontal="center" vertical="center" shrinkToFit="1"/>
    </xf>
    <xf numFmtId="0" fontId="18" fillId="0" borderId="0" xfId="2" applyFont="1" applyAlignment="1">
      <alignment vertical="top"/>
    </xf>
    <xf numFmtId="0" fontId="23" fillId="4" borderId="55" xfId="2" applyFont="1" applyFill="1" applyBorder="1" applyAlignment="1">
      <alignment horizontal="center" vertical="center" wrapText="1" shrinkToFit="1"/>
    </xf>
    <xf numFmtId="0" fontId="23" fillId="4" borderId="4" xfId="2" applyFont="1" applyFill="1" applyBorder="1">
      <alignment vertical="center"/>
    </xf>
    <xf numFmtId="0" fontId="23" fillId="4" borderId="64" xfId="2" applyFont="1" applyFill="1" applyBorder="1">
      <alignment vertical="center"/>
    </xf>
    <xf numFmtId="0" fontId="23" fillId="2" borderId="24" xfId="2" applyFont="1" applyFill="1" applyBorder="1" applyAlignment="1">
      <alignment horizontal="left" vertical="center" wrapText="1" shrinkToFit="1"/>
    </xf>
    <xf numFmtId="0" fontId="23" fillId="2" borderId="49" xfId="2" applyFont="1" applyFill="1" applyBorder="1" applyAlignment="1">
      <alignment horizontal="left" vertical="center" wrapText="1" shrinkToFit="1"/>
    </xf>
    <xf numFmtId="0" fontId="23" fillId="2" borderId="3" xfId="2" applyFont="1" applyFill="1" applyBorder="1" applyAlignment="1">
      <alignment horizontal="left" vertical="center" wrapText="1" shrinkToFit="1"/>
    </xf>
    <xf numFmtId="0" fontId="23" fillId="2" borderId="2" xfId="2" applyFont="1" applyFill="1" applyBorder="1" applyAlignment="1">
      <alignment horizontal="left" vertical="center" wrapText="1" shrinkToFit="1"/>
    </xf>
    <xf numFmtId="0" fontId="11" fillId="4" borderId="11" xfId="2" applyFont="1" applyFill="1" applyBorder="1" applyAlignment="1">
      <alignment horizontal="center" vertical="center" shrinkToFit="1"/>
    </xf>
    <xf numFmtId="0" fontId="39" fillId="0" borderId="0" xfId="2" applyFont="1">
      <alignment vertical="center"/>
    </xf>
    <xf numFmtId="0" fontId="40" fillId="0" borderId="0" xfId="2" applyFont="1" applyAlignment="1">
      <alignment horizontal="left" vertical="top" wrapText="1"/>
    </xf>
    <xf numFmtId="0" fontId="29" fillId="0" borderId="0" xfId="2" applyFont="1" applyAlignment="1">
      <alignment horizontal="left" vertical="top" wrapText="1"/>
    </xf>
    <xf numFmtId="0" fontId="3" fillId="0" borderId="0" xfId="2" applyFont="1" applyAlignment="1">
      <alignment horizontal="left" vertical="center"/>
    </xf>
    <xf numFmtId="0" fontId="41" fillId="0" borderId="0" xfId="2" applyFont="1" applyAlignment="1">
      <alignment horizontal="left" vertical="center"/>
    </xf>
    <xf numFmtId="0" fontId="3" fillId="0" borderId="0" xfId="2" applyFont="1" applyAlignment="1">
      <alignment horizontal="center" vertical="center"/>
    </xf>
    <xf numFmtId="0" fontId="8" fillId="0" borderId="0" xfId="2" applyFont="1" applyAlignment="1">
      <alignment horizontal="left" vertical="center"/>
    </xf>
    <xf numFmtId="0" fontId="23" fillId="4" borderId="85" xfId="2" applyFont="1" applyFill="1" applyBorder="1" applyAlignment="1">
      <alignment horizontal="center" vertical="center" wrapText="1" shrinkToFit="1"/>
    </xf>
    <xf numFmtId="0" fontId="23" fillId="4" borderId="86" xfId="2" applyFont="1" applyFill="1" applyBorder="1" applyAlignment="1">
      <alignment horizontal="center" vertical="center" shrinkToFit="1"/>
    </xf>
    <xf numFmtId="0" fontId="23" fillId="4" borderId="0" xfId="2" applyFont="1" applyFill="1" applyAlignment="1">
      <alignment horizontal="left" vertical="center" shrinkToFit="1"/>
    </xf>
    <xf numFmtId="0" fontId="23" fillId="4" borderId="0" xfId="2" applyFont="1" applyFill="1" applyAlignment="1">
      <alignment vertical="top"/>
    </xf>
    <xf numFmtId="0" fontId="18" fillId="4" borderId="0" xfId="2" applyFont="1" applyFill="1" applyAlignment="1">
      <alignment vertical="top"/>
    </xf>
    <xf numFmtId="0" fontId="23" fillId="4" borderId="9" xfId="2" applyFont="1" applyFill="1" applyBorder="1" applyAlignment="1">
      <alignment horizontal="center" vertical="center" wrapText="1" shrinkToFit="1"/>
    </xf>
    <xf numFmtId="0" fontId="23" fillId="4" borderId="38" xfId="2" applyFont="1" applyFill="1" applyBorder="1" applyAlignment="1">
      <alignment horizontal="center" vertical="center" shrinkToFit="1"/>
    </xf>
    <xf numFmtId="0" fontId="5" fillId="0" borderId="0" xfId="1" applyFont="1" applyAlignment="1">
      <alignment horizontal="left" vertical="center"/>
    </xf>
    <xf numFmtId="0" fontId="20" fillId="0" borderId="0" xfId="1" applyFont="1" applyAlignment="1">
      <alignment horizontal="center" vertical="center" wrapText="1" shrinkToFit="1"/>
    </xf>
    <xf numFmtId="0" fontId="11" fillId="4" borderId="0" xfId="1" applyFont="1" applyFill="1" applyAlignment="1">
      <alignment horizontal="left" vertical="center" wrapText="1" shrinkToFit="1"/>
    </xf>
    <xf numFmtId="0" fontId="22" fillId="4" borderId="28" xfId="1" applyFont="1" applyFill="1" applyBorder="1" applyAlignment="1">
      <alignment horizontal="center" vertical="center" shrinkToFit="1"/>
    </xf>
    <xf numFmtId="0" fontId="11" fillId="4" borderId="11" xfId="1" applyFont="1" applyFill="1" applyBorder="1" applyAlignment="1">
      <alignment horizontal="center" vertical="center" shrinkToFit="1"/>
    </xf>
    <xf numFmtId="0" fontId="11" fillId="4" borderId="36" xfId="1" applyFont="1" applyFill="1" applyBorder="1" applyAlignment="1">
      <alignment horizontal="center" vertical="center" shrinkToFit="1"/>
    </xf>
    <xf numFmtId="0" fontId="11" fillId="4" borderId="0" xfId="2" applyFont="1" applyFill="1">
      <alignment vertical="center"/>
    </xf>
    <xf numFmtId="0" fontId="11" fillId="4" borderId="0" xfId="2" applyFont="1" applyFill="1" applyAlignment="1">
      <alignment horizontal="left" vertical="center" wrapText="1" shrinkToFit="1"/>
    </xf>
    <xf numFmtId="0" fontId="23" fillId="4" borderId="11" xfId="2" applyFont="1" applyFill="1" applyBorder="1" applyAlignment="1">
      <alignment horizontal="center" vertical="center" shrinkToFit="1"/>
    </xf>
    <xf numFmtId="0" fontId="23" fillId="4" borderId="36" xfId="2" applyFont="1" applyFill="1" applyBorder="1" applyAlignment="1">
      <alignment horizontal="center" vertical="center" shrinkToFit="1"/>
    </xf>
    <xf numFmtId="0" fontId="22" fillId="4" borderId="28" xfId="2" applyFont="1" applyFill="1" applyBorder="1" applyAlignment="1">
      <alignment horizontal="center" vertical="center" shrinkToFit="1"/>
    </xf>
    <xf numFmtId="0" fontId="23" fillId="4" borderId="0" xfId="2" applyFont="1" applyFill="1">
      <alignment vertical="center"/>
    </xf>
    <xf numFmtId="0" fontId="23" fillId="4" borderId="0" xfId="2" applyFont="1" applyFill="1" applyAlignment="1">
      <alignment horizontal="left" vertical="center" wrapText="1" shrinkToFit="1"/>
    </xf>
    <xf numFmtId="0" fontId="23" fillId="4" borderId="56" xfId="2" applyFont="1" applyFill="1" applyBorder="1" applyAlignment="1">
      <alignment horizontal="center" vertical="center" shrinkToFit="1"/>
    </xf>
    <xf numFmtId="0" fontId="23" fillId="4" borderId="0" xfId="2" applyFont="1" applyFill="1" applyAlignment="1">
      <alignment vertical="center" wrapText="1" shrinkToFit="1"/>
    </xf>
    <xf numFmtId="0" fontId="7" fillId="0" borderId="0" xfId="1" applyFont="1" applyAlignment="1">
      <alignment horizontal="left" vertical="center"/>
    </xf>
    <xf numFmtId="0" fontId="9" fillId="4" borderId="0" xfId="1" applyFont="1" applyFill="1" applyAlignment="1">
      <alignment horizontal="left" vertical="top" wrapText="1"/>
    </xf>
    <xf numFmtId="0" fontId="11" fillId="4" borderId="0" xfId="1" applyFont="1" applyFill="1" applyAlignment="1">
      <alignment horizontal="left" vertical="top" wrapText="1"/>
    </xf>
    <xf numFmtId="0" fontId="11" fillId="4" borderId="0" xfId="1" applyFont="1" applyFill="1" applyAlignment="1">
      <alignment horizontal="left" vertical="top"/>
    </xf>
    <xf numFmtId="0" fontId="11" fillId="4" borderId="0" xfId="1" applyFont="1" applyFill="1" applyAlignment="1">
      <alignment horizontal="left"/>
    </xf>
    <xf numFmtId="0" fontId="12" fillId="0" borderId="0" xfId="1" applyFont="1" applyAlignment="1">
      <alignment horizontal="left" vertical="center"/>
    </xf>
    <xf numFmtId="0" fontId="6" fillId="4" borderId="0" xfId="1" applyFont="1" applyFill="1" applyAlignment="1">
      <alignment horizontal="left" vertical="center" wrapText="1"/>
    </xf>
    <xf numFmtId="0" fontId="6" fillId="4" borderId="4" xfId="1" applyFont="1" applyFill="1" applyBorder="1" applyAlignment="1">
      <alignment horizontal="left"/>
    </xf>
    <xf numFmtId="0" fontId="6" fillId="4" borderId="4" xfId="1" applyFont="1" applyFill="1" applyBorder="1" applyAlignment="1">
      <alignment horizontal="left" vertical="center" wrapText="1"/>
    </xf>
    <xf numFmtId="0" fontId="14" fillId="4" borderId="0" xfId="1" applyFont="1" applyFill="1" applyAlignment="1">
      <alignment horizontal="left" vertical="center"/>
    </xf>
    <xf numFmtId="0" fontId="6" fillId="4" borderId="0" xfId="1" applyFont="1" applyFill="1" applyAlignment="1">
      <alignment horizontal="left" wrapText="1"/>
    </xf>
    <xf numFmtId="0" fontId="15" fillId="4" borderId="0" xfId="1" applyFont="1" applyFill="1" applyAlignment="1">
      <alignment horizontal="left" vertical="center"/>
    </xf>
    <xf numFmtId="0" fontId="16" fillId="4" borderId="0" xfId="1" applyFont="1" applyFill="1" applyAlignment="1">
      <alignment horizontal="left" vertical="center" wrapText="1"/>
    </xf>
    <xf numFmtId="0" fontId="11" fillId="4" borderId="0" xfId="1" applyFont="1" applyFill="1" applyAlignment="1">
      <alignment horizontal="left" vertical="center" shrinkToFit="1"/>
    </xf>
    <xf numFmtId="0" fontId="13" fillId="0" borderId="0" xfId="1" applyFont="1" applyAlignment="1">
      <alignment horizontal="left" vertical="center"/>
    </xf>
    <xf numFmtId="0" fontId="20" fillId="4" borderId="0" xfId="1" applyFont="1" applyFill="1" applyAlignment="1">
      <alignment horizontal="center" vertical="center" wrapText="1" shrinkToFit="1"/>
    </xf>
    <xf numFmtId="0" fontId="13" fillId="0" borderId="0" xfId="1" applyFont="1" applyAlignment="1">
      <alignment horizontal="left" vertical="center" wrapText="1"/>
    </xf>
    <xf numFmtId="0" fontId="13" fillId="0" borderId="0" xfId="2" applyFont="1" applyAlignment="1">
      <alignment horizontal="left" vertical="top" wrapText="1"/>
    </xf>
    <xf numFmtId="0" fontId="26" fillId="0" borderId="0" xfId="1" applyFont="1" applyAlignment="1">
      <alignment horizontal="left" vertical="top" wrapText="1"/>
    </xf>
    <xf numFmtId="0" fontId="11" fillId="4" borderId="0" xfId="2" applyFont="1" applyFill="1" applyAlignment="1">
      <alignment horizontal="left" vertical="center" shrinkToFit="1"/>
    </xf>
    <xf numFmtId="0" fontId="20" fillId="4" borderId="0" xfId="2" applyFont="1" applyFill="1" applyAlignment="1">
      <alignment horizontal="center" vertical="center" wrapText="1" shrinkToFit="1"/>
    </xf>
    <xf numFmtId="0" fontId="13" fillId="0" borderId="0" xfId="2" applyFont="1" applyAlignment="1">
      <alignment horizontal="left" vertical="center"/>
    </xf>
    <xf numFmtId="0" fontId="13" fillId="0" borderId="0" xfId="2" applyFont="1" applyAlignment="1">
      <alignment horizontal="left" vertical="top"/>
    </xf>
    <xf numFmtId="0" fontId="11" fillId="4" borderId="0" xfId="1" applyFont="1" applyFill="1" applyAlignment="1">
      <alignment horizontal="center" vertical="center" wrapText="1" shrinkToFit="1"/>
    </xf>
    <xf numFmtId="0" fontId="28" fillId="0" borderId="0" xfId="1" applyFont="1" applyAlignment="1">
      <alignment horizontal="left" vertical="center"/>
    </xf>
    <xf numFmtId="0" fontId="29" fillId="4" borderId="0" xfId="1" applyFont="1" applyFill="1" applyAlignment="1">
      <alignment horizontal="left" vertical="top" wrapText="1"/>
    </xf>
    <xf numFmtId="0" fontId="3" fillId="4" borderId="0" xfId="0" applyFont="1" applyFill="1">
      <alignment vertical="center"/>
    </xf>
    <xf numFmtId="0" fontId="43" fillId="4" borderId="0" xfId="0" applyFont="1" applyFill="1">
      <alignment vertical="center"/>
    </xf>
    <xf numFmtId="0" fontId="43" fillId="0" borderId="0" xfId="0" applyFont="1">
      <alignment vertical="center"/>
    </xf>
    <xf numFmtId="0" fontId="3" fillId="4" borderId="2" xfId="0" applyFont="1" applyFill="1" applyBorder="1" applyAlignment="1">
      <alignment horizontal="left" vertical="center"/>
    </xf>
    <xf numFmtId="0" fontId="41" fillId="4" borderId="0" xfId="0" applyFont="1" applyFill="1" applyAlignment="1">
      <alignment horizontal="left" vertical="center"/>
    </xf>
    <xf numFmtId="0" fontId="3" fillId="4" borderId="4" xfId="0" applyFont="1" applyFill="1" applyBorder="1" applyAlignment="1">
      <alignment horizontal="left" vertical="center"/>
    </xf>
    <xf numFmtId="0" fontId="3" fillId="4" borderId="4" xfId="0" applyFont="1" applyFill="1" applyBorder="1" applyAlignment="1">
      <alignment horizontal="center" vertical="center"/>
    </xf>
    <xf numFmtId="0" fontId="3" fillId="4" borderId="0" xfId="0" applyFont="1" applyFill="1" applyAlignment="1">
      <alignment horizontal="left" vertical="center"/>
    </xf>
    <xf numFmtId="0" fontId="3" fillId="4" borderId="0" xfId="0" applyFont="1" applyFill="1" applyAlignment="1">
      <alignment horizontal="center" vertical="center"/>
    </xf>
    <xf numFmtId="0" fontId="43" fillId="4" borderId="1" xfId="0" applyFont="1" applyFill="1" applyBorder="1">
      <alignment vertical="center"/>
    </xf>
    <xf numFmtId="0" fontId="3" fillId="4" borderId="3" xfId="0" applyFont="1" applyFill="1" applyBorder="1">
      <alignment vertical="center"/>
    </xf>
    <xf numFmtId="0" fontId="41" fillId="4" borderId="4" xfId="0" applyFont="1" applyFill="1" applyBorder="1">
      <alignment vertical="center"/>
    </xf>
    <xf numFmtId="0" fontId="3" fillId="4" borderId="5" xfId="0" applyFont="1" applyFill="1" applyBorder="1" applyAlignment="1">
      <alignment horizontal="left" vertical="center"/>
    </xf>
    <xf numFmtId="0" fontId="32" fillId="4" borderId="0" xfId="2" applyFont="1" applyFill="1" applyAlignment="1">
      <alignment horizontal="left" vertical="top" wrapText="1"/>
    </xf>
    <xf numFmtId="0" fontId="9" fillId="4" borderId="0" xfId="2" applyFont="1" applyFill="1" applyAlignment="1">
      <alignment horizontal="left" vertical="top" wrapText="1"/>
    </xf>
    <xf numFmtId="0" fontId="23" fillId="4" borderId="0" xfId="2" applyFont="1" applyFill="1" applyAlignment="1">
      <alignment horizontal="left" vertical="top" wrapText="1"/>
    </xf>
    <xf numFmtId="0" fontId="23" fillId="4" borderId="0" xfId="2" applyFont="1" applyFill="1" applyAlignment="1">
      <alignment horizontal="left" vertical="top"/>
    </xf>
    <xf numFmtId="0" fontId="11" fillId="4" borderId="0" xfId="2" applyFont="1" applyFill="1" applyAlignment="1">
      <alignment horizontal="left" vertical="top" wrapText="1"/>
    </xf>
    <xf numFmtId="0" fontId="23" fillId="4" borderId="0" xfId="2" applyFont="1" applyFill="1" applyAlignment="1">
      <alignment horizontal="left"/>
    </xf>
    <xf numFmtId="0" fontId="31" fillId="4" borderId="0" xfId="2" applyFont="1" applyFill="1" applyAlignment="1">
      <alignment horizontal="left" vertical="center" wrapText="1"/>
    </xf>
    <xf numFmtId="0" fontId="31" fillId="4" borderId="4" xfId="2" applyFont="1" applyFill="1" applyBorder="1" applyAlignment="1">
      <alignment horizontal="left"/>
    </xf>
    <xf numFmtId="0" fontId="31" fillId="4" borderId="4" xfId="2" applyFont="1" applyFill="1" applyBorder="1" applyAlignment="1">
      <alignment horizontal="left" vertical="center" wrapText="1"/>
    </xf>
    <xf numFmtId="0" fontId="6" fillId="4" borderId="0" xfId="2" applyFont="1" applyFill="1" applyAlignment="1">
      <alignment horizontal="left" vertical="center" wrapText="1"/>
    </xf>
    <xf numFmtId="0" fontId="31" fillId="4" borderId="0" xfId="2" applyFont="1" applyFill="1" applyAlignment="1">
      <alignment horizontal="left" wrapText="1"/>
    </xf>
    <xf numFmtId="0" fontId="34" fillId="4" borderId="0" xfId="2" applyFont="1" applyFill="1" applyAlignment="1">
      <alignment horizontal="left" vertical="center"/>
    </xf>
    <xf numFmtId="0" fontId="18" fillId="0" borderId="0" xfId="2" applyFont="1" applyAlignment="1">
      <alignment horizontal="left" vertical="center"/>
    </xf>
    <xf numFmtId="0" fontId="23" fillId="4" borderId="49" xfId="2" applyFont="1" applyFill="1" applyBorder="1" applyAlignment="1">
      <alignment vertical="center" wrapText="1" shrinkToFit="1"/>
    </xf>
    <xf numFmtId="0" fontId="23" fillId="2" borderId="49" xfId="2" applyFont="1" applyFill="1" applyBorder="1" applyAlignment="1">
      <alignment vertical="center" wrapText="1" shrinkToFit="1"/>
    </xf>
    <xf numFmtId="0" fontId="23" fillId="4" borderId="0" xfId="2" applyFont="1" applyFill="1" applyAlignment="1">
      <alignment horizontal="center" vertical="center" wrapText="1" shrinkToFit="1"/>
    </xf>
    <xf numFmtId="0" fontId="35" fillId="4" borderId="0" xfId="2" applyFont="1" applyFill="1" applyAlignment="1">
      <alignment horizontal="left" vertical="center"/>
    </xf>
    <xf numFmtId="0" fontId="23" fillId="4" borderId="93" xfId="2" applyFont="1" applyFill="1" applyBorder="1" applyAlignment="1">
      <alignment horizontal="center" vertical="center" wrapText="1" shrinkToFit="1"/>
    </xf>
    <xf numFmtId="0" fontId="23" fillId="4" borderId="94" xfId="2" applyFont="1" applyFill="1" applyBorder="1" applyAlignment="1">
      <alignment horizontal="center" vertical="center" shrinkToFit="1"/>
    </xf>
    <xf numFmtId="0" fontId="23" fillId="4" borderId="35" xfId="2" applyFont="1" applyFill="1" applyBorder="1" applyAlignment="1">
      <alignment horizontal="center" vertical="center" wrapText="1" shrinkToFit="1"/>
    </xf>
    <xf numFmtId="0" fontId="23" fillId="4" borderId="95" xfId="2" applyFont="1" applyFill="1" applyBorder="1" applyAlignment="1">
      <alignment horizontal="center" vertical="center" shrinkToFit="1"/>
    </xf>
    <xf numFmtId="0" fontId="18" fillId="0" borderId="0" xfId="2" applyFont="1" applyAlignment="1">
      <alignment horizontal="left" vertical="top"/>
    </xf>
    <xf numFmtId="0" fontId="5" fillId="0" borderId="0" xfId="2" applyFont="1" applyAlignment="1">
      <alignment horizontal="left" vertical="center"/>
    </xf>
    <xf numFmtId="0" fontId="6" fillId="4" borderId="4" xfId="1" applyFont="1" applyFill="1" applyBorder="1" applyAlignment="1">
      <alignment horizontal="left" vertical="center"/>
    </xf>
    <xf numFmtId="0" fontId="31" fillId="4" borderId="4" xfId="2" applyFont="1" applyFill="1" applyBorder="1" applyAlignment="1">
      <alignment horizontal="left" vertical="center"/>
    </xf>
    <xf numFmtId="0" fontId="46" fillId="0" borderId="0" xfId="1" applyFont="1" applyAlignment="1">
      <alignment horizontal="center" vertical="center" wrapText="1"/>
    </xf>
    <xf numFmtId="0" fontId="11" fillId="6" borderId="0" xfId="1" applyFont="1" applyFill="1" applyAlignment="1">
      <alignment vertical="center" wrapText="1" shrinkToFit="1"/>
    </xf>
    <xf numFmtId="0" fontId="43" fillId="6" borderId="0" xfId="0" applyFont="1" applyFill="1">
      <alignment vertical="center"/>
    </xf>
    <xf numFmtId="0" fontId="46" fillId="0" borderId="0" xfId="2" applyFont="1" applyAlignment="1">
      <alignment horizontal="center" vertical="center" wrapText="1"/>
    </xf>
    <xf numFmtId="0" fontId="47" fillId="6" borderId="0" xfId="2" applyFont="1" applyFill="1" applyAlignment="1">
      <alignment horizontal="center" vertical="center" wrapText="1" shrinkToFit="1"/>
    </xf>
    <xf numFmtId="0" fontId="47" fillId="6" borderId="0" xfId="2" applyFont="1" applyFill="1" applyAlignment="1">
      <alignment horizontal="center" vertical="center" wrapText="1"/>
    </xf>
    <xf numFmtId="0" fontId="11" fillId="4" borderId="23" xfId="1" applyFont="1" applyFill="1" applyBorder="1" applyAlignment="1">
      <alignment horizontal="left" vertical="center" wrapText="1" shrinkToFit="1"/>
    </xf>
    <xf numFmtId="0" fontId="11" fillId="4" borderId="24" xfId="1" applyFont="1" applyFill="1" applyBorder="1" applyAlignment="1">
      <alignment horizontal="left" vertical="center" wrapText="1" shrinkToFit="1"/>
    </xf>
    <xf numFmtId="0" fontId="11" fillId="4" borderId="25" xfId="1" applyFont="1" applyFill="1" applyBorder="1" applyAlignment="1">
      <alignment horizontal="left" vertical="center" wrapText="1" shrinkToFit="1"/>
    </xf>
    <xf numFmtId="0" fontId="11" fillId="4" borderId="29" xfId="1" applyFont="1" applyFill="1" applyBorder="1" applyAlignment="1">
      <alignment horizontal="left" vertical="center" wrapText="1" shrinkToFit="1"/>
    </xf>
    <xf numFmtId="0" fontId="11" fillId="4" borderId="30" xfId="1" applyFont="1" applyFill="1" applyBorder="1" applyAlignment="1">
      <alignment horizontal="left" vertical="center" wrapText="1" shrinkToFit="1"/>
    </xf>
    <xf numFmtId="0" fontId="11" fillId="4" borderId="31" xfId="1" applyFont="1" applyFill="1" applyBorder="1" applyAlignment="1">
      <alignment horizontal="left" vertical="center" wrapText="1" shrinkToFit="1"/>
    </xf>
    <xf numFmtId="0" fontId="11" fillId="4" borderId="32" xfId="1" applyFont="1" applyFill="1" applyBorder="1" applyAlignment="1">
      <alignment horizontal="left" vertical="center" wrapText="1" shrinkToFit="1"/>
    </xf>
    <xf numFmtId="0" fontId="11" fillId="4" borderId="33" xfId="1" applyFont="1" applyFill="1" applyBorder="1" applyAlignment="1">
      <alignment horizontal="left" vertical="center" wrapText="1" shrinkToFit="1"/>
    </xf>
    <xf numFmtId="0" fontId="11" fillId="4" borderId="34" xfId="1" applyFont="1" applyFill="1" applyBorder="1" applyAlignment="1">
      <alignment horizontal="left" vertical="center" wrapText="1" shrinkToFit="1"/>
    </xf>
    <xf numFmtId="0" fontId="11" fillId="2" borderId="37" xfId="1" applyFont="1" applyFill="1" applyBorder="1" applyAlignment="1">
      <alignment horizontal="left" vertical="center" shrinkToFit="1"/>
    </xf>
    <xf numFmtId="0" fontId="11" fillId="2" borderId="6" xfId="1" applyFont="1" applyFill="1" applyBorder="1" applyAlignment="1">
      <alignment horizontal="left" vertical="center" shrinkToFit="1"/>
    </xf>
    <xf numFmtId="0" fontId="11" fillId="2" borderId="7" xfId="1" applyFont="1" applyFill="1" applyBorder="1" applyAlignment="1">
      <alignment horizontal="left" vertical="center" shrinkToFit="1"/>
    </xf>
    <xf numFmtId="0" fontId="11" fillId="2" borderId="38" xfId="1" applyFont="1" applyFill="1" applyBorder="1" applyAlignment="1">
      <alignment horizontal="left" vertical="center" shrinkToFit="1"/>
    </xf>
    <xf numFmtId="0" fontId="11" fillId="4" borderId="39" xfId="1" applyFont="1" applyFill="1" applyBorder="1" applyAlignment="1">
      <alignment horizontal="center" vertical="center" wrapText="1" shrinkToFit="1"/>
    </xf>
    <xf numFmtId="0" fontId="11" fillId="4" borderId="40" xfId="1" applyFont="1" applyFill="1" applyBorder="1" applyAlignment="1">
      <alignment horizontal="center" vertical="center" wrapText="1" shrinkToFit="1"/>
    </xf>
    <xf numFmtId="0" fontId="11" fillId="4" borderId="41" xfId="1" applyFont="1" applyFill="1" applyBorder="1" applyAlignment="1">
      <alignment horizontal="center" vertical="center" wrapText="1" shrinkToFit="1"/>
    </xf>
    <xf numFmtId="0" fontId="11" fillId="4" borderId="42" xfId="1" applyFont="1" applyFill="1" applyBorder="1" applyAlignment="1">
      <alignment horizontal="center" vertical="center" wrapText="1" shrinkToFit="1"/>
    </xf>
    <xf numFmtId="0" fontId="11" fillId="4" borderId="43" xfId="1" applyFont="1" applyFill="1" applyBorder="1" applyAlignment="1">
      <alignment horizontal="center" vertical="center" wrapText="1" shrinkToFit="1"/>
    </xf>
    <xf numFmtId="0" fontId="11" fillId="4" borderId="44" xfId="1" applyFont="1" applyFill="1" applyBorder="1" applyAlignment="1">
      <alignment horizontal="center" vertical="center" wrapText="1" shrinkToFit="1"/>
    </xf>
    <xf numFmtId="0" fontId="11" fillId="4" borderId="45" xfId="1" applyFont="1" applyFill="1" applyBorder="1" applyAlignment="1">
      <alignment horizontal="center" vertical="center" wrapText="1" shrinkToFit="1"/>
    </xf>
    <xf numFmtId="0" fontId="11" fillId="4" borderId="46" xfId="1" applyFont="1" applyFill="1" applyBorder="1" applyAlignment="1">
      <alignment horizontal="center" vertical="center" wrapText="1" shrinkToFit="1"/>
    </xf>
    <xf numFmtId="0" fontId="6" fillId="4" borderId="0" xfId="1" applyFont="1" applyFill="1" applyAlignment="1">
      <alignment vertical="center" wrapText="1"/>
    </xf>
    <xf numFmtId="0" fontId="9" fillId="4" borderId="0" xfId="1" applyFont="1" applyFill="1" applyAlignment="1">
      <alignment vertical="top" wrapText="1"/>
    </xf>
    <xf numFmtId="0" fontId="11" fillId="4" borderId="16" xfId="1" applyFont="1" applyFill="1" applyBorder="1" applyAlignment="1">
      <alignment horizontal="center" vertical="center" wrapText="1"/>
    </xf>
    <xf numFmtId="0" fontId="6" fillId="4" borderId="17" xfId="1" applyFont="1" applyFill="1" applyBorder="1" applyAlignment="1">
      <alignment horizontal="center" vertical="center" wrapText="1"/>
    </xf>
    <xf numFmtId="0" fontId="6" fillId="4" borderId="18" xfId="1" applyFont="1" applyFill="1" applyBorder="1" applyAlignment="1">
      <alignment horizontal="center" vertical="center" wrapText="1"/>
    </xf>
    <xf numFmtId="0" fontId="11" fillId="5" borderId="16" xfId="1" applyFont="1" applyFill="1" applyBorder="1" applyAlignment="1">
      <alignment horizontal="left" vertical="center" shrinkToFit="1"/>
    </xf>
    <xf numFmtId="0" fontId="11" fillId="5" borderId="17" xfId="1" applyFont="1" applyFill="1" applyBorder="1" applyAlignment="1">
      <alignment horizontal="left" vertical="center" shrinkToFit="1"/>
    </xf>
    <xf numFmtId="0" fontId="11" fillId="5" borderId="18" xfId="1" applyFont="1" applyFill="1" applyBorder="1" applyAlignment="1">
      <alignment horizontal="left" vertical="center" shrinkToFit="1"/>
    </xf>
    <xf numFmtId="0" fontId="20" fillId="4" borderId="0" xfId="1" applyFont="1" applyFill="1" applyAlignment="1">
      <alignment horizontal="center" vertical="center" wrapText="1" shrinkToFit="1"/>
    </xf>
    <xf numFmtId="0" fontId="11" fillId="5" borderId="20" xfId="1" applyFont="1" applyFill="1" applyBorder="1" applyAlignment="1">
      <alignment horizontal="left" vertical="center" shrinkToFit="1"/>
    </xf>
    <xf numFmtId="0" fontId="11" fillId="5" borderId="21" xfId="1" applyFont="1" applyFill="1" applyBorder="1" applyAlignment="1">
      <alignment horizontal="left" vertical="center" shrinkToFit="1"/>
    </xf>
    <xf numFmtId="0" fontId="11" fillId="5" borderId="22" xfId="1" applyFont="1" applyFill="1" applyBorder="1" applyAlignment="1">
      <alignment horizontal="left" vertical="center" shrinkToFit="1"/>
    </xf>
    <xf numFmtId="0" fontId="11" fillId="5" borderId="16" xfId="1" applyFont="1" applyFill="1" applyBorder="1" applyAlignment="1">
      <alignment horizontal="left" vertical="center" wrapText="1" shrinkToFit="1"/>
    </xf>
    <xf numFmtId="0" fontId="11" fillId="5" borderId="47" xfId="1" applyFont="1" applyFill="1" applyBorder="1" applyAlignment="1">
      <alignment horizontal="left" vertical="center" wrapText="1" shrinkToFit="1"/>
    </xf>
    <xf numFmtId="0" fontId="11" fillId="5" borderId="17" xfId="1" applyFont="1" applyFill="1" applyBorder="1" applyAlignment="1">
      <alignment horizontal="left" vertical="center" wrapText="1" shrinkToFit="1"/>
    </xf>
    <xf numFmtId="0" fontId="11" fillId="5" borderId="48" xfId="1" applyFont="1" applyFill="1" applyBorder="1" applyAlignment="1">
      <alignment horizontal="left" vertical="center" wrapText="1" shrinkToFit="1"/>
    </xf>
    <xf numFmtId="0" fontId="11" fillId="4" borderId="19" xfId="1" applyFont="1" applyFill="1" applyBorder="1" applyAlignment="1">
      <alignment horizontal="left" vertical="center" wrapText="1" shrinkToFit="1"/>
    </xf>
    <xf numFmtId="0" fontId="11" fillId="4" borderId="2" xfId="1" applyFont="1" applyFill="1" applyBorder="1" applyAlignment="1">
      <alignment horizontal="left" vertical="center" wrapText="1" shrinkToFit="1"/>
    </xf>
    <xf numFmtId="0" fontId="11" fillId="4" borderId="0" xfId="1" applyFont="1" applyFill="1" applyAlignment="1">
      <alignment horizontal="left" vertical="center" wrapText="1" shrinkToFit="1"/>
    </xf>
    <xf numFmtId="0" fontId="11" fillId="4" borderId="51" xfId="1" applyFont="1" applyFill="1" applyBorder="1" applyAlignment="1">
      <alignment horizontal="left" vertical="center" wrapText="1" shrinkToFit="1"/>
    </xf>
    <xf numFmtId="0" fontId="11" fillId="4" borderId="12" xfId="1" applyFont="1" applyFill="1" applyBorder="1" applyAlignment="1">
      <alignment horizontal="left" vertical="center" wrapText="1" shrinkToFit="1"/>
    </xf>
    <xf numFmtId="0" fontId="11" fillId="4" borderId="52" xfId="1" applyFont="1" applyFill="1" applyBorder="1" applyAlignment="1">
      <alignment horizontal="center" vertical="center" shrinkToFit="1"/>
    </xf>
    <xf numFmtId="0" fontId="11" fillId="4" borderId="55" xfId="1" applyFont="1" applyFill="1" applyBorder="1" applyAlignment="1">
      <alignment horizontal="center" vertical="center" shrinkToFit="1"/>
    </xf>
    <xf numFmtId="0" fontId="11" fillId="4" borderId="53" xfId="1" applyFont="1" applyFill="1" applyBorder="1" applyAlignment="1">
      <alignment horizontal="center" vertical="center" shrinkToFit="1"/>
    </xf>
    <xf numFmtId="0" fontId="11" fillId="4" borderId="56" xfId="1" applyFont="1" applyFill="1" applyBorder="1" applyAlignment="1">
      <alignment horizontal="center" vertical="center" shrinkToFit="1"/>
    </xf>
    <xf numFmtId="0" fontId="11" fillId="4" borderId="27" xfId="1" applyFont="1" applyFill="1" applyBorder="1" applyAlignment="1">
      <alignment horizontal="left" vertical="center" wrapText="1" shrinkToFit="1"/>
    </xf>
    <xf numFmtId="0" fontId="22" fillId="4" borderId="54" xfId="1" applyFont="1" applyFill="1" applyBorder="1" applyAlignment="1">
      <alignment horizontal="center" vertical="center" shrinkToFit="1"/>
    </xf>
    <xf numFmtId="0" fontId="22" fillId="4" borderId="28" xfId="1" applyFont="1" applyFill="1" applyBorder="1" applyAlignment="1">
      <alignment horizontal="center" vertical="center" shrinkToFit="1"/>
    </xf>
    <xf numFmtId="0" fontId="11" fillId="2" borderId="61" xfId="1" applyFont="1" applyFill="1" applyBorder="1" applyAlignment="1">
      <alignment vertical="center" wrapText="1" shrinkToFit="1"/>
    </xf>
    <xf numFmtId="0" fontId="11" fillId="2" borderId="62" xfId="1" applyFont="1" applyFill="1" applyBorder="1" applyAlignment="1">
      <alignment vertical="center" wrapText="1" shrinkToFit="1"/>
    </xf>
    <xf numFmtId="0" fontId="11" fillId="2" borderId="63" xfId="1" applyFont="1" applyFill="1" applyBorder="1" applyAlignment="1">
      <alignment vertical="center" wrapText="1" shrinkToFit="1"/>
    </xf>
    <xf numFmtId="0" fontId="11" fillId="2" borderId="57" xfId="1" applyFont="1" applyFill="1" applyBorder="1" applyAlignment="1">
      <alignment vertical="center" wrapText="1" shrinkToFit="1"/>
    </xf>
    <xf numFmtId="0" fontId="11" fillId="2" borderId="58" xfId="1" applyFont="1" applyFill="1" applyBorder="1" applyAlignment="1">
      <alignment vertical="center" wrapText="1" shrinkToFit="1"/>
    </xf>
    <xf numFmtId="0" fontId="11" fillId="2" borderId="59" xfId="1" applyFont="1" applyFill="1" applyBorder="1" applyAlignment="1">
      <alignment vertical="center" wrapText="1" shrinkToFit="1"/>
    </xf>
    <xf numFmtId="0" fontId="11" fillId="4" borderId="6" xfId="1" applyFont="1" applyFill="1" applyBorder="1" applyAlignment="1">
      <alignment horizontal="left" vertical="center" wrapText="1" shrinkToFit="1"/>
    </xf>
    <xf numFmtId="0" fontId="11" fillId="4" borderId="7" xfId="1" applyFont="1" applyFill="1" applyBorder="1" applyAlignment="1">
      <alignment horizontal="left" vertical="center" wrapText="1" shrinkToFit="1"/>
    </xf>
    <xf numFmtId="0" fontId="11" fillId="4" borderId="60" xfId="1" applyFont="1" applyFill="1" applyBorder="1" applyAlignment="1">
      <alignment horizontal="left" vertical="center" wrapText="1" shrinkToFit="1"/>
    </xf>
    <xf numFmtId="0" fontId="11" fillId="2" borderId="51" xfId="1" applyFont="1" applyFill="1" applyBorder="1" applyAlignment="1">
      <alignment horizontal="left" vertical="center" shrinkToFit="1"/>
    </xf>
    <xf numFmtId="0" fontId="11" fillId="2" borderId="12" xfId="1" applyFont="1" applyFill="1" applyBorder="1" applyAlignment="1">
      <alignment horizontal="left" vertical="center" shrinkToFit="1"/>
    </xf>
    <xf numFmtId="0" fontId="11" fillId="2" borderId="13" xfId="1" applyFont="1" applyFill="1" applyBorder="1" applyAlignment="1">
      <alignment horizontal="left" vertical="center" shrinkToFit="1"/>
    </xf>
    <xf numFmtId="0" fontId="11" fillId="2" borderId="65" xfId="1" applyFont="1" applyFill="1" applyBorder="1" applyAlignment="1">
      <alignment horizontal="left" vertical="center" shrinkToFit="1"/>
    </xf>
    <xf numFmtId="0" fontId="11" fillId="2" borderId="66" xfId="1" applyFont="1" applyFill="1" applyBorder="1" applyAlignment="1">
      <alignment vertical="center" shrinkToFit="1"/>
    </xf>
    <xf numFmtId="0" fontId="11" fillId="2" borderId="4" xfId="1" applyFont="1" applyFill="1" applyBorder="1" applyAlignment="1">
      <alignment vertical="center" shrinkToFit="1"/>
    </xf>
    <xf numFmtId="0" fontId="11" fillId="2" borderId="64" xfId="1" applyFont="1" applyFill="1" applyBorder="1" applyAlignment="1">
      <alignment vertical="center" shrinkToFit="1"/>
    </xf>
    <xf numFmtId="0" fontId="11" fillId="0" borderId="57" xfId="1" applyFont="1" applyBorder="1" applyAlignment="1">
      <alignment vertical="center" wrapText="1" shrinkToFit="1"/>
    </xf>
    <xf numFmtId="0" fontId="11" fillId="0" borderId="58" xfId="1" applyFont="1" applyBorder="1" applyAlignment="1">
      <alignment vertical="center" wrapText="1" shrinkToFit="1"/>
    </xf>
    <xf numFmtId="0" fontId="11" fillId="0" borderId="59" xfId="1" applyFont="1" applyBorder="1" applyAlignment="1">
      <alignment vertical="center" wrapText="1" shrinkToFit="1"/>
    </xf>
    <xf numFmtId="0" fontId="11" fillId="2" borderId="67" xfId="1" applyFont="1" applyFill="1" applyBorder="1" applyAlignment="1">
      <alignment horizontal="left" vertical="center" wrapText="1" shrinkToFit="1"/>
    </xf>
    <xf numFmtId="0" fontId="11" fillId="2" borderId="59" xfId="1" applyFont="1" applyFill="1" applyBorder="1" applyAlignment="1">
      <alignment horizontal="left" vertical="center" wrapText="1" shrinkToFit="1"/>
    </xf>
    <xf numFmtId="0" fontId="11" fillId="4" borderId="67" xfId="1" applyFont="1" applyFill="1" applyBorder="1" applyAlignment="1">
      <alignment horizontal="left" vertical="center" wrapText="1" shrinkToFit="1"/>
    </xf>
    <xf numFmtId="0" fontId="11" fillId="4" borderId="58" xfId="1" applyFont="1" applyFill="1" applyBorder="1" applyAlignment="1">
      <alignment horizontal="left" vertical="center" wrapText="1" shrinkToFit="1"/>
    </xf>
    <xf numFmtId="0" fontId="11" fillId="4" borderId="68" xfId="1" applyFont="1" applyFill="1" applyBorder="1" applyAlignment="1">
      <alignment horizontal="left" vertical="center" wrapText="1" shrinkToFit="1"/>
    </xf>
    <xf numFmtId="0" fontId="11" fillId="0" borderId="32" xfId="2" applyFont="1" applyBorder="1" applyAlignment="1">
      <alignment vertical="center" wrapText="1" shrinkToFit="1"/>
    </xf>
    <xf numFmtId="0" fontId="11" fillId="0" borderId="34" xfId="2" applyFont="1" applyBorder="1" applyAlignment="1">
      <alignment vertical="center" wrapText="1" shrinkToFit="1"/>
    </xf>
    <xf numFmtId="0" fontId="11" fillId="0" borderId="69" xfId="2" applyFont="1" applyBorder="1" applyAlignment="1">
      <alignment vertical="center" wrapText="1" shrinkToFit="1"/>
    </xf>
    <xf numFmtId="0" fontId="11" fillId="0" borderId="19" xfId="2" applyFont="1" applyBorder="1" applyAlignment="1">
      <alignment vertical="center" wrapText="1" shrinkToFit="1"/>
    </xf>
    <xf numFmtId="0" fontId="11" fillId="0" borderId="0" xfId="2" applyFont="1" applyAlignment="1">
      <alignment vertical="center" wrapText="1" shrinkToFit="1"/>
    </xf>
    <xf numFmtId="0" fontId="11" fillId="0" borderId="1" xfId="2" applyFont="1" applyBorder="1" applyAlignment="1">
      <alignment vertical="center" wrapText="1" shrinkToFit="1"/>
    </xf>
    <xf numFmtId="0" fontId="11" fillId="0" borderId="23" xfId="2" applyFont="1" applyBorder="1" applyAlignment="1">
      <alignment vertical="center" wrapText="1" shrinkToFit="1"/>
    </xf>
    <xf numFmtId="0" fontId="11" fillId="0" borderId="25" xfId="2" applyFont="1" applyBorder="1" applyAlignment="1">
      <alignment vertical="center" wrapText="1" shrinkToFit="1"/>
    </xf>
    <xf numFmtId="0" fontId="11" fillId="0" borderId="71" xfId="2" applyFont="1" applyBorder="1" applyAlignment="1">
      <alignment vertical="center" wrapText="1" shrinkToFit="1"/>
    </xf>
    <xf numFmtId="0" fontId="11" fillId="4" borderId="30" xfId="2" applyFont="1" applyFill="1" applyBorder="1" applyAlignment="1">
      <alignment horizontal="left" vertical="center" wrapText="1" shrinkToFit="1"/>
    </xf>
    <xf numFmtId="0" fontId="11" fillId="4" borderId="31" xfId="2" applyFont="1" applyFill="1" applyBorder="1" applyAlignment="1">
      <alignment horizontal="left" vertical="center" wrapText="1" shrinkToFit="1"/>
    </xf>
    <xf numFmtId="0" fontId="11" fillId="4" borderId="70" xfId="2" applyFont="1" applyFill="1" applyBorder="1" applyAlignment="1">
      <alignment horizontal="left" vertical="center" wrapText="1" shrinkToFit="1"/>
    </xf>
    <xf numFmtId="0" fontId="11" fillId="4" borderId="11" xfId="1" applyFont="1" applyFill="1" applyBorder="1" applyAlignment="1">
      <alignment horizontal="center" vertical="center" shrinkToFit="1"/>
    </xf>
    <xf numFmtId="0" fontId="11" fillId="4" borderId="10" xfId="1" applyFont="1" applyFill="1" applyBorder="1" applyAlignment="1">
      <alignment horizontal="center" vertical="center" shrinkToFit="1"/>
    </xf>
    <xf numFmtId="0" fontId="11" fillId="4" borderId="36" xfId="1" applyFont="1" applyFill="1" applyBorder="1" applyAlignment="1">
      <alignment horizontal="center" vertical="center" shrinkToFit="1"/>
    </xf>
    <xf numFmtId="0" fontId="11" fillId="4" borderId="65" xfId="1" applyFont="1" applyFill="1" applyBorder="1" applyAlignment="1">
      <alignment horizontal="center" vertical="center" shrinkToFit="1"/>
    </xf>
    <xf numFmtId="0" fontId="11" fillId="0" borderId="66" xfId="2" applyFont="1" applyBorder="1" applyAlignment="1">
      <alignment vertical="center" wrapText="1" shrinkToFit="1"/>
    </xf>
    <xf numFmtId="0" fontId="11" fillId="0" borderId="4" xfId="2" applyFont="1" applyBorder="1" applyAlignment="1">
      <alignment vertical="center" wrapText="1" shrinkToFit="1"/>
    </xf>
    <xf numFmtId="0" fontId="11" fillId="0" borderId="5" xfId="2" applyFont="1" applyBorder="1" applyAlignment="1">
      <alignment vertical="center" wrapText="1" shrinkToFit="1"/>
    </xf>
    <xf numFmtId="0" fontId="11" fillId="2" borderId="72" xfId="2" applyFont="1" applyFill="1" applyBorder="1" applyAlignment="1">
      <alignment horizontal="left" vertical="center" wrapText="1" shrinkToFit="1"/>
    </xf>
    <xf numFmtId="0" fontId="11" fillId="2" borderId="63" xfId="2" applyFont="1" applyFill="1" applyBorder="1" applyAlignment="1">
      <alignment horizontal="left" vertical="center" wrapText="1" shrinkToFit="1"/>
    </xf>
    <xf numFmtId="0" fontId="11" fillId="4" borderId="72" xfId="2" applyFont="1" applyFill="1" applyBorder="1" applyAlignment="1">
      <alignment horizontal="left" vertical="center" wrapText="1" shrinkToFit="1"/>
    </xf>
    <xf numFmtId="0" fontId="11" fillId="4" borderId="62" xfId="2" applyFont="1" applyFill="1" applyBorder="1" applyAlignment="1">
      <alignment horizontal="left" vertical="center" wrapText="1" shrinkToFit="1"/>
    </xf>
    <xf numFmtId="0" fontId="11" fillId="4" borderId="73" xfId="2" applyFont="1" applyFill="1" applyBorder="1" applyAlignment="1">
      <alignment horizontal="left" vertical="center" wrapText="1" shrinkToFit="1"/>
    </xf>
    <xf numFmtId="0" fontId="11" fillId="4" borderId="66" xfId="1" applyFont="1" applyFill="1" applyBorder="1" applyAlignment="1">
      <alignment horizontal="left" vertical="center" wrapText="1" shrinkToFit="1"/>
    </xf>
    <xf numFmtId="0" fontId="11" fillId="4" borderId="3" xfId="1" applyFont="1" applyFill="1" applyBorder="1" applyAlignment="1">
      <alignment horizontal="left" vertical="center" wrapText="1" shrinkToFit="1"/>
    </xf>
    <xf numFmtId="0" fontId="11" fillId="4" borderId="4" xfId="1" applyFont="1" applyFill="1" applyBorder="1" applyAlignment="1">
      <alignment horizontal="left" vertical="center" wrapText="1" shrinkToFit="1"/>
    </xf>
    <xf numFmtId="0" fontId="11" fillId="4" borderId="37" xfId="1" applyFont="1" applyFill="1" applyBorder="1" applyAlignment="1">
      <alignment vertical="center" wrapText="1" shrinkToFit="1"/>
    </xf>
    <xf numFmtId="0" fontId="11" fillId="4" borderId="7" xfId="1" applyFont="1" applyFill="1" applyBorder="1" applyAlignment="1">
      <alignment vertical="center" wrapText="1" shrinkToFit="1"/>
    </xf>
    <xf numFmtId="0" fontId="11" fillId="4" borderId="60" xfId="1" applyFont="1" applyFill="1" applyBorder="1" applyAlignment="1">
      <alignment vertical="center" wrapText="1" shrinkToFit="1"/>
    </xf>
    <xf numFmtId="0" fontId="11" fillId="4" borderId="51" xfId="2" applyFont="1" applyFill="1" applyBorder="1" applyAlignment="1">
      <alignment vertical="center"/>
    </xf>
    <xf numFmtId="0" fontId="11" fillId="4" borderId="13" xfId="2" applyFont="1" applyFill="1" applyBorder="1" applyAlignment="1">
      <alignment vertical="center"/>
    </xf>
    <xf numFmtId="0" fontId="11" fillId="4" borderId="80" xfId="2" applyFont="1" applyFill="1" applyBorder="1" applyAlignment="1">
      <alignment vertical="center"/>
    </xf>
    <xf numFmtId="0" fontId="11" fillId="4" borderId="66" xfId="2" applyFont="1" applyFill="1" applyBorder="1" applyAlignment="1">
      <alignment vertical="center" wrapText="1" shrinkToFit="1"/>
    </xf>
    <xf numFmtId="0" fontId="11" fillId="4" borderId="4" xfId="2" applyFont="1" applyFill="1" applyBorder="1" applyAlignment="1">
      <alignment vertical="center" wrapText="1" shrinkToFit="1"/>
    </xf>
    <xf numFmtId="0" fontId="11" fillId="4" borderId="64" xfId="2" applyFont="1" applyFill="1" applyBorder="1" applyAlignment="1">
      <alignment vertical="center" wrapText="1" shrinkToFit="1"/>
    </xf>
    <xf numFmtId="0" fontId="11" fillId="4" borderId="75" xfId="1" applyFont="1" applyFill="1" applyBorder="1" applyAlignment="1">
      <alignment horizontal="left" vertical="center" wrapText="1" shrinkToFit="1"/>
    </xf>
    <xf numFmtId="0" fontId="11" fillId="4" borderId="76" xfId="1" applyFont="1" applyFill="1" applyBorder="1" applyAlignment="1">
      <alignment horizontal="left" vertical="center" wrapText="1" shrinkToFit="1"/>
    </xf>
    <xf numFmtId="0" fontId="11" fillId="4" borderId="77" xfId="1" applyFont="1" applyFill="1" applyBorder="1" applyAlignment="1">
      <alignment horizontal="left" vertical="center" wrapText="1" shrinkToFit="1"/>
    </xf>
    <xf numFmtId="0" fontId="11" fillId="2" borderId="66" xfId="1" applyFont="1" applyFill="1" applyBorder="1" applyAlignment="1">
      <alignment horizontal="left" vertical="center" shrinkToFit="1"/>
    </xf>
    <xf numFmtId="0" fontId="11" fillId="2" borderId="3" xfId="1" applyFont="1" applyFill="1" applyBorder="1" applyAlignment="1">
      <alignment horizontal="left" vertical="center" shrinkToFit="1"/>
    </xf>
    <xf numFmtId="0" fontId="11" fillId="2" borderId="4" xfId="1" applyFont="1" applyFill="1" applyBorder="1" applyAlignment="1">
      <alignment horizontal="left" vertical="center" shrinkToFit="1"/>
    </xf>
    <xf numFmtId="0" fontId="11" fillId="2" borderId="74" xfId="1" applyFont="1" applyFill="1" applyBorder="1" applyAlignment="1">
      <alignment horizontal="left" vertical="center" shrinkToFit="1"/>
    </xf>
    <xf numFmtId="0" fontId="11" fillId="5" borderId="16" xfId="1" applyFont="1" applyFill="1" applyBorder="1" applyAlignment="1">
      <alignment vertical="center" shrinkToFit="1"/>
    </xf>
    <xf numFmtId="0" fontId="11" fillId="5" borderId="17" xfId="1" applyFont="1" applyFill="1" applyBorder="1" applyAlignment="1">
      <alignment vertical="center" shrinkToFit="1"/>
    </xf>
    <xf numFmtId="0" fontId="11" fillId="5" borderId="18" xfId="1" applyFont="1" applyFill="1" applyBorder="1" applyAlignment="1">
      <alignment vertical="center" shrinkToFit="1"/>
    </xf>
    <xf numFmtId="0" fontId="13" fillId="4" borderId="19" xfId="1" applyFont="1" applyFill="1" applyBorder="1" applyAlignment="1">
      <alignment horizontal="left" vertical="center" wrapText="1" shrinkToFit="1"/>
    </xf>
    <xf numFmtId="0" fontId="18" fillId="4" borderId="0" xfId="1" applyFont="1" applyFill="1" applyAlignment="1">
      <alignment horizontal="left" vertical="center" wrapText="1" shrinkToFit="1"/>
    </xf>
    <xf numFmtId="0" fontId="18" fillId="4" borderId="1" xfId="1" applyFont="1" applyFill="1" applyBorder="1" applyAlignment="1">
      <alignment horizontal="left" vertical="center" wrapText="1" shrinkToFit="1"/>
    </xf>
    <xf numFmtId="0" fontId="11" fillId="5" borderId="18" xfId="1" applyFont="1" applyFill="1" applyBorder="1" applyAlignment="1">
      <alignment horizontal="left" vertical="center" wrapText="1" shrinkToFit="1"/>
    </xf>
    <xf numFmtId="0" fontId="11" fillId="4" borderId="1" xfId="1" applyFont="1" applyFill="1" applyBorder="1" applyAlignment="1">
      <alignment horizontal="left" vertical="center" wrapText="1" shrinkToFit="1"/>
    </xf>
    <xf numFmtId="0" fontId="11" fillId="4" borderId="19" xfId="2" applyFont="1" applyFill="1" applyBorder="1" applyAlignment="1">
      <alignment vertical="center"/>
    </xf>
    <xf numFmtId="0" fontId="11" fillId="4" borderId="0" xfId="2" applyFont="1" applyFill="1" applyAlignment="1">
      <alignment vertical="center"/>
    </xf>
    <xf numFmtId="0" fontId="11" fillId="4" borderId="81" xfId="2" applyFont="1" applyFill="1" applyBorder="1" applyAlignment="1">
      <alignment vertical="center"/>
    </xf>
    <xf numFmtId="0" fontId="11" fillId="4" borderId="23" xfId="2" applyFont="1" applyFill="1" applyBorder="1" applyAlignment="1">
      <alignment vertical="center" wrapText="1" shrinkToFit="1"/>
    </xf>
    <xf numFmtId="0" fontId="11" fillId="4" borderId="25" xfId="2" applyFont="1" applyFill="1" applyBorder="1" applyAlignment="1">
      <alignment vertical="center" wrapText="1" shrinkToFit="1"/>
    </xf>
    <xf numFmtId="0" fontId="11" fillId="4" borderId="82" xfId="2" applyFont="1" applyFill="1" applyBorder="1" applyAlignment="1">
      <alignment vertical="center" wrapText="1" shrinkToFit="1"/>
    </xf>
    <xf numFmtId="0" fontId="11" fillId="2" borderId="80" xfId="1" applyFont="1" applyFill="1" applyBorder="1" applyAlignment="1">
      <alignment horizontal="left" vertical="center" shrinkToFit="1"/>
    </xf>
    <xf numFmtId="0" fontId="11" fillId="2" borderId="60" xfId="1" applyFont="1" applyFill="1" applyBorder="1" applyAlignment="1">
      <alignment horizontal="left" vertical="center" shrinkToFit="1"/>
    </xf>
    <xf numFmtId="0" fontId="11" fillId="2" borderId="33" xfId="2" applyFont="1" applyFill="1" applyBorder="1" applyAlignment="1">
      <alignment vertical="distributed" wrapText="1" shrinkToFit="1"/>
    </xf>
    <xf numFmtId="0" fontId="11" fillId="2" borderId="69" xfId="2" applyFont="1" applyFill="1" applyBorder="1" applyAlignment="1">
      <alignment vertical="distributed" wrapText="1" shrinkToFit="1"/>
    </xf>
    <xf numFmtId="0" fontId="11" fillId="2" borderId="24" xfId="2" applyFont="1" applyFill="1" applyBorder="1" applyAlignment="1">
      <alignment vertical="distributed" wrapText="1" shrinkToFit="1"/>
    </xf>
    <xf numFmtId="0" fontId="11" fillId="2" borderId="71" xfId="2" applyFont="1" applyFill="1" applyBorder="1" applyAlignment="1">
      <alignment vertical="distributed" wrapText="1" shrinkToFit="1"/>
    </xf>
    <xf numFmtId="0" fontId="11" fillId="4" borderId="33" xfId="2" applyFont="1" applyFill="1" applyBorder="1" applyAlignment="1">
      <alignment horizontal="left" vertical="center" wrapText="1" shrinkToFit="1"/>
    </xf>
    <xf numFmtId="0" fontId="11" fillId="4" borderId="34" xfId="2" applyFont="1" applyFill="1" applyBorder="1" applyAlignment="1">
      <alignment horizontal="left" vertical="center" wrapText="1" shrinkToFit="1"/>
    </xf>
    <xf numFmtId="0" fontId="11" fillId="4" borderId="84" xfId="2" applyFont="1" applyFill="1" applyBorder="1" applyAlignment="1">
      <alignment horizontal="left" vertical="center" wrapText="1" shrinkToFit="1"/>
    </xf>
    <xf numFmtId="0" fontId="11" fillId="4" borderId="24" xfId="2" applyFont="1" applyFill="1" applyBorder="1" applyAlignment="1">
      <alignment horizontal="left" vertical="center" wrapText="1" shrinkToFit="1"/>
    </xf>
    <xf numFmtId="0" fontId="11" fillId="4" borderId="25" xfId="2" applyFont="1" applyFill="1" applyBorder="1" applyAlignment="1">
      <alignment horizontal="left" vertical="center" wrapText="1" shrinkToFit="1"/>
    </xf>
    <xf numFmtId="0" fontId="11" fillId="4" borderId="82" xfId="2" applyFont="1" applyFill="1" applyBorder="1" applyAlignment="1">
      <alignment horizontal="left" vertical="center" wrapText="1" shrinkToFit="1"/>
    </xf>
    <xf numFmtId="0" fontId="11" fillId="0" borderId="32" xfId="1" applyFont="1" applyBorder="1" applyAlignment="1">
      <alignment vertical="center" wrapText="1" shrinkToFit="1"/>
    </xf>
    <xf numFmtId="0" fontId="11" fillId="0" borderId="34" xfId="1" applyFont="1" applyBorder="1" applyAlignment="1">
      <alignment vertical="center" wrapText="1" shrinkToFit="1"/>
    </xf>
    <xf numFmtId="0" fontId="11" fillId="0" borderId="69" xfId="1" applyFont="1" applyBorder="1" applyAlignment="1">
      <alignment vertical="center" wrapText="1" shrinkToFit="1"/>
    </xf>
    <xf numFmtId="0" fontId="11" fillId="0" borderId="72" xfId="1" applyFont="1" applyBorder="1" applyAlignment="1">
      <alignment horizontal="left" vertical="distributed" wrapText="1" shrinkToFit="1"/>
    </xf>
    <xf numFmtId="0" fontId="11" fillId="0" borderId="62" xfId="1" applyFont="1" applyBorder="1" applyAlignment="1">
      <alignment horizontal="left" vertical="distributed" wrapText="1" shrinkToFit="1"/>
    </xf>
    <xf numFmtId="0" fontId="11" fillId="0" borderId="73" xfId="1" applyFont="1" applyBorder="1" applyAlignment="1">
      <alignment horizontal="left" vertical="distributed" wrapText="1" shrinkToFit="1"/>
    </xf>
    <xf numFmtId="0" fontId="11" fillId="2" borderId="25" xfId="1" applyFont="1" applyFill="1" applyBorder="1" applyAlignment="1">
      <alignment horizontal="left" vertical="distributed" wrapText="1" shrinkToFit="1"/>
    </xf>
    <xf numFmtId="0" fontId="11" fillId="2" borderId="82" xfId="1" applyFont="1" applyFill="1" applyBorder="1" applyAlignment="1">
      <alignment horizontal="left" vertical="distributed" wrapText="1" shrinkToFit="1"/>
    </xf>
    <xf numFmtId="0" fontId="11" fillId="4" borderId="13" xfId="1" applyFont="1" applyFill="1" applyBorder="1" applyAlignment="1">
      <alignment horizontal="left" vertical="center" wrapText="1" shrinkToFit="1"/>
    </xf>
    <xf numFmtId="0" fontId="11" fillId="4" borderId="80" xfId="1" applyFont="1" applyFill="1" applyBorder="1" applyAlignment="1">
      <alignment horizontal="left" vertical="center" wrapText="1" shrinkToFit="1"/>
    </xf>
    <xf numFmtId="0" fontId="11" fillId="2" borderId="37" xfId="1" applyFont="1" applyFill="1" applyBorder="1" applyAlignment="1">
      <alignment vertical="center" shrinkToFit="1"/>
    </xf>
    <xf numFmtId="0" fontId="11" fillId="2" borderId="7" xfId="1" applyFont="1" applyFill="1" applyBorder="1" applyAlignment="1">
      <alignment vertical="center" shrinkToFit="1"/>
    </xf>
    <xf numFmtId="0" fontId="11" fillId="2" borderId="60" xfId="1" applyFont="1" applyFill="1" applyBorder="1" applyAlignment="1">
      <alignment vertical="center" shrinkToFit="1"/>
    </xf>
    <xf numFmtId="0" fontId="11" fillId="0" borderId="37" xfId="1" applyFont="1" applyBorder="1" applyAlignment="1">
      <alignment horizontal="left" vertical="center" wrapText="1" shrinkToFit="1"/>
    </xf>
    <xf numFmtId="0" fontId="11" fillId="0" borderId="7" xfId="1" applyFont="1" applyBorder="1" applyAlignment="1">
      <alignment horizontal="left" vertical="center" wrapText="1" shrinkToFit="1"/>
    </xf>
    <xf numFmtId="0" fontId="11" fillId="0" borderId="60" xfId="1" applyFont="1" applyBorder="1" applyAlignment="1">
      <alignment horizontal="left" vertical="center" wrapText="1" shrinkToFit="1"/>
    </xf>
    <xf numFmtId="0" fontId="11" fillId="4" borderId="71" xfId="1" applyFont="1" applyFill="1" applyBorder="1" applyAlignment="1">
      <alignment horizontal="left" vertical="center" wrapText="1" shrinkToFit="1"/>
    </xf>
    <xf numFmtId="0" fontId="11" fillId="4" borderId="69" xfId="1" applyFont="1" applyFill="1" applyBorder="1" applyAlignment="1">
      <alignment horizontal="left" vertical="center" wrapText="1" shrinkToFit="1"/>
    </xf>
    <xf numFmtId="0" fontId="11" fillId="2" borderId="19" xfId="2" applyFont="1" applyFill="1" applyBorder="1" applyAlignment="1">
      <alignment horizontal="left" vertical="center" shrinkToFit="1"/>
    </xf>
    <xf numFmtId="0" fontId="11" fillId="2" borderId="0" xfId="2" applyFont="1" applyFill="1" applyAlignment="1">
      <alignment horizontal="left" vertical="center" shrinkToFit="1"/>
    </xf>
    <xf numFmtId="0" fontId="11" fillId="2" borderId="1" xfId="2" applyFont="1" applyFill="1" applyBorder="1" applyAlignment="1">
      <alignment horizontal="left" vertical="center" shrinkToFit="1"/>
    </xf>
    <xf numFmtId="0" fontId="11" fillId="2" borderId="66" xfId="2" applyFont="1" applyFill="1" applyBorder="1" applyAlignment="1">
      <alignment horizontal="left" vertical="center" shrinkToFit="1"/>
    </xf>
    <xf numFmtId="0" fontId="11" fillId="2" borderId="4" xfId="2" applyFont="1" applyFill="1" applyBorder="1" applyAlignment="1">
      <alignment horizontal="left" vertical="center" shrinkToFit="1"/>
    </xf>
    <xf numFmtId="0" fontId="11" fillId="2" borderId="5" xfId="2" applyFont="1" applyFill="1" applyBorder="1" applyAlignment="1">
      <alignment horizontal="left" vertical="center" shrinkToFit="1"/>
    </xf>
    <xf numFmtId="0" fontId="11" fillId="4" borderId="2" xfId="2" applyFont="1" applyFill="1" applyBorder="1" applyAlignment="1">
      <alignment horizontal="left" vertical="center" wrapText="1" shrinkToFit="1"/>
    </xf>
    <xf numFmtId="0" fontId="11" fillId="4" borderId="0" xfId="2" applyFont="1" applyFill="1" applyAlignment="1">
      <alignment horizontal="left" vertical="center" wrapText="1" shrinkToFit="1"/>
    </xf>
    <xf numFmtId="0" fontId="11" fillId="4" borderId="81" xfId="2" applyFont="1" applyFill="1" applyBorder="1" applyAlignment="1">
      <alignment horizontal="left" vertical="center" wrapText="1" shrinkToFit="1"/>
    </xf>
    <xf numFmtId="0" fontId="11" fillId="4" borderId="61" xfId="1" applyFont="1" applyFill="1" applyBorder="1" applyAlignment="1">
      <alignment horizontal="left" vertical="center" wrapText="1" shrinkToFit="1"/>
    </xf>
    <xf numFmtId="0" fontId="11" fillId="4" borderId="62" xfId="1" applyFont="1" applyFill="1" applyBorder="1" applyAlignment="1">
      <alignment horizontal="left" vertical="center" wrapText="1" shrinkToFit="1"/>
    </xf>
    <xf numFmtId="0" fontId="11" fillId="4" borderId="63" xfId="1" applyFont="1" applyFill="1" applyBorder="1" applyAlignment="1">
      <alignment horizontal="left" vertical="center" wrapText="1" shrinkToFit="1"/>
    </xf>
    <xf numFmtId="0" fontId="11" fillId="4" borderId="5" xfId="1" applyFont="1" applyFill="1" applyBorder="1" applyAlignment="1">
      <alignment horizontal="left" vertical="center" wrapText="1" shrinkToFit="1"/>
    </xf>
    <xf numFmtId="0" fontId="11" fillId="2" borderId="64" xfId="1" applyFont="1" applyFill="1" applyBorder="1" applyAlignment="1">
      <alignment horizontal="left" vertical="center" shrinkToFit="1"/>
    </xf>
    <xf numFmtId="0" fontId="11" fillId="2" borderId="25" xfId="1" applyFont="1" applyFill="1" applyBorder="1" applyAlignment="1">
      <alignment vertical="center" wrapText="1" shrinkToFit="1"/>
    </xf>
    <xf numFmtId="0" fontId="11" fillId="2" borderId="82" xfId="1" applyFont="1" applyFill="1" applyBorder="1" applyAlignment="1">
      <alignment vertical="center" wrapText="1" shrinkToFit="1"/>
    </xf>
    <xf numFmtId="0" fontId="11" fillId="0" borderId="23" xfId="1" applyFont="1" applyBorder="1" applyAlignment="1">
      <alignment vertical="center" wrapText="1" shrinkToFit="1"/>
    </xf>
    <xf numFmtId="0" fontId="11" fillId="0" borderId="25" xfId="1" applyFont="1" applyBorder="1" applyAlignment="1">
      <alignment vertical="center" wrapText="1" shrinkToFit="1"/>
    </xf>
    <xf numFmtId="0" fontId="11" fillId="0" borderId="71" xfId="1" applyFont="1" applyBorder="1" applyAlignment="1">
      <alignment vertical="center" wrapText="1" shrinkToFit="1"/>
    </xf>
    <xf numFmtId="0" fontId="11" fillId="4" borderId="70" xfId="1" applyFont="1" applyFill="1" applyBorder="1" applyAlignment="1">
      <alignment horizontal="left" vertical="center" wrapText="1" shrinkToFit="1"/>
    </xf>
    <xf numFmtId="0" fontId="11" fillId="4" borderId="51" xfId="2" applyFont="1" applyFill="1" applyBorder="1" applyAlignment="1">
      <alignment vertical="center" wrapText="1" shrinkToFit="1"/>
    </xf>
    <xf numFmtId="0" fontId="11" fillId="4" borderId="13" xfId="2" applyFont="1" applyFill="1" applyBorder="1" applyAlignment="1">
      <alignment vertical="center" wrapText="1" shrinkToFit="1"/>
    </xf>
    <xf numFmtId="0" fontId="11" fillId="4" borderId="80" xfId="2" applyFont="1" applyFill="1" applyBorder="1" applyAlignment="1">
      <alignment vertical="center" wrapText="1" shrinkToFit="1"/>
    </xf>
    <xf numFmtId="0" fontId="11" fillId="0" borderId="29" xfId="1" applyFont="1" applyBorder="1" applyAlignment="1">
      <alignment vertical="center" wrapText="1" shrinkToFit="1"/>
    </xf>
    <xf numFmtId="0" fontId="11" fillId="0" borderId="31" xfId="1" applyFont="1" applyBorder="1" applyAlignment="1">
      <alignment vertical="center" wrapText="1" shrinkToFit="1"/>
    </xf>
    <xf numFmtId="0" fontId="11" fillId="0" borderId="83" xfId="1" applyFont="1" applyBorder="1" applyAlignment="1">
      <alignment vertical="center" wrapText="1" shrinkToFit="1"/>
    </xf>
    <xf numFmtId="0" fontId="11" fillId="2" borderId="31" xfId="1" applyFont="1" applyFill="1" applyBorder="1" applyAlignment="1">
      <alignment vertical="center" wrapText="1" shrinkToFit="1"/>
    </xf>
    <xf numFmtId="0" fontId="11" fillId="2" borderId="70" xfId="1" applyFont="1" applyFill="1" applyBorder="1" applyAlignment="1">
      <alignment vertical="center" wrapText="1" shrinkToFit="1"/>
    </xf>
    <xf numFmtId="0" fontId="11" fillId="0" borderId="33" xfId="1" applyFont="1" applyBorder="1" applyAlignment="1">
      <alignment vertical="center" wrapText="1" shrinkToFit="1"/>
    </xf>
    <xf numFmtId="0" fontId="11" fillId="0" borderId="84" xfId="1" applyFont="1" applyBorder="1" applyAlignment="1">
      <alignment vertical="center" wrapText="1" shrinkToFit="1"/>
    </xf>
    <xf numFmtId="0" fontId="11" fillId="0" borderId="19" xfId="1" applyFont="1" applyBorder="1" applyAlignment="1">
      <alignment vertical="center" wrapText="1" shrinkToFit="1"/>
    </xf>
    <xf numFmtId="0" fontId="11" fillId="0" borderId="0" xfId="1" applyFont="1" applyAlignment="1">
      <alignment vertical="center" wrapText="1" shrinkToFit="1"/>
    </xf>
    <xf numFmtId="0" fontId="11" fillId="0" borderId="1" xfId="1" applyFont="1" applyBorder="1" applyAlignment="1">
      <alignment vertical="center" wrapText="1" shrinkToFit="1"/>
    </xf>
    <xf numFmtId="0" fontId="13" fillId="4" borderId="51" xfId="2" applyFont="1" applyFill="1" applyBorder="1" applyAlignment="1">
      <alignment vertical="center"/>
    </xf>
    <xf numFmtId="0" fontId="18" fillId="4" borderId="13" xfId="2" applyFont="1" applyFill="1" applyBorder="1" applyAlignment="1">
      <alignment vertical="center"/>
    </xf>
    <xf numFmtId="0" fontId="18" fillId="4" borderId="80" xfId="2" applyFont="1" applyFill="1" applyBorder="1" applyAlignment="1">
      <alignment vertical="center"/>
    </xf>
    <xf numFmtId="0" fontId="11" fillId="5" borderId="66" xfId="1" applyFont="1" applyFill="1" applyBorder="1" applyAlignment="1">
      <alignment horizontal="left" vertical="center" wrapText="1" shrinkToFit="1"/>
    </xf>
    <xf numFmtId="0" fontId="11" fillId="5" borderId="4" xfId="1" applyFont="1" applyFill="1" applyBorder="1" applyAlignment="1">
      <alignment horizontal="left" vertical="center" wrapText="1" shrinkToFit="1"/>
    </xf>
    <xf numFmtId="0" fontId="11" fillId="5" borderId="64" xfId="1" applyFont="1" applyFill="1" applyBorder="1" applyAlignment="1">
      <alignment horizontal="left" vertical="center" wrapText="1" shrinkToFit="1"/>
    </xf>
    <xf numFmtId="0" fontId="27" fillId="0" borderId="66" xfId="1" applyFont="1" applyBorder="1" applyAlignment="1">
      <alignment vertical="center" wrapText="1" shrinkToFit="1"/>
    </xf>
    <xf numFmtId="0" fontId="27" fillId="0" borderId="4" xfId="1" applyFont="1" applyBorder="1" applyAlignment="1">
      <alignment vertical="center" wrapText="1" shrinkToFit="1"/>
    </xf>
    <xf numFmtId="0" fontId="27" fillId="0" borderId="64" xfId="1" applyFont="1" applyBorder="1" applyAlignment="1">
      <alignment vertical="center" wrapText="1" shrinkToFit="1"/>
    </xf>
    <xf numFmtId="0" fontId="11" fillId="4" borderId="83" xfId="1" applyFont="1" applyFill="1" applyBorder="1" applyAlignment="1">
      <alignment horizontal="left" vertical="center" wrapText="1" shrinkToFit="1"/>
    </xf>
    <xf numFmtId="0" fontId="41" fillId="0" borderId="6" xfId="0" applyFont="1" applyBorder="1" applyAlignment="1">
      <alignment vertical="center"/>
    </xf>
    <xf numFmtId="0" fontId="41" fillId="0" borderId="7" xfId="0" applyFont="1" applyBorder="1" applyAlignment="1">
      <alignment vertical="center"/>
    </xf>
    <xf numFmtId="0" fontId="41" fillId="0" borderId="8" xfId="0" applyFont="1" applyBorder="1" applyAlignment="1">
      <alignment vertical="center"/>
    </xf>
    <xf numFmtId="0" fontId="41" fillId="0" borderId="12" xfId="0" applyFont="1" applyBorder="1" applyAlignment="1">
      <alignment vertical="center"/>
    </xf>
    <xf numFmtId="0" fontId="41" fillId="0" borderId="13" xfId="0" applyFont="1" applyBorder="1" applyAlignment="1">
      <alignment vertical="center"/>
    </xf>
    <xf numFmtId="0" fontId="41" fillId="0" borderId="14" xfId="0" applyFont="1" applyBorder="1" applyAlignment="1">
      <alignment vertical="center"/>
    </xf>
    <xf numFmtId="0" fontId="41" fillId="3" borderId="6" xfId="0" applyFont="1" applyFill="1" applyBorder="1" applyAlignment="1">
      <alignment horizontal="center" vertical="center"/>
    </xf>
    <xf numFmtId="0" fontId="41" fillId="3" borderId="7" xfId="0" applyFont="1" applyFill="1" applyBorder="1" applyAlignment="1">
      <alignment horizontal="center" vertical="center"/>
    </xf>
    <xf numFmtId="0" fontId="41" fillId="3" borderId="8" xfId="0" applyFont="1" applyFill="1" applyBorder="1" applyAlignment="1">
      <alignment horizontal="center" vertical="center"/>
    </xf>
    <xf numFmtId="0" fontId="41" fillId="4" borderId="0" xfId="0" applyFont="1" applyFill="1" applyAlignment="1">
      <alignment horizontal="center" vertical="center"/>
    </xf>
    <xf numFmtId="0" fontId="27" fillId="0" borderId="12" xfId="1" applyFont="1" applyBorder="1" applyAlignment="1">
      <alignment vertical="top" wrapText="1"/>
    </xf>
    <xf numFmtId="0" fontId="27" fillId="0" borderId="13" xfId="1" applyFont="1" applyBorder="1" applyAlignment="1">
      <alignment vertical="top" wrapText="1"/>
    </xf>
    <xf numFmtId="0" fontId="27" fillId="0" borderId="14" xfId="1" applyFont="1" applyBorder="1" applyAlignment="1">
      <alignment vertical="top" wrapText="1"/>
    </xf>
    <xf numFmtId="0" fontId="27" fillId="0" borderId="3" xfId="1" applyFont="1" applyBorder="1" applyAlignment="1">
      <alignment vertical="top" wrapText="1"/>
    </xf>
    <xf numFmtId="0" fontId="27" fillId="0" borderId="4" xfId="1" applyFont="1" applyBorder="1" applyAlignment="1">
      <alignment vertical="top" wrapText="1"/>
    </xf>
    <xf numFmtId="0" fontId="27" fillId="0" borderId="5" xfId="1" applyFont="1" applyBorder="1" applyAlignment="1">
      <alignment vertical="top" wrapText="1"/>
    </xf>
    <xf numFmtId="0" fontId="31" fillId="4" borderId="0" xfId="2" applyFont="1" applyFill="1" applyAlignment="1">
      <alignment vertical="center" wrapText="1"/>
    </xf>
    <xf numFmtId="0" fontId="32" fillId="4" borderId="0" xfId="2" applyFont="1" applyFill="1" applyAlignment="1">
      <alignment vertical="top" wrapText="1"/>
    </xf>
    <xf numFmtId="0" fontId="23" fillId="4" borderId="16" xfId="2" applyFont="1" applyFill="1" applyBorder="1" applyAlignment="1">
      <alignment horizontal="center" vertical="center" wrapText="1"/>
    </xf>
    <xf numFmtId="0" fontId="31" fillId="4" borderId="17" xfId="2" applyFont="1" applyFill="1" applyBorder="1" applyAlignment="1">
      <alignment horizontal="center" vertical="center" wrapText="1"/>
    </xf>
    <xf numFmtId="0" fontId="31" fillId="4" borderId="18" xfId="2" applyFont="1" applyFill="1" applyBorder="1" applyAlignment="1">
      <alignment horizontal="center" vertical="center" wrapText="1"/>
    </xf>
    <xf numFmtId="0" fontId="23" fillId="5" borderId="16" xfId="2" applyFont="1" applyFill="1" applyBorder="1" applyAlignment="1">
      <alignment vertical="center" shrinkToFit="1"/>
    </xf>
    <xf numFmtId="0" fontId="23" fillId="5" borderId="17" xfId="2" applyFont="1" applyFill="1" applyBorder="1" applyAlignment="1">
      <alignment vertical="center" shrinkToFit="1"/>
    </xf>
    <xf numFmtId="0" fontId="23" fillId="5" borderId="18" xfId="2" applyFont="1" applyFill="1" applyBorder="1" applyAlignment="1">
      <alignment vertical="center" shrinkToFit="1"/>
    </xf>
    <xf numFmtId="0" fontId="20" fillId="4" borderId="0" xfId="2" applyFont="1" applyFill="1" applyAlignment="1">
      <alignment horizontal="center" vertical="center" wrapText="1" shrinkToFit="1"/>
    </xf>
    <xf numFmtId="0" fontId="11" fillId="5" borderId="20" xfId="2" applyFont="1" applyFill="1" applyBorder="1" applyAlignment="1">
      <alignment vertical="center" shrinkToFit="1"/>
    </xf>
    <xf numFmtId="0" fontId="11" fillId="5" borderId="21" xfId="2" applyFont="1" applyFill="1" applyBorder="1" applyAlignment="1">
      <alignment vertical="center" shrinkToFit="1"/>
    </xf>
    <xf numFmtId="0" fontId="11" fillId="5" borderId="22" xfId="2" applyFont="1" applyFill="1" applyBorder="1" applyAlignment="1">
      <alignment vertical="center" shrinkToFit="1"/>
    </xf>
    <xf numFmtId="0" fontId="23" fillId="5" borderId="16" xfId="2" applyFont="1" applyFill="1" applyBorder="1" applyAlignment="1">
      <alignment horizontal="left" vertical="center" wrapText="1" shrinkToFit="1"/>
    </xf>
    <xf numFmtId="0" fontId="23" fillId="5" borderId="47" xfId="2" applyFont="1" applyFill="1" applyBorder="1" applyAlignment="1">
      <alignment horizontal="left" vertical="center" wrapText="1" shrinkToFit="1"/>
    </xf>
    <xf numFmtId="0" fontId="11" fillId="5" borderId="17" xfId="2" applyFont="1" applyFill="1" applyBorder="1" applyAlignment="1">
      <alignment horizontal="left" vertical="center" wrapText="1" shrinkToFit="1"/>
    </xf>
    <xf numFmtId="0" fontId="23" fillId="5" borderId="48" xfId="2" applyFont="1" applyFill="1" applyBorder="1" applyAlignment="1">
      <alignment horizontal="left" vertical="center" wrapText="1" shrinkToFit="1"/>
    </xf>
    <xf numFmtId="0" fontId="11" fillId="4" borderId="23" xfId="2" applyFont="1" applyFill="1" applyBorder="1" applyAlignment="1">
      <alignment horizontal="left" vertical="center" wrapText="1" shrinkToFit="1"/>
    </xf>
    <xf numFmtId="0" fontId="11" fillId="4" borderId="29" xfId="2" applyFont="1" applyFill="1" applyBorder="1" applyAlignment="1">
      <alignment horizontal="left" vertical="center" wrapText="1" shrinkToFit="1"/>
    </xf>
    <xf numFmtId="0" fontId="23" fillId="4" borderId="30" xfId="2" applyFont="1" applyFill="1" applyBorder="1" applyAlignment="1">
      <alignment horizontal="left" vertical="center" wrapText="1" shrinkToFit="1"/>
    </xf>
    <xf numFmtId="0" fontId="11" fillId="4" borderId="32" xfId="2" applyFont="1" applyFill="1" applyBorder="1" applyAlignment="1">
      <alignment horizontal="left" vertical="center" wrapText="1" shrinkToFit="1"/>
    </xf>
    <xf numFmtId="0" fontId="23" fillId="4" borderId="33" xfId="2" applyFont="1" applyFill="1" applyBorder="1" applyAlignment="1">
      <alignment horizontal="left" vertical="center" wrapText="1" shrinkToFit="1"/>
    </xf>
    <xf numFmtId="0" fontId="11" fillId="2" borderId="37" xfId="2" applyFont="1" applyFill="1" applyBorder="1" applyAlignment="1">
      <alignment horizontal="left" vertical="center" shrinkToFit="1"/>
    </xf>
    <xf numFmtId="0" fontId="11" fillId="2" borderId="6" xfId="2" applyFont="1" applyFill="1" applyBorder="1" applyAlignment="1">
      <alignment horizontal="left" vertical="center" shrinkToFit="1"/>
    </xf>
    <xf numFmtId="0" fontId="11" fillId="2" borderId="7" xfId="2" applyFont="1" applyFill="1" applyBorder="1" applyAlignment="1">
      <alignment horizontal="left" vertical="center" shrinkToFit="1"/>
    </xf>
    <xf numFmtId="0" fontId="11" fillId="2" borderId="38" xfId="2" applyFont="1" applyFill="1" applyBorder="1" applyAlignment="1">
      <alignment horizontal="left" vertical="center" shrinkToFit="1"/>
    </xf>
    <xf numFmtId="0" fontId="11" fillId="4" borderId="39" xfId="2" quotePrefix="1" applyFont="1" applyFill="1" applyBorder="1" applyAlignment="1">
      <alignment horizontal="center" vertical="center" wrapText="1" shrinkToFit="1"/>
    </xf>
    <xf numFmtId="0" fontId="11" fillId="4" borderId="40" xfId="2" quotePrefix="1" applyFont="1" applyFill="1" applyBorder="1" applyAlignment="1">
      <alignment horizontal="center" vertical="center" wrapText="1" shrinkToFit="1"/>
    </xf>
    <xf numFmtId="0" fontId="11" fillId="4" borderId="41" xfId="2" quotePrefix="1" applyFont="1" applyFill="1" applyBorder="1" applyAlignment="1">
      <alignment horizontal="center" vertical="center" wrapText="1" shrinkToFit="1"/>
    </xf>
    <xf numFmtId="0" fontId="11" fillId="4" borderId="42" xfId="2" quotePrefix="1" applyFont="1" applyFill="1" applyBorder="1" applyAlignment="1">
      <alignment horizontal="center" vertical="center" wrapText="1" shrinkToFit="1"/>
    </xf>
    <xf numFmtId="0" fontId="11" fillId="4" borderId="23" xfId="2" quotePrefix="1" applyFont="1" applyFill="1" applyBorder="1" applyAlignment="1">
      <alignment horizontal="center" vertical="center" wrapText="1" shrinkToFit="1"/>
    </xf>
    <xf numFmtId="0" fontId="11" fillId="4" borderId="24" xfId="2" quotePrefix="1" applyFont="1" applyFill="1" applyBorder="1" applyAlignment="1">
      <alignment horizontal="center" vertical="center" wrapText="1" shrinkToFit="1"/>
    </xf>
    <xf numFmtId="0" fontId="11" fillId="4" borderId="25" xfId="2" quotePrefix="1" applyFont="1" applyFill="1" applyBorder="1" applyAlignment="1">
      <alignment horizontal="center" vertical="center" wrapText="1" shrinkToFit="1"/>
    </xf>
    <xf numFmtId="0" fontId="11" fillId="4" borderId="27" xfId="2" quotePrefix="1" applyFont="1" applyFill="1" applyBorder="1" applyAlignment="1">
      <alignment horizontal="center" vertical="center" wrapText="1" shrinkToFit="1"/>
    </xf>
    <xf numFmtId="0" fontId="22" fillId="4" borderId="54" xfId="2" applyFont="1" applyFill="1" applyBorder="1" applyAlignment="1">
      <alignment horizontal="center" vertical="center" shrinkToFit="1"/>
    </xf>
    <xf numFmtId="0" fontId="22" fillId="4" borderId="28" xfId="2" applyFont="1" applyFill="1" applyBorder="1" applyAlignment="1">
      <alignment horizontal="center" vertical="center" shrinkToFit="1"/>
    </xf>
    <xf numFmtId="0" fontId="23" fillId="4" borderId="29" xfId="2" applyFont="1" applyFill="1" applyBorder="1" applyAlignment="1">
      <alignment horizontal="left" vertical="center" wrapText="1" shrinkToFit="1"/>
    </xf>
    <xf numFmtId="0" fontId="23" fillId="4" borderId="32" xfId="2" applyFont="1" applyFill="1" applyBorder="1" applyAlignment="1">
      <alignment horizontal="left" vertical="center" wrapText="1" shrinkToFit="1"/>
    </xf>
    <xf numFmtId="0" fontId="23" fillId="2" borderId="37" xfId="2" applyFont="1" applyFill="1" applyBorder="1" applyAlignment="1">
      <alignment horizontal="left" vertical="center" shrinkToFit="1"/>
    </xf>
    <xf numFmtId="0" fontId="23" fillId="2" borderId="6" xfId="2" applyFont="1" applyFill="1" applyBorder="1" applyAlignment="1">
      <alignment horizontal="left" vertical="center" shrinkToFit="1"/>
    </xf>
    <xf numFmtId="0" fontId="23" fillId="2" borderId="38" xfId="2" applyFont="1" applyFill="1" applyBorder="1" applyAlignment="1">
      <alignment horizontal="left" vertical="center" shrinkToFit="1"/>
    </xf>
    <xf numFmtId="0" fontId="11" fillId="4" borderId="43" xfId="2" quotePrefix="1" applyFont="1" applyFill="1" applyBorder="1" applyAlignment="1">
      <alignment horizontal="center" vertical="center" wrapText="1" shrinkToFit="1"/>
    </xf>
    <xf numFmtId="0" fontId="11" fillId="4" borderId="44" xfId="2" quotePrefix="1" applyFont="1" applyFill="1" applyBorder="1" applyAlignment="1">
      <alignment horizontal="center" vertical="center" wrapText="1" shrinkToFit="1"/>
    </xf>
    <xf numFmtId="0" fontId="11" fillId="4" borderId="45" xfId="2" quotePrefix="1" applyFont="1" applyFill="1" applyBorder="1" applyAlignment="1">
      <alignment horizontal="center" vertical="center" wrapText="1" shrinkToFit="1"/>
    </xf>
    <xf numFmtId="0" fontId="11" fillId="4" borderId="46" xfId="2" quotePrefix="1" applyFont="1" applyFill="1" applyBorder="1" applyAlignment="1">
      <alignment horizontal="center" vertical="center" wrapText="1" shrinkToFit="1"/>
    </xf>
    <xf numFmtId="0" fontId="23" fillId="5" borderId="17" xfId="2" applyFont="1" applyFill="1" applyBorder="1" applyAlignment="1">
      <alignment horizontal="left" vertical="center" wrapText="1" shrinkToFit="1"/>
    </xf>
    <xf numFmtId="0" fontId="23" fillId="5" borderId="18" xfId="2" applyFont="1" applyFill="1" applyBorder="1" applyAlignment="1">
      <alignment horizontal="left" vertical="center" wrapText="1" shrinkToFit="1"/>
    </xf>
    <xf numFmtId="0" fontId="23" fillId="4" borderId="19" xfId="2" applyFont="1" applyFill="1" applyBorder="1" applyAlignment="1">
      <alignment horizontal="left" vertical="center" wrapText="1" shrinkToFit="1"/>
    </xf>
    <xf numFmtId="0" fontId="23" fillId="4" borderId="2" xfId="2" applyFont="1" applyFill="1" applyBorder="1" applyAlignment="1">
      <alignment horizontal="left" vertical="center" wrapText="1" shrinkToFit="1"/>
    </xf>
    <xf numFmtId="0" fontId="23" fillId="4" borderId="51" xfId="2" applyFont="1" applyFill="1" applyBorder="1" applyAlignment="1">
      <alignment horizontal="left" vertical="center" wrapText="1" shrinkToFit="1"/>
    </xf>
    <xf numFmtId="0" fontId="23" fillId="4" borderId="12" xfId="2" applyFont="1" applyFill="1" applyBorder="1" applyAlignment="1">
      <alignment horizontal="left" vertical="center" wrapText="1" shrinkToFit="1"/>
    </xf>
    <xf numFmtId="0" fontId="23" fillId="4" borderId="11" xfId="2" applyFont="1" applyFill="1" applyBorder="1" applyAlignment="1">
      <alignment horizontal="center" vertical="center" shrinkToFit="1"/>
    </xf>
    <xf numFmtId="0" fontId="23" fillId="4" borderId="10" xfId="2" applyFont="1" applyFill="1" applyBorder="1" applyAlignment="1">
      <alignment horizontal="center" vertical="center" shrinkToFit="1"/>
    </xf>
    <xf numFmtId="0" fontId="23" fillId="4" borderId="36" xfId="2" applyFont="1" applyFill="1" applyBorder="1" applyAlignment="1">
      <alignment horizontal="center" vertical="center" shrinkToFit="1"/>
    </xf>
    <xf numFmtId="0" fontId="23" fillId="4" borderId="65" xfId="2" applyFont="1" applyFill="1" applyBorder="1" applyAlignment="1">
      <alignment horizontal="center" vertical="center" shrinkToFit="1"/>
    </xf>
    <xf numFmtId="0" fontId="23" fillId="4" borderId="23" xfId="2" applyFont="1" applyFill="1" applyBorder="1" applyAlignment="1">
      <alignment horizontal="left" vertical="center" wrapText="1" shrinkToFit="1"/>
    </xf>
    <xf numFmtId="0" fontId="23" fillId="4" borderId="24" xfId="2" applyFont="1" applyFill="1" applyBorder="1" applyAlignment="1">
      <alignment horizontal="left" vertical="center" wrapText="1" shrinkToFit="1"/>
    </xf>
    <xf numFmtId="0" fontId="23" fillId="4" borderId="27" xfId="2" applyFont="1" applyFill="1" applyBorder="1" applyAlignment="1">
      <alignment horizontal="left" vertical="center" wrapText="1" shrinkToFit="1"/>
    </xf>
    <xf numFmtId="0" fontId="23" fillId="2" borderId="57" xfId="2" applyFont="1" applyFill="1" applyBorder="1" applyAlignment="1">
      <alignment vertical="center" wrapText="1" shrinkToFit="1"/>
    </xf>
    <xf numFmtId="0" fontId="23" fillId="2" borderId="58" xfId="2" applyFont="1" applyFill="1" applyBorder="1" applyAlignment="1">
      <alignment vertical="center" wrapText="1" shrinkToFit="1"/>
    </xf>
    <xf numFmtId="0" fontId="23" fillId="2" borderId="59" xfId="2" applyFont="1" applyFill="1" applyBorder="1" applyAlignment="1">
      <alignment vertical="center" wrapText="1" shrinkToFit="1"/>
    </xf>
    <xf numFmtId="0" fontId="11" fillId="4" borderId="13" xfId="2" applyFont="1" applyFill="1" applyBorder="1" applyAlignment="1">
      <alignment horizontal="left" vertical="center" wrapText="1" shrinkToFit="1"/>
    </xf>
    <xf numFmtId="0" fontId="23" fillId="4" borderId="13" xfId="2" applyFont="1" applyFill="1" applyBorder="1" applyAlignment="1">
      <alignment horizontal="left" vertical="center" wrapText="1" shrinkToFit="1"/>
    </xf>
    <xf numFmtId="0" fontId="23" fillId="4" borderId="80" xfId="2" applyFont="1" applyFill="1" applyBorder="1" applyAlignment="1">
      <alignment horizontal="left" vertical="center" wrapText="1" shrinkToFit="1"/>
    </xf>
    <xf numFmtId="0" fontId="23" fillId="2" borderId="61" xfId="2" applyFont="1" applyFill="1" applyBorder="1" applyAlignment="1">
      <alignment vertical="center" wrapText="1" shrinkToFit="1"/>
    </xf>
    <xf numFmtId="0" fontId="23" fillId="2" borderId="62" xfId="2" applyFont="1" applyFill="1" applyBorder="1" applyAlignment="1">
      <alignment vertical="center" wrapText="1" shrinkToFit="1"/>
    </xf>
    <xf numFmtId="0" fontId="23" fillId="2" borderId="63" xfId="2" applyFont="1" applyFill="1" applyBorder="1" applyAlignment="1">
      <alignment vertical="center" wrapText="1" shrinkToFit="1"/>
    </xf>
    <xf numFmtId="0" fontId="23" fillId="4" borderId="72" xfId="2" applyFont="1" applyFill="1" applyBorder="1" applyAlignment="1">
      <alignment horizontal="left" vertical="center" wrapText="1" shrinkToFit="1"/>
    </xf>
    <xf numFmtId="0" fontId="23" fillId="4" borderId="62" xfId="2" applyFont="1" applyFill="1" applyBorder="1" applyAlignment="1">
      <alignment horizontal="left" vertical="center" wrapText="1" shrinkToFit="1"/>
    </xf>
    <xf numFmtId="0" fontId="23" fillId="4" borderId="73" xfId="2" applyFont="1" applyFill="1" applyBorder="1" applyAlignment="1">
      <alignment horizontal="left" vertical="center" wrapText="1" shrinkToFit="1"/>
    </xf>
    <xf numFmtId="0" fontId="13" fillId="4" borderId="19" xfId="2" applyFont="1" applyFill="1" applyBorder="1" applyAlignment="1">
      <alignment horizontal="left" vertical="center" wrapText="1" shrinkToFit="1"/>
    </xf>
    <xf numFmtId="0" fontId="18" fillId="4" borderId="2" xfId="2" applyFont="1" applyFill="1" applyBorder="1" applyAlignment="1">
      <alignment horizontal="left" vertical="center" wrapText="1" shrinkToFit="1"/>
    </xf>
    <xf numFmtId="0" fontId="18" fillId="4" borderId="0" xfId="2" applyFont="1" applyFill="1" applyAlignment="1">
      <alignment horizontal="left" vertical="center" wrapText="1" shrinkToFit="1"/>
    </xf>
    <xf numFmtId="0" fontId="23" fillId="2" borderId="51" xfId="2" applyFont="1" applyFill="1" applyBorder="1" applyAlignment="1">
      <alignment horizontal="left" vertical="center" shrinkToFit="1"/>
    </xf>
    <xf numFmtId="0" fontId="23" fillId="2" borderId="12" xfId="2" applyFont="1" applyFill="1" applyBorder="1" applyAlignment="1">
      <alignment horizontal="left" vertical="center" shrinkToFit="1"/>
    </xf>
    <xf numFmtId="0" fontId="11" fillId="2" borderId="13" xfId="2" applyFont="1" applyFill="1" applyBorder="1" applyAlignment="1">
      <alignment horizontal="left" vertical="center" shrinkToFit="1"/>
    </xf>
    <xf numFmtId="0" fontId="23" fillId="2" borderId="65" xfId="2" applyFont="1" applyFill="1" applyBorder="1" applyAlignment="1">
      <alignment horizontal="left" vertical="center" shrinkToFit="1"/>
    </xf>
    <xf numFmtId="0" fontId="11" fillId="2" borderId="66" xfId="2" applyFont="1" applyFill="1" applyBorder="1" applyAlignment="1">
      <alignment vertical="center" shrinkToFit="1"/>
    </xf>
    <xf numFmtId="0" fontId="11" fillId="2" borderId="4" xfId="2" applyFont="1" applyFill="1" applyBorder="1" applyAlignment="1">
      <alignment vertical="center" shrinkToFit="1"/>
    </xf>
    <xf numFmtId="0" fontId="11" fillId="2" borderId="64" xfId="2" applyFont="1" applyFill="1" applyBorder="1" applyAlignment="1">
      <alignment vertical="center" shrinkToFit="1"/>
    </xf>
    <xf numFmtId="0" fontId="23" fillId="0" borderId="57" xfId="2" applyFont="1" applyBorder="1" applyAlignment="1">
      <alignment vertical="center" wrapText="1" shrinkToFit="1"/>
    </xf>
    <xf numFmtId="0" fontId="23" fillId="0" borderId="58" xfId="2" applyFont="1" applyBorder="1" applyAlignment="1">
      <alignment vertical="center" wrapText="1" shrinkToFit="1"/>
    </xf>
    <xf numFmtId="0" fontId="23" fillId="0" borderId="59" xfId="2" applyFont="1" applyBorder="1" applyAlignment="1">
      <alignment vertical="center" wrapText="1" shrinkToFit="1"/>
    </xf>
    <xf numFmtId="0" fontId="23" fillId="2" borderId="67" xfId="2" applyFont="1" applyFill="1" applyBorder="1" applyAlignment="1">
      <alignment horizontal="left" vertical="center" wrapText="1" shrinkToFit="1"/>
    </xf>
    <xf numFmtId="0" fontId="23" fillId="2" borderId="59" xfId="2" applyFont="1" applyFill="1" applyBorder="1" applyAlignment="1">
      <alignment horizontal="left" vertical="center" wrapText="1" shrinkToFit="1"/>
    </xf>
    <xf numFmtId="0" fontId="23" fillId="4" borderId="67" xfId="2" applyFont="1" applyFill="1" applyBorder="1" applyAlignment="1">
      <alignment horizontal="left" vertical="center" wrapText="1" shrinkToFit="1"/>
    </xf>
    <xf numFmtId="0" fontId="23" fillId="4" borderId="58" xfId="2" applyFont="1" applyFill="1" applyBorder="1" applyAlignment="1">
      <alignment horizontal="left" vertical="center" wrapText="1" shrinkToFit="1"/>
    </xf>
    <xf numFmtId="0" fontId="23" fillId="4" borderId="68" xfId="2" applyFont="1" applyFill="1" applyBorder="1" applyAlignment="1">
      <alignment horizontal="left" vertical="center" wrapText="1" shrinkToFit="1"/>
    </xf>
    <xf numFmtId="0" fontId="13" fillId="5" borderId="16" xfId="2" applyFont="1" applyFill="1" applyBorder="1" applyAlignment="1">
      <alignment horizontal="left" vertical="center" wrapText="1" shrinkToFit="1"/>
    </xf>
    <xf numFmtId="0" fontId="18" fillId="5" borderId="47" xfId="2" applyFont="1" applyFill="1" applyBorder="1" applyAlignment="1">
      <alignment horizontal="left" vertical="center" wrapText="1" shrinkToFit="1"/>
    </xf>
    <xf numFmtId="0" fontId="18" fillId="5" borderId="17" xfId="2" applyFont="1" applyFill="1" applyBorder="1" applyAlignment="1">
      <alignment horizontal="left" vertical="center" wrapText="1" shrinkToFit="1"/>
    </xf>
    <xf numFmtId="0" fontId="18" fillId="5" borderId="48" xfId="2" applyFont="1" applyFill="1" applyBorder="1" applyAlignment="1">
      <alignment horizontal="left" vertical="center" wrapText="1" shrinkToFit="1"/>
    </xf>
    <xf numFmtId="0" fontId="13" fillId="0" borderId="19" xfId="2" applyFont="1" applyBorder="1" applyAlignment="1">
      <alignment horizontal="left" vertical="center" wrapText="1" shrinkToFit="1"/>
    </xf>
    <xf numFmtId="0" fontId="18" fillId="0" borderId="2" xfId="2" applyFont="1" applyBorder="1" applyAlignment="1">
      <alignment horizontal="left" vertical="center" wrapText="1" shrinkToFit="1"/>
    </xf>
    <xf numFmtId="0" fontId="18" fillId="0" borderId="0" xfId="2" applyFont="1" applyAlignment="1">
      <alignment horizontal="left" vertical="center" wrapText="1" shrinkToFit="1"/>
    </xf>
    <xf numFmtId="0" fontId="18" fillId="0" borderId="51" xfId="2" applyFont="1" applyBorder="1" applyAlignment="1">
      <alignment horizontal="left" vertical="center" wrapText="1" shrinkToFit="1"/>
    </xf>
    <xf numFmtId="0" fontId="18" fillId="0" borderId="12" xfId="2" applyFont="1" applyBorder="1" applyAlignment="1">
      <alignment horizontal="left" vertical="center" wrapText="1" shrinkToFit="1"/>
    </xf>
    <xf numFmtId="0" fontId="18" fillId="0" borderId="25" xfId="2" applyFont="1" applyBorder="1" applyAlignment="1">
      <alignment horizontal="left" vertical="center" wrapText="1" shrinkToFit="1"/>
    </xf>
    <xf numFmtId="0" fontId="23" fillId="0" borderId="32" xfId="2" applyFont="1" applyBorder="1" applyAlignment="1">
      <alignment vertical="center" wrapText="1" shrinkToFit="1"/>
    </xf>
    <xf numFmtId="0" fontId="23" fillId="0" borderId="34" xfId="2" applyFont="1" applyBorder="1" applyAlignment="1">
      <alignment vertical="center" wrapText="1" shrinkToFit="1"/>
    </xf>
    <xf numFmtId="0" fontId="23" fillId="0" borderId="69" xfId="2" applyFont="1" applyBorder="1" applyAlignment="1">
      <alignment vertical="center" wrapText="1" shrinkToFit="1"/>
    </xf>
    <xf numFmtId="0" fontId="23" fillId="0" borderId="19" xfId="2" applyFont="1" applyBorder="1" applyAlignment="1">
      <alignment vertical="center" wrapText="1" shrinkToFit="1"/>
    </xf>
    <xf numFmtId="0" fontId="23" fillId="0" borderId="0" xfId="2" applyFont="1" applyAlignment="1">
      <alignment vertical="center" wrapText="1" shrinkToFit="1"/>
    </xf>
    <xf numFmtId="0" fontId="23" fillId="0" borderId="1" xfId="2" applyFont="1" applyBorder="1" applyAlignment="1">
      <alignment vertical="center" wrapText="1" shrinkToFit="1"/>
    </xf>
    <xf numFmtId="0" fontId="23" fillId="0" borderId="23" xfId="2" applyFont="1" applyBorder="1" applyAlignment="1">
      <alignment vertical="center" wrapText="1" shrinkToFit="1"/>
    </xf>
    <xf numFmtId="0" fontId="23" fillId="0" borderId="25" xfId="2" applyFont="1" applyBorder="1" applyAlignment="1">
      <alignment vertical="center" wrapText="1" shrinkToFit="1"/>
    </xf>
    <xf numFmtId="0" fontId="23" fillId="0" borderId="71" xfId="2" applyFont="1" applyBorder="1" applyAlignment="1">
      <alignment vertical="center" wrapText="1" shrinkToFit="1"/>
    </xf>
    <xf numFmtId="0" fontId="23" fillId="4" borderId="31" xfId="2" applyFont="1" applyFill="1" applyBorder="1" applyAlignment="1">
      <alignment horizontal="left" vertical="center" wrapText="1" shrinkToFit="1"/>
    </xf>
    <xf numFmtId="0" fontId="23" fillId="4" borderId="70" xfId="2" applyFont="1" applyFill="1" applyBorder="1" applyAlignment="1">
      <alignment horizontal="left" vertical="center" wrapText="1" shrinkToFit="1"/>
    </xf>
    <xf numFmtId="0" fontId="23" fillId="0" borderId="66" xfId="2" applyFont="1" applyBorder="1" applyAlignment="1">
      <alignment vertical="center" wrapText="1" shrinkToFit="1"/>
    </xf>
    <xf numFmtId="0" fontId="23" fillId="0" borderId="4" xfId="2" applyFont="1" applyBorder="1" applyAlignment="1">
      <alignment vertical="center" wrapText="1" shrinkToFit="1"/>
    </xf>
    <xf numFmtId="0" fontId="23" fillId="0" borderId="5" xfId="2" applyFont="1" applyBorder="1" applyAlignment="1">
      <alignment vertical="center" wrapText="1" shrinkToFit="1"/>
    </xf>
    <xf numFmtId="0" fontId="23" fillId="2" borderId="72" xfId="2" applyFont="1" applyFill="1" applyBorder="1" applyAlignment="1">
      <alignment horizontal="left" vertical="center" wrapText="1" shrinkToFit="1"/>
    </xf>
    <xf numFmtId="0" fontId="23" fillId="2" borderId="63" xfId="2" applyFont="1" applyFill="1" applyBorder="1" applyAlignment="1">
      <alignment horizontal="left" vertical="center" wrapText="1" shrinkToFit="1"/>
    </xf>
    <xf numFmtId="0" fontId="23" fillId="4" borderId="66" xfId="2" applyFont="1" applyFill="1" applyBorder="1" applyAlignment="1">
      <alignment horizontal="left" vertical="center" wrapText="1" shrinkToFit="1"/>
    </xf>
    <xf numFmtId="0" fontId="23" fillId="4" borderId="3" xfId="2" applyFont="1" applyFill="1" applyBorder="1" applyAlignment="1">
      <alignment horizontal="left" vertical="center" wrapText="1" shrinkToFit="1"/>
    </xf>
    <xf numFmtId="0" fontId="11" fillId="4" borderId="4" xfId="2" applyFont="1" applyFill="1" applyBorder="1" applyAlignment="1">
      <alignment horizontal="left" vertical="center" wrapText="1" shrinkToFit="1"/>
    </xf>
    <xf numFmtId="0" fontId="18" fillId="0" borderId="51" xfId="2" applyFont="1" applyBorder="1" applyAlignment="1">
      <alignment vertical="center" wrapText="1" shrinkToFit="1"/>
    </xf>
    <xf numFmtId="0" fontId="18" fillId="0" borderId="13" xfId="2" applyFont="1" applyBorder="1" applyAlignment="1">
      <alignment vertical="center" wrapText="1" shrinkToFit="1"/>
    </xf>
    <xf numFmtId="0" fontId="18" fillId="0" borderId="80" xfId="2" applyFont="1" applyBorder="1" applyAlignment="1">
      <alignment vertical="center" wrapText="1" shrinkToFit="1"/>
    </xf>
    <xf numFmtId="0" fontId="18" fillId="0" borderId="66" xfId="2" applyFont="1" applyBorder="1" applyAlignment="1">
      <alignment vertical="center" wrapText="1" shrinkToFit="1"/>
    </xf>
    <xf numFmtId="0" fontId="18" fillId="0" borderId="4" xfId="2" applyFont="1" applyBorder="1" applyAlignment="1">
      <alignment vertical="center" wrapText="1" shrinkToFit="1"/>
    </xf>
    <xf numFmtId="0" fontId="18" fillId="0" borderId="64" xfId="2" applyFont="1" applyBorder="1" applyAlignment="1">
      <alignment vertical="center" wrapText="1" shrinkToFit="1"/>
    </xf>
    <xf numFmtId="0" fontId="23" fillId="4" borderId="51" xfId="2" applyFont="1" applyFill="1" applyBorder="1" applyAlignment="1">
      <alignment vertical="center"/>
    </xf>
    <xf numFmtId="0" fontId="23" fillId="4" borderId="13" xfId="2" applyFont="1" applyFill="1" applyBorder="1" applyAlignment="1">
      <alignment vertical="center"/>
    </xf>
    <xf numFmtId="0" fontId="23" fillId="4" borderId="80" xfId="2" applyFont="1" applyFill="1" applyBorder="1" applyAlignment="1">
      <alignment vertical="center"/>
    </xf>
    <xf numFmtId="0" fontId="23" fillId="4" borderId="66" xfId="2" applyFont="1" applyFill="1" applyBorder="1" applyAlignment="1">
      <alignment vertical="center" wrapText="1" shrinkToFit="1"/>
    </xf>
    <xf numFmtId="0" fontId="23" fillId="4" borderId="4" xfId="2" applyFont="1" applyFill="1" applyBorder="1" applyAlignment="1">
      <alignment vertical="center" wrapText="1" shrinkToFit="1"/>
    </xf>
    <xf numFmtId="0" fontId="23" fillId="4" borderId="64" xfId="2" applyFont="1" applyFill="1" applyBorder="1" applyAlignment="1">
      <alignment vertical="center" wrapText="1" shrinkToFit="1"/>
    </xf>
    <xf numFmtId="0" fontId="23" fillId="2" borderId="66" xfId="2" applyFont="1" applyFill="1" applyBorder="1" applyAlignment="1">
      <alignment horizontal="left" vertical="center" shrinkToFit="1"/>
    </xf>
    <xf numFmtId="0" fontId="23" fillId="2" borderId="3" xfId="2" applyFont="1" applyFill="1" applyBorder="1" applyAlignment="1">
      <alignment horizontal="left" vertical="center" shrinkToFit="1"/>
    </xf>
    <xf numFmtId="0" fontId="23" fillId="2" borderId="74" xfId="2" applyFont="1" applyFill="1" applyBorder="1" applyAlignment="1">
      <alignment horizontal="left" vertical="center" shrinkToFit="1"/>
    </xf>
    <xf numFmtId="0" fontId="11" fillId="5" borderId="16" xfId="2" applyFont="1" applyFill="1" applyBorder="1" applyAlignment="1">
      <alignment vertical="center" shrinkToFit="1"/>
    </xf>
    <xf numFmtId="0" fontId="11" fillId="5" borderId="17" xfId="2" applyFont="1" applyFill="1" applyBorder="1" applyAlignment="1">
      <alignment vertical="center" shrinkToFit="1"/>
    </xf>
    <xf numFmtId="0" fontId="11" fillId="5" borderId="18" xfId="2" applyFont="1" applyFill="1" applyBorder="1" applyAlignment="1">
      <alignment vertical="center" shrinkToFit="1"/>
    </xf>
    <xf numFmtId="0" fontId="13" fillId="4" borderId="32" xfId="2" applyFont="1" applyFill="1" applyBorder="1" applyAlignment="1">
      <alignment horizontal="left" vertical="center" wrapText="1" shrinkToFit="1"/>
    </xf>
    <xf numFmtId="0" fontId="18" fillId="4" borderId="34" xfId="2" applyFont="1" applyFill="1" applyBorder="1" applyAlignment="1">
      <alignment horizontal="left" vertical="center" wrapText="1" shrinkToFit="1"/>
    </xf>
    <xf numFmtId="0" fontId="18" fillId="4" borderId="69" xfId="2" applyFont="1" applyFill="1" applyBorder="1" applyAlignment="1">
      <alignment horizontal="left" vertical="center" wrapText="1" shrinkToFit="1"/>
    </xf>
    <xf numFmtId="0" fontId="11" fillId="5" borderId="16" xfId="2" applyFont="1" applyFill="1" applyBorder="1" applyAlignment="1">
      <alignment horizontal="left" vertical="center" wrapText="1" shrinkToFit="1"/>
    </xf>
    <xf numFmtId="0" fontId="11" fillId="5" borderId="18" xfId="2" applyFont="1" applyFill="1" applyBorder="1" applyAlignment="1">
      <alignment horizontal="left" vertical="center" wrapText="1" shrinkToFit="1"/>
    </xf>
    <xf numFmtId="0" fontId="11" fillId="4" borderId="1" xfId="2" applyFont="1" applyFill="1" applyBorder="1" applyAlignment="1">
      <alignment horizontal="left" vertical="center" wrapText="1" shrinkToFit="1"/>
    </xf>
    <xf numFmtId="0" fontId="23" fillId="4" borderId="19" xfId="2" applyFont="1" applyFill="1" applyBorder="1" applyAlignment="1">
      <alignment vertical="center"/>
    </xf>
    <xf numFmtId="0" fontId="23" fillId="4" borderId="0" xfId="2" applyFont="1" applyFill="1" applyAlignment="1">
      <alignment vertical="center"/>
    </xf>
    <xf numFmtId="0" fontId="23" fillId="4" borderId="81" xfId="2" applyFont="1" applyFill="1" applyBorder="1" applyAlignment="1">
      <alignment vertical="center"/>
    </xf>
    <xf numFmtId="0" fontId="23" fillId="2" borderId="7" xfId="2" applyFont="1" applyFill="1" applyBorder="1" applyAlignment="1">
      <alignment horizontal="left" vertical="center" shrinkToFit="1"/>
    </xf>
    <xf numFmtId="0" fontId="23" fillId="2" borderId="60" xfId="2" applyFont="1" applyFill="1" applyBorder="1" applyAlignment="1">
      <alignment horizontal="left" vertical="center" shrinkToFit="1"/>
    </xf>
    <xf numFmtId="0" fontId="23" fillId="4" borderId="1" xfId="2" applyFont="1" applyFill="1" applyBorder="1" applyAlignment="1">
      <alignment horizontal="left" vertical="center" wrapText="1" shrinkToFit="1"/>
    </xf>
    <xf numFmtId="0" fontId="23" fillId="2" borderId="13" xfId="2" applyFont="1" applyFill="1" applyBorder="1" applyAlignment="1">
      <alignment horizontal="left" vertical="center" shrinkToFit="1"/>
    </xf>
    <xf numFmtId="0" fontId="23" fillId="2" borderId="80" xfId="2" applyFont="1" applyFill="1" applyBorder="1" applyAlignment="1">
      <alignment horizontal="left" vertical="center" shrinkToFit="1"/>
    </xf>
    <xf numFmtId="0" fontId="11" fillId="4" borderId="19" xfId="2" applyFont="1" applyFill="1" applyBorder="1" applyAlignment="1">
      <alignment horizontal="left" vertical="center" wrapText="1" shrinkToFit="1"/>
    </xf>
    <xf numFmtId="0" fontId="11" fillId="2" borderId="60" xfId="2" applyFont="1" applyFill="1" applyBorder="1" applyAlignment="1">
      <alignment horizontal="left" vertical="center" shrinkToFit="1"/>
    </xf>
    <xf numFmtId="0" fontId="11" fillId="2" borderId="33" xfId="2" applyFont="1" applyFill="1" applyBorder="1" applyAlignment="1">
      <alignment horizontal="left" vertical="distributed" wrapText="1" shrinkToFit="1"/>
    </xf>
    <xf numFmtId="0" fontId="11" fillId="2" borderId="69" xfId="2" applyFont="1" applyFill="1" applyBorder="1" applyAlignment="1">
      <alignment horizontal="left" vertical="distributed" wrapText="1" shrinkToFit="1"/>
    </xf>
    <xf numFmtId="0" fontId="11" fillId="2" borderId="24" xfId="2" applyFont="1" applyFill="1" applyBorder="1" applyAlignment="1">
      <alignment horizontal="left" vertical="distributed" wrapText="1" shrinkToFit="1"/>
    </xf>
    <xf numFmtId="0" fontId="11" fillId="2" borderId="71" xfId="2" applyFont="1" applyFill="1" applyBorder="1" applyAlignment="1">
      <alignment horizontal="left" vertical="distributed" wrapText="1" shrinkToFit="1"/>
    </xf>
    <xf numFmtId="0" fontId="11" fillId="0" borderId="72" xfId="2" applyFont="1" applyBorder="1" applyAlignment="1">
      <alignment horizontal="left" vertical="distributed" wrapText="1" shrinkToFit="1"/>
    </xf>
    <xf numFmtId="0" fontId="11" fillId="0" borderId="62" xfId="2" applyFont="1" applyBorder="1" applyAlignment="1">
      <alignment horizontal="left" vertical="distributed" wrapText="1" shrinkToFit="1"/>
    </xf>
    <xf numFmtId="0" fontId="11" fillId="0" borderId="73" xfId="2" applyFont="1" applyBorder="1" applyAlignment="1">
      <alignment horizontal="left" vertical="distributed" wrapText="1" shrinkToFit="1"/>
    </xf>
    <xf numFmtId="0" fontId="11" fillId="2" borderId="25" xfId="2" applyFont="1" applyFill="1" applyBorder="1" applyAlignment="1">
      <alignment horizontal="left" vertical="distributed" wrapText="1" shrinkToFit="1"/>
    </xf>
    <xf numFmtId="0" fontId="11" fillId="2" borderId="82" xfId="2" applyFont="1" applyFill="1" applyBorder="1" applyAlignment="1">
      <alignment horizontal="left" vertical="distributed" wrapText="1" shrinkToFit="1"/>
    </xf>
    <xf numFmtId="0" fontId="23" fillId="4" borderId="75" xfId="2" applyFont="1" applyFill="1" applyBorder="1" applyAlignment="1">
      <alignment vertical="center" wrapText="1" shrinkToFit="1"/>
    </xf>
    <xf numFmtId="0" fontId="23" fillId="4" borderId="77" xfId="2" applyFont="1" applyFill="1" applyBorder="1" applyAlignment="1">
      <alignment vertical="center" wrapText="1" shrinkToFit="1"/>
    </xf>
    <xf numFmtId="0" fontId="23" fillId="2" borderId="51" xfId="2" applyFont="1" applyFill="1" applyBorder="1" applyAlignment="1">
      <alignment vertical="center" wrapText="1" shrinkToFit="1"/>
    </xf>
    <xf numFmtId="0" fontId="23" fillId="2" borderId="13" xfId="2" applyFont="1" applyFill="1" applyBorder="1" applyAlignment="1">
      <alignment vertical="center" wrapText="1" shrinkToFit="1"/>
    </xf>
    <xf numFmtId="0" fontId="23" fillId="2" borderId="14" xfId="2" applyFont="1" applyFill="1" applyBorder="1" applyAlignment="1">
      <alignment vertical="center" wrapText="1" shrinkToFit="1"/>
    </xf>
    <xf numFmtId="0" fontId="23" fillId="2" borderId="23" xfId="2" applyFont="1" applyFill="1" applyBorder="1" applyAlignment="1">
      <alignment vertical="center" wrapText="1" shrinkToFit="1"/>
    </xf>
    <xf numFmtId="0" fontId="23" fillId="2" borderId="25" xfId="2" applyFont="1" applyFill="1" applyBorder="1" applyAlignment="1">
      <alignment vertical="center" wrapText="1" shrinkToFit="1"/>
    </xf>
    <xf numFmtId="0" fontId="23" fillId="2" borderId="71" xfId="2" applyFont="1" applyFill="1" applyBorder="1" applyAlignment="1">
      <alignment vertical="center" wrapText="1" shrinkToFit="1"/>
    </xf>
    <xf numFmtId="0" fontId="23" fillId="4" borderId="25" xfId="2" applyFont="1" applyFill="1" applyBorder="1" applyAlignment="1">
      <alignment horizontal="left" vertical="center" wrapText="1" shrinkToFit="1"/>
    </xf>
    <xf numFmtId="0" fontId="23" fillId="4" borderId="82" xfId="2" applyFont="1" applyFill="1" applyBorder="1" applyAlignment="1">
      <alignment horizontal="left" vertical="center" wrapText="1" shrinkToFit="1"/>
    </xf>
    <xf numFmtId="0" fontId="11" fillId="2" borderId="37" xfId="2" applyFont="1" applyFill="1" applyBorder="1" applyAlignment="1">
      <alignment vertical="center" shrinkToFit="1"/>
    </xf>
    <xf numFmtId="0" fontId="11" fillId="2" borderId="7" xfId="2" applyFont="1" applyFill="1" applyBorder="1" applyAlignment="1">
      <alignment vertical="center" shrinkToFit="1"/>
    </xf>
    <xf numFmtId="0" fontId="11" fillId="2" borderId="60" xfId="2" applyFont="1" applyFill="1" applyBorder="1" applyAlignment="1">
      <alignment vertical="center" shrinkToFit="1"/>
    </xf>
    <xf numFmtId="0" fontId="23" fillId="0" borderId="37" xfId="2" applyFont="1" applyBorder="1" applyAlignment="1">
      <alignment horizontal="left" vertical="center" wrapText="1" shrinkToFit="1"/>
    </xf>
    <xf numFmtId="0" fontId="23" fillId="0" borderId="7" xfId="2" applyFont="1" applyBorder="1" applyAlignment="1">
      <alignment horizontal="left" vertical="center" wrapText="1" shrinkToFit="1"/>
    </xf>
    <xf numFmtId="0" fontId="23" fillId="0" borderId="60" xfId="2" applyFont="1" applyBorder="1" applyAlignment="1">
      <alignment horizontal="left" vertical="center" wrapText="1" shrinkToFit="1"/>
    </xf>
    <xf numFmtId="0" fontId="23" fillId="2" borderId="4" xfId="2" applyFont="1" applyFill="1" applyBorder="1" applyAlignment="1">
      <alignment horizontal="left" vertical="center" shrinkToFit="1"/>
    </xf>
    <xf numFmtId="0" fontId="23" fillId="2" borderId="32" xfId="2" applyFont="1" applyFill="1" applyBorder="1" applyAlignment="1">
      <alignment vertical="center" wrapText="1" shrinkToFit="1"/>
    </xf>
    <xf numFmtId="0" fontId="23" fillId="2" borderId="34" xfId="2" applyFont="1" applyFill="1" applyBorder="1" applyAlignment="1">
      <alignment vertical="center" wrapText="1" shrinkToFit="1"/>
    </xf>
    <xf numFmtId="0" fontId="23" fillId="2" borderId="69" xfId="2" applyFont="1" applyFill="1" applyBorder="1" applyAlignment="1">
      <alignment vertical="center" wrapText="1" shrinkToFit="1"/>
    </xf>
    <xf numFmtId="0" fontId="23" fillId="4" borderId="34" xfId="2" applyFont="1" applyFill="1" applyBorder="1" applyAlignment="1">
      <alignment horizontal="left" vertical="center" wrapText="1" shrinkToFit="1"/>
    </xf>
    <xf numFmtId="0" fontId="23" fillId="4" borderId="84" xfId="2" applyFont="1" applyFill="1" applyBorder="1" applyAlignment="1">
      <alignment horizontal="left" vertical="center" wrapText="1" shrinkToFit="1"/>
    </xf>
    <xf numFmtId="0" fontId="23" fillId="2" borderId="29" xfId="2" applyFont="1" applyFill="1" applyBorder="1" applyAlignment="1">
      <alignment vertical="center" wrapText="1" shrinkToFit="1"/>
    </xf>
    <xf numFmtId="0" fontId="23" fillId="2" borderId="31" xfId="2" applyFont="1" applyFill="1" applyBorder="1" applyAlignment="1">
      <alignment vertical="center" wrapText="1" shrinkToFit="1"/>
    </xf>
    <xf numFmtId="0" fontId="23" fillId="2" borderId="83" xfId="2" applyFont="1" applyFill="1" applyBorder="1" applyAlignment="1">
      <alignment vertical="center" wrapText="1" shrinkToFit="1"/>
    </xf>
    <xf numFmtId="0" fontId="11" fillId="0" borderId="30" xfId="2" applyFont="1" applyBorder="1" applyAlignment="1">
      <alignment horizontal="left" vertical="distributed" wrapText="1" shrinkToFit="1"/>
    </xf>
    <xf numFmtId="0" fontId="11" fillId="0" borderId="31" xfId="2" applyFont="1" applyBorder="1" applyAlignment="1">
      <alignment horizontal="left" vertical="distributed" wrapText="1" shrinkToFit="1"/>
    </xf>
    <xf numFmtId="0" fontId="11" fillId="0" borderId="70" xfId="2" applyFont="1" applyBorder="1" applyAlignment="1">
      <alignment horizontal="left" vertical="distributed" wrapText="1" shrinkToFit="1"/>
    </xf>
    <xf numFmtId="0" fontId="23" fillId="2" borderId="19" xfId="2" applyFont="1" applyFill="1" applyBorder="1" applyAlignment="1">
      <alignment vertical="center" wrapText="1" shrinkToFit="1"/>
    </xf>
    <xf numFmtId="0" fontId="23" fillId="2" borderId="0" xfId="2" applyFont="1" applyFill="1" applyAlignment="1">
      <alignment vertical="center" wrapText="1" shrinkToFit="1"/>
    </xf>
    <xf numFmtId="0" fontId="23" fillId="2" borderId="1" xfId="2" applyFont="1" applyFill="1" applyBorder="1" applyAlignment="1">
      <alignment vertical="center" wrapText="1" shrinkToFit="1"/>
    </xf>
    <xf numFmtId="0" fontId="11" fillId="2" borderId="30" xfId="2" applyFont="1" applyFill="1" applyBorder="1" applyAlignment="1">
      <alignment horizontal="center" vertical="center" wrapText="1" shrinkToFit="1"/>
    </xf>
    <xf numFmtId="0" fontId="11" fillId="2" borderId="31" xfId="2" applyFont="1" applyFill="1" applyBorder="1" applyAlignment="1">
      <alignment horizontal="center" vertical="center" wrapText="1" shrinkToFit="1"/>
    </xf>
    <xf numFmtId="0" fontId="11" fillId="2" borderId="70" xfId="2" applyFont="1" applyFill="1" applyBorder="1" applyAlignment="1">
      <alignment horizontal="center" vertical="center" wrapText="1" shrinkToFit="1"/>
    </xf>
    <xf numFmtId="0" fontId="23" fillId="4" borderId="2" xfId="2" applyFont="1" applyFill="1" applyBorder="1" applyAlignment="1">
      <alignment vertical="center" wrapText="1" shrinkToFit="1"/>
    </xf>
    <xf numFmtId="0" fontId="23" fillId="4" borderId="24" xfId="2" applyFont="1" applyFill="1" applyBorder="1" applyAlignment="1">
      <alignment vertical="center" wrapText="1" shrinkToFit="1"/>
    </xf>
    <xf numFmtId="0" fontId="23" fillId="4" borderId="30" xfId="2" applyFont="1" applyFill="1" applyBorder="1" applyAlignment="1">
      <alignment vertical="center" wrapText="1" shrinkToFit="1"/>
    </xf>
    <xf numFmtId="0" fontId="23" fillId="4" borderId="31" xfId="2" applyFont="1" applyFill="1" applyBorder="1" applyAlignment="1">
      <alignment vertical="center" wrapText="1" shrinkToFit="1"/>
    </xf>
    <xf numFmtId="0" fontId="23" fillId="4" borderId="70" xfId="2" applyFont="1" applyFill="1" applyBorder="1" applyAlignment="1">
      <alignment vertical="center" wrapText="1" shrinkToFit="1"/>
    </xf>
    <xf numFmtId="0" fontId="23" fillId="4" borderId="0" xfId="2" applyFont="1" applyFill="1" applyAlignment="1">
      <alignment horizontal="left" vertical="center" wrapText="1" shrinkToFit="1"/>
    </xf>
    <xf numFmtId="0" fontId="23" fillId="4" borderId="81" xfId="2" applyFont="1" applyFill="1" applyBorder="1" applyAlignment="1">
      <alignment horizontal="left" vertical="center" wrapText="1" shrinkToFit="1"/>
    </xf>
    <xf numFmtId="0" fontId="23" fillId="2" borderId="23" xfId="2" applyFont="1" applyFill="1" applyBorder="1" applyAlignment="1">
      <alignment horizontal="left" vertical="center" wrapText="1" shrinkToFit="1"/>
    </xf>
    <xf numFmtId="0" fontId="23" fillId="2" borderId="25" xfId="2" applyFont="1" applyFill="1" applyBorder="1" applyAlignment="1">
      <alignment horizontal="left" vertical="center" shrinkToFit="1"/>
    </xf>
    <xf numFmtId="0" fontId="23" fillId="2" borderId="31" xfId="2" applyFont="1" applyFill="1" applyBorder="1" applyAlignment="1">
      <alignment horizontal="left" vertical="center" shrinkToFit="1"/>
    </xf>
    <xf numFmtId="0" fontId="11" fillId="2" borderId="31" xfId="2" applyFont="1" applyFill="1" applyBorder="1" applyAlignment="1">
      <alignment horizontal="left" vertical="center" shrinkToFit="1"/>
    </xf>
    <xf numFmtId="0" fontId="23" fillId="2" borderId="70" xfId="2" applyFont="1" applyFill="1" applyBorder="1" applyAlignment="1">
      <alignment horizontal="left" vertical="center" shrinkToFit="1"/>
    </xf>
    <xf numFmtId="0" fontId="23" fillId="4" borderId="61" xfId="2" applyFont="1" applyFill="1" applyBorder="1" applyAlignment="1">
      <alignment horizontal="left" vertical="center" wrapText="1" shrinkToFit="1"/>
    </xf>
    <xf numFmtId="0" fontId="23" fillId="2" borderId="64" xfId="2" applyFont="1" applyFill="1" applyBorder="1" applyAlignment="1">
      <alignment horizontal="left" vertical="center" shrinkToFit="1"/>
    </xf>
    <xf numFmtId="0" fontId="23" fillId="4" borderId="71" xfId="2" applyFont="1" applyFill="1" applyBorder="1" applyAlignment="1">
      <alignment horizontal="left" vertical="center" wrapText="1" shrinkToFit="1"/>
    </xf>
    <xf numFmtId="0" fontId="18" fillId="4" borderId="51" xfId="2" applyFont="1" applyFill="1" applyBorder="1" applyAlignment="1">
      <alignment vertical="center" wrapText="1" shrinkToFit="1"/>
    </xf>
    <xf numFmtId="0" fontId="18" fillId="4" borderId="13" xfId="2" applyFont="1" applyFill="1" applyBorder="1" applyAlignment="1">
      <alignment vertical="center" wrapText="1" shrinkToFit="1"/>
    </xf>
    <xf numFmtId="0" fontId="18" fillId="4" borderId="80" xfId="2" applyFont="1" applyFill="1" applyBorder="1" applyAlignment="1">
      <alignment vertical="center" wrapText="1" shrinkToFit="1"/>
    </xf>
    <xf numFmtId="0" fontId="23" fillId="4" borderId="23" xfId="2" applyFont="1" applyFill="1" applyBorder="1" applyAlignment="1">
      <alignment vertical="center" wrapText="1" shrinkToFit="1"/>
    </xf>
    <xf numFmtId="0" fontId="23" fillId="4" borderId="25" xfId="2" applyFont="1" applyFill="1" applyBorder="1" applyAlignment="1">
      <alignment vertical="center" wrapText="1" shrinkToFit="1"/>
    </xf>
    <xf numFmtId="0" fontId="23" fillId="4" borderId="82" xfId="2" applyFont="1" applyFill="1" applyBorder="1" applyAlignment="1">
      <alignment vertical="center" wrapText="1" shrinkToFit="1"/>
    </xf>
    <xf numFmtId="0" fontId="11" fillId="4" borderId="57" xfId="2" applyFont="1" applyFill="1" applyBorder="1" applyAlignment="1">
      <alignment horizontal="left" vertical="center" wrapText="1" shrinkToFit="1"/>
    </xf>
    <xf numFmtId="0" fontId="11" fillId="4" borderId="58" xfId="2" applyFont="1" applyFill="1" applyBorder="1" applyAlignment="1">
      <alignment horizontal="left" vertical="center" wrapText="1" shrinkToFit="1"/>
    </xf>
    <xf numFmtId="0" fontId="11" fillId="4" borderId="59" xfId="2" applyFont="1" applyFill="1" applyBorder="1" applyAlignment="1">
      <alignment horizontal="left" vertical="center" wrapText="1" shrinkToFit="1"/>
    </xf>
    <xf numFmtId="0" fontId="11" fillId="4" borderId="83" xfId="2" applyFont="1" applyFill="1" applyBorder="1" applyAlignment="1">
      <alignment horizontal="left" vertical="center" wrapText="1" shrinkToFit="1"/>
    </xf>
    <xf numFmtId="0" fontId="23" fillId="4" borderId="4" xfId="2" applyFont="1" applyFill="1" applyBorder="1" applyAlignment="1">
      <alignment horizontal="left" vertical="center" wrapText="1" shrinkToFit="1"/>
    </xf>
    <xf numFmtId="0" fontId="23" fillId="4" borderId="5" xfId="2" applyFont="1" applyFill="1" applyBorder="1" applyAlignment="1">
      <alignment horizontal="left" vertical="center" wrapText="1" shrinkToFit="1"/>
    </xf>
    <xf numFmtId="0" fontId="23" fillId="5" borderId="75" xfId="2" applyFont="1" applyFill="1" applyBorder="1" applyAlignment="1">
      <alignment horizontal="left" vertical="center" wrapText="1" shrinkToFit="1"/>
    </xf>
    <xf numFmtId="0" fontId="23" fillId="5" borderId="77" xfId="2" applyFont="1" applyFill="1" applyBorder="1" applyAlignment="1">
      <alignment horizontal="left" vertical="center" wrapText="1" shrinkToFit="1"/>
    </xf>
    <xf numFmtId="0" fontId="11" fillId="5" borderId="77" xfId="2" applyFont="1" applyFill="1" applyBorder="1" applyAlignment="1">
      <alignment horizontal="left" vertical="center" wrapText="1" shrinkToFit="1"/>
    </xf>
    <xf numFmtId="0" fontId="23" fillId="5" borderId="87" xfId="2" applyFont="1" applyFill="1" applyBorder="1" applyAlignment="1">
      <alignment horizontal="left" vertical="center" wrapText="1" shrinkToFit="1"/>
    </xf>
    <xf numFmtId="0" fontId="23" fillId="2" borderId="66" xfId="2" applyFont="1" applyFill="1" applyBorder="1" applyAlignment="1">
      <alignment vertical="center" wrapText="1" shrinkToFit="1"/>
    </xf>
    <xf numFmtId="0" fontId="23" fillId="2" borderId="4" xfId="2" applyFont="1" applyFill="1" applyBorder="1" applyAlignment="1">
      <alignment vertical="center" wrapText="1" shrinkToFit="1"/>
    </xf>
    <xf numFmtId="0" fontId="23" fillId="2" borderId="5" xfId="2" applyFont="1" applyFill="1" applyBorder="1" applyAlignment="1">
      <alignment vertical="center" wrapText="1" shrinkToFit="1"/>
    </xf>
    <xf numFmtId="0" fontId="23" fillId="4" borderId="51" xfId="2" applyFont="1" applyFill="1" applyBorder="1" applyAlignment="1">
      <alignment vertical="center" wrapText="1" shrinkToFit="1"/>
    </xf>
    <xf numFmtId="0" fontId="23" fillId="4" borderId="13" xfId="2" applyFont="1" applyFill="1" applyBorder="1" applyAlignment="1">
      <alignment vertical="center" wrapText="1" shrinkToFit="1"/>
    </xf>
    <xf numFmtId="0" fontId="23" fillId="4" borderId="80" xfId="2" applyFont="1" applyFill="1" applyBorder="1" applyAlignment="1">
      <alignment vertical="center" wrapText="1" shrinkToFit="1"/>
    </xf>
    <xf numFmtId="0" fontId="23" fillId="4" borderId="69" xfId="2" applyFont="1" applyFill="1" applyBorder="1" applyAlignment="1">
      <alignment horizontal="left" vertical="center" wrapText="1" shrinkToFit="1"/>
    </xf>
    <xf numFmtId="0" fontId="23" fillId="2" borderId="82" xfId="2" applyFont="1" applyFill="1" applyBorder="1" applyAlignment="1">
      <alignment vertical="center" wrapText="1" shrinkToFit="1"/>
    </xf>
    <xf numFmtId="0" fontId="23" fillId="4" borderId="75" xfId="2" applyFont="1" applyFill="1" applyBorder="1" applyAlignment="1">
      <alignment horizontal="left" vertical="center" wrapText="1" shrinkToFit="1"/>
    </xf>
    <xf numFmtId="0" fontId="23" fillId="4" borderId="77" xfId="2" applyFont="1" applyFill="1" applyBorder="1" applyAlignment="1">
      <alignment horizontal="left" vertical="center" wrapText="1" shrinkToFit="1"/>
    </xf>
    <xf numFmtId="0" fontId="23" fillId="4" borderId="88" xfId="2" applyFont="1" applyFill="1" applyBorder="1" applyAlignment="1">
      <alignment horizontal="left" vertical="center" wrapText="1" shrinkToFit="1"/>
    </xf>
    <xf numFmtId="0" fontId="23" fillId="0" borderId="61" xfId="2" applyFont="1" applyBorder="1" applyAlignment="1">
      <alignment vertical="center" wrapText="1" shrinkToFit="1"/>
    </xf>
    <xf numFmtId="0" fontId="23" fillId="0" borderId="62" xfId="2" applyFont="1" applyBorder="1" applyAlignment="1">
      <alignment vertical="center" wrapText="1" shrinkToFit="1"/>
    </xf>
    <xf numFmtId="0" fontId="23" fillId="0" borderId="63" xfId="2" applyFont="1" applyBorder="1" applyAlignment="1">
      <alignment vertical="center" wrapText="1" shrinkToFit="1"/>
    </xf>
    <xf numFmtId="0" fontId="23" fillId="0" borderId="72" xfId="2" applyFont="1" applyBorder="1" applyAlignment="1">
      <alignment vertical="center" wrapText="1" shrinkToFit="1"/>
    </xf>
    <xf numFmtId="0" fontId="23" fillId="0" borderId="73" xfId="2" applyFont="1" applyBorder="1" applyAlignment="1">
      <alignment vertical="center" wrapText="1" shrinkToFit="1"/>
    </xf>
    <xf numFmtId="0" fontId="11" fillId="2" borderId="51" xfId="2" applyFont="1" applyFill="1" applyBorder="1" applyAlignment="1">
      <alignment vertical="center" wrapText="1" shrinkToFit="1"/>
    </xf>
    <xf numFmtId="0" fontId="11" fillId="2" borderId="13" xfId="2" applyFont="1" applyFill="1" applyBorder="1" applyAlignment="1">
      <alignment vertical="center" shrinkToFit="1"/>
    </xf>
    <xf numFmtId="0" fontId="11" fillId="2" borderId="80" xfId="2" applyFont="1" applyFill="1" applyBorder="1" applyAlignment="1">
      <alignment vertical="center" shrinkToFit="1"/>
    </xf>
    <xf numFmtId="0" fontId="23" fillId="0" borderId="29" xfId="2" applyFont="1" applyBorder="1" applyAlignment="1">
      <alignment vertical="center" wrapText="1" shrinkToFit="1"/>
    </xf>
    <xf numFmtId="0" fontId="23" fillId="0" borderId="31" xfId="2" applyFont="1" applyBorder="1" applyAlignment="1">
      <alignment vertical="center" wrapText="1" shrinkToFit="1"/>
    </xf>
    <xf numFmtId="0" fontId="23" fillId="0" borderId="83" xfId="2" applyFont="1" applyBorder="1" applyAlignment="1">
      <alignment vertical="center" wrapText="1" shrinkToFit="1"/>
    </xf>
    <xf numFmtId="0" fontId="23" fillId="2" borderId="70" xfId="2" applyFont="1" applyFill="1" applyBorder="1" applyAlignment="1">
      <alignment vertical="center" wrapText="1" shrinkToFit="1"/>
    </xf>
    <xf numFmtId="0" fontId="11" fillId="2" borderId="51" xfId="2" applyFont="1" applyFill="1" applyBorder="1" applyAlignment="1">
      <alignment vertical="center" shrinkToFit="1"/>
    </xf>
    <xf numFmtId="0" fontId="23" fillId="2" borderId="51" xfId="2" applyFont="1" applyFill="1" applyBorder="1" applyAlignment="1">
      <alignment horizontal="left" vertical="center" wrapText="1" shrinkToFit="1"/>
    </xf>
    <xf numFmtId="0" fontId="23" fillId="2" borderId="13" xfId="2" applyFont="1" applyFill="1" applyBorder="1" applyAlignment="1">
      <alignment horizontal="left" vertical="center" wrapText="1" shrinkToFit="1"/>
    </xf>
    <xf numFmtId="0" fontId="23" fillId="2" borderId="14" xfId="2" applyFont="1" applyFill="1" applyBorder="1" applyAlignment="1">
      <alignment horizontal="left" vertical="center" wrapText="1" shrinkToFit="1"/>
    </xf>
    <xf numFmtId="0" fontId="23" fillId="2" borderId="29" xfId="2" applyFont="1" applyFill="1" applyBorder="1" applyAlignment="1">
      <alignment horizontal="left" vertical="center" wrapText="1" shrinkToFit="1"/>
    </xf>
    <xf numFmtId="0" fontId="23" fillId="2" borderId="31" xfId="2" applyFont="1" applyFill="1" applyBorder="1" applyAlignment="1">
      <alignment horizontal="left" vertical="center" wrapText="1" shrinkToFit="1"/>
    </xf>
    <xf numFmtId="0" fontId="23" fillId="2" borderId="83" xfId="2" applyFont="1" applyFill="1" applyBorder="1" applyAlignment="1">
      <alignment horizontal="left" vertical="center" wrapText="1" shrinkToFit="1"/>
    </xf>
    <xf numFmtId="0" fontId="23" fillId="2" borderId="25" xfId="2" applyFont="1" applyFill="1" applyBorder="1" applyAlignment="1">
      <alignment horizontal="left" vertical="center" wrapText="1" shrinkToFit="1"/>
    </xf>
    <xf numFmtId="0" fontId="23" fillId="2" borderId="71" xfId="2" applyFont="1" applyFill="1" applyBorder="1" applyAlignment="1">
      <alignment horizontal="left" vertical="center" wrapText="1" shrinkToFit="1"/>
    </xf>
    <xf numFmtId="0" fontId="23" fillId="4" borderId="0" xfId="2" applyFont="1" applyFill="1" applyAlignment="1">
      <alignment vertical="center" wrapText="1" shrinkToFit="1"/>
    </xf>
    <xf numFmtId="0" fontId="23" fillId="4" borderId="81" xfId="2" applyFont="1" applyFill="1" applyBorder="1" applyAlignment="1">
      <alignment vertical="center" wrapText="1" shrinkToFit="1"/>
    </xf>
    <xf numFmtId="0" fontId="11" fillId="4" borderId="71" xfId="2" applyFont="1" applyFill="1" applyBorder="1" applyAlignment="1">
      <alignment horizontal="left" vertical="center" wrapText="1" shrinkToFit="1"/>
    </xf>
    <xf numFmtId="0" fontId="23" fillId="0" borderId="33" xfId="2" applyFont="1" applyBorder="1" applyAlignment="1">
      <alignment vertical="center" wrapText="1" shrinkToFit="1"/>
    </xf>
    <xf numFmtId="0" fontId="23" fillId="0" borderId="84" xfId="2" applyFont="1" applyBorder="1" applyAlignment="1">
      <alignment vertical="center" wrapText="1" shrinkToFit="1"/>
    </xf>
    <xf numFmtId="0" fontId="23" fillId="0" borderId="67" xfId="2" applyFont="1" applyBorder="1" applyAlignment="1">
      <alignment vertical="center" wrapText="1" shrinkToFit="1"/>
    </xf>
    <xf numFmtId="0" fontId="23" fillId="0" borderId="68" xfId="2" applyFont="1" applyBorder="1" applyAlignment="1">
      <alignment vertical="center" wrapText="1" shrinkToFit="1"/>
    </xf>
    <xf numFmtId="0" fontId="23" fillId="4" borderId="37" xfId="2" applyFont="1" applyFill="1" applyBorder="1" applyAlignment="1">
      <alignment vertical="center" wrapText="1" shrinkToFit="1"/>
    </xf>
    <xf numFmtId="0" fontId="23" fillId="4" borderId="7" xfId="2" applyFont="1" applyFill="1" applyBorder="1" applyAlignment="1">
      <alignment vertical="center" wrapText="1" shrinkToFit="1"/>
    </xf>
    <xf numFmtId="0" fontId="23" fillId="4" borderId="60" xfId="2" applyFont="1" applyFill="1" applyBorder="1" applyAlignment="1">
      <alignment vertical="center" wrapText="1" shrinkToFit="1"/>
    </xf>
    <xf numFmtId="0" fontId="18" fillId="4" borderId="51" xfId="2" applyFont="1" applyFill="1" applyBorder="1" applyAlignment="1">
      <alignment vertical="center"/>
    </xf>
    <xf numFmtId="0" fontId="11" fillId="2" borderId="51" xfId="2" applyFont="1" applyFill="1" applyBorder="1" applyAlignment="1">
      <alignment horizontal="left" vertical="center" shrinkToFit="1"/>
    </xf>
    <xf numFmtId="0" fontId="11" fillId="2" borderId="80" xfId="2" applyFont="1" applyFill="1" applyBorder="1" applyAlignment="1">
      <alignment horizontal="left" vertical="center" shrinkToFit="1"/>
    </xf>
    <xf numFmtId="0" fontId="21" fillId="0" borderId="66" xfId="2" applyFont="1" applyBorder="1" applyAlignment="1">
      <alignment vertical="center" wrapText="1" shrinkToFit="1"/>
    </xf>
    <xf numFmtId="0" fontId="21" fillId="0" borderId="4" xfId="2" applyFont="1" applyBorder="1" applyAlignment="1">
      <alignment vertical="center" wrapText="1" shrinkToFit="1"/>
    </xf>
    <xf numFmtId="0" fontId="21" fillId="0" borderId="64" xfId="2" applyFont="1" applyBorder="1" applyAlignment="1">
      <alignment vertical="center" wrapText="1" shrinkToFit="1"/>
    </xf>
    <xf numFmtId="0" fontId="23" fillId="4" borderId="83" xfId="2" applyFont="1" applyFill="1" applyBorder="1" applyAlignment="1">
      <alignment horizontal="left" vertical="center" wrapText="1" shrinkToFit="1"/>
    </xf>
    <xf numFmtId="0" fontId="41" fillId="4" borderId="12" xfId="0" applyFont="1" applyFill="1" applyBorder="1" applyAlignment="1">
      <alignment vertical="center"/>
    </xf>
    <xf numFmtId="0" fontId="41" fillId="4" borderId="13" xfId="0" applyFont="1" applyFill="1" applyBorder="1" applyAlignment="1">
      <alignment vertical="center"/>
    </xf>
    <xf numFmtId="0" fontId="41" fillId="4" borderId="14" xfId="0" applyFont="1" applyFill="1" applyBorder="1" applyAlignment="1">
      <alignment vertical="center"/>
    </xf>
    <xf numFmtId="0" fontId="41" fillId="4" borderId="6" xfId="0" applyFont="1" applyFill="1" applyBorder="1" applyAlignment="1">
      <alignment vertical="center"/>
    </xf>
    <xf numFmtId="0" fontId="41" fillId="4" borderId="7" xfId="0" applyFont="1" applyFill="1" applyBorder="1" applyAlignment="1">
      <alignment vertical="center"/>
    </xf>
    <xf numFmtId="0" fontId="41" fillId="4" borderId="8" xfId="0" applyFont="1" applyFill="1" applyBorder="1" applyAlignment="1">
      <alignment vertical="center"/>
    </xf>
    <xf numFmtId="0" fontId="21" fillId="0" borderId="12" xfId="2" applyFont="1" applyBorder="1" applyAlignment="1">
      <alignment vertical="top" wrapText="1"/>
    </xf>
    <xf numFmtId="0" fontId="21" fillId="0" borderId="13" xfId="2" applyFont="1" applyBorder="1" applyAlignment="1">
      <alignment vertical="top" wrapText="1"/>
    </xf>
    <xf numFmtId="0" fontId="21" fillId="0" borderId="14" xfId="2" applyFont="1" applyBorder="1" applyAlignment="1">
      <alignment vertical="top" wrapText="1"/>
    </xf>
    <xf numFmtId="0" fontId="21" fillId="0" borderId="2" xfId="2" applyFont="1" applyBorder="1" applyAlignment="1">
      <alignment vertical="top" wrapText="1"/>
    </xf>
    <xf numFmtId="0" fontId="21" fillId="0" borderId="0" xfId="2" applyFont="1" applyAlignment="1">
      <alignment vertical="top" wrapText="1"/>
    </xf>
    <xf numFmtId="0" fontId="21" fillId="0" borderId="1" xfId="2" applyFont="1" applyBorder="1" applyAlignment="1">
      <alignment vertical="top" wrapText="1"/>
    </xf>
    <xf numFmtId="0" fontId="21" fillId="0" borderId="3" xfId="2" applyFont="1" applyBorder="1" applyAlignment="1">
      <alignment vertical="top" wrapText="1"/>
    </xf>
    <xf numFmtId="0" fontId="21" fillId="0" borderId="4" xfId="2" applyFont="1" applyBorder="1" applyAlignment="1">
      <alignment vertical="top" wrapText="1"/>
    </xf>
    <xf numFmtId="0" fontId="21" fillId="0" borderId="5" xfId="2" applyFont="1" applyBorder="1" applyAlignment="1">
      <alignment vertical="top" wrapText="1"/>
    </xf>
    <xf numFmtId="0" fontId="31" fillId="4" borderId="0" xfId="2" applyFont="1" applyFill="1" applyAlignment="1">
      <alignment horizontal="left" vertical="center" wrapText="1"/>
    </xf>
    <xf numFmtId="0" fontId="32" fillId="4" borderId="0" xfId="2" applyFont="1" applyFill="1" applyAlignment="1">
      <alignment horizontal="left" vertical="top" wrapText="1"/>
    </xf>
    <xf numFmtId="0" fontId="23" fillId="5" borderId="16" xfId="2" applyFont="1" applyFill="1" applyBorder="1" applyAlignment="1">
      <alignment horizontal="left" vertical="center" shrinkToFit="1"/>
    </xf>
    <xf numFmtId="0" fontId="23" fillId="5" borderId="17" xfId="2" applyFont="1" applyFill="1" applyBorder="1" applyAlignment="1">
      <alignment horizontal="left" vertical="center" shrinkToFit="1"/>
    </xf>
    <xf numFmtId="0" fontId="23" fillId="5" borderId="18" xfId="2" applyFont="1" applyFill="1" applyBorder="1" applyAlignment="1">
      <alignment horizontal="left" vertical="center" shrinkToFit="1"/>
    </xf>
    <xf numFmtId="0" fontId="11" fillId="5" borderId="20" xfId="2" applyFont="1" applyFill="1" applyBorder="1" applyAlignment="1">
      <alignment horizontal="left" vertical="center" shrinkToFit="1"/>
    </xf>
    <xf numFmtId="0" fontId="11" fillId="5" borderId="21" xfId="2" applyFont="1" applyFill="1" applyBorder="1" applyAlignment="1">
      <alignment horizontal="left" vertical="center" shrinkToFit="1"/>
    </xf>
    <xf numFmtId="0" fontId="11" fillId="5" borderId="22" xfId="2" applyFont="1" applyFill="1" applyBorder="1" applyAlignment="1">
      <alignment horizontal="left" vertical="center" shrinkToFit="1"/>
    </xf>
    <xf numFmtId="0" fontId="23" fillId="4" borderId="52" xfId="2" applyFont="1" applyFill="1" applyBorder="1" applyAlignment="1">
      <alignment horizontal="center" vertical="center" shrinkToFit="1"/>
    </xf>
    <xf numFmtId="0" fontId="23" fillId="4" borderId="55" xfId="2" applyFont="1" applyFill="1" applyBorder="1" applyAlignment="1">
      <alignment horizontal="center" vertical="center" shrinkToFit="1"/>
    </xf>
    <xf numFmtId="0" fontId="23" fillId="4" borderId="53" xfId="2" applyFont="1" applyFill="1" applyBorder="1" applyAlignment="1">
      <alignment horizontal="center" vertical="center" shrinkToFit="1"/>
    </xf>
    <xf numFmtId="0" fontId="23" fillId="4" borderId="56" xfId="2" applyFont="1" applyFill="1" applyBorder="1" applyAlignment="1">
      <alignment horizontal="center" vertical="center" shrinkToFit="1"/>
    </xf>
    <xf numFmtId="0" fontId="18" fillId="4" borderId="33" xfId="2" applyFont="1" applyFill="1" applyBorder="1" applyAlignment="1">
      <alignment horizontal="left" vertical="center" wrapText="1" shrinkToFit="1"/>
    </xf>
    <xf numFmtId="0" fontId="11" fillId="4" borderId="69" xfId="2" applyFont="1" applyFill="1" applyBorder="1" applyAlignment="1">
      <alignment horizontal="left" vertical="center" wrapText="1" shrinkToFit="1"/>
    </xf>
    <xf numFmtId="0" fontId="11" fillId="4" borderId="89" xfId="2" quotePrefix="1" applyFont="1" applyFill="1" applyBorder="1" applyAlignment="1">
      <alignment horizontal="center" vertical="center" wrapText="1" shrinkToFit="1"/>
    </xf>
    <xf numFmtId="0" fontId="13" fillId="4" borderId="66" xfId="2" applyFont="1" applyFill="1" applyBorder="1" applyAlignment="1">
      <alignment horizontal="left" vertical="center" wrapText="1" shrinkToFit="1"/>
    </xf>
    <xf numFmtId="0" fontId="18" fillId="4" borderId="3" xfId="2" applyFont="1" applyFill="1" applyBorder="1" applyAlignment="1">
      <alignment horizontal="left" vertical="center" wrapText="1" shrinkToFit="1"/>
    </xf>
    <xf numFmtId="0" fontId="18" fillId="4" borderId="4" xfId="2" applyFont="1" applyFill="1" applyBorder="1" applyAlignment="1">
      <alignment horizontal="left" vertical="center" wrapText="1" shrinkToFit="1"/>
    </xf>
    <xf numFmtId="0" fontId="23" fillId="4" borderId="19" xfId="2" applyFont="1" applyFill="1" applyBorder="1" applyAlignment="1">
      <alignment vertical="center" wrapText="1" shrinkToFit="1"/>
    </xf>
    <xf numFmtId="0" fontId="18" fillId="4" borderId="1" xfId="2" applyFont="1" applyFill="1" applyBorder="1" applyAlignment="1">
      <alignment horizontal="left" vertical="center" wrapText="1" shrinkToFit="1"/>
    </xf>
    <xf numFmtId="0" fontId="13" fillId="4" borderId="90" xfId="2" applyFont="1" applyFill="1" applyBorder="1" applyAlignment="1">
      <alignment horizontal="left" vertical="center" wrapText="1" shrinkToFit="1"/>
    </xf>
    <xf numFmtId="0" fontId="18" fillId="4" borderId="91" xfId="2" applyFont="1" applyFill="1" applyBorder="1" applyAlignment="1">
      <alignment horizontal="left" vertical="center" wrapText="1" shrinkToFit="1"/>
    </xf>
    <xf numFmtId="0" fontId="18" fillId="4" borderId="92" xfId="2" applyFont="1" applyFill="1" applyBorder="1" applyAlignment="1">
      <alignment horizontal="left" vertical="center" wrapText="1" shrinkToFit="1"/>
    </xf>
    <xf numFmtId="0" fontId="11" fillId="4" borderId="61" xfId="2" applyFont="1" applyFill="1" applyBorder="1" applyAlignment="1">
      <alignment horizontal="left" vertical="center" wrapText="1" shrinkToFit="1"/>
    </xf>
    <xf numFmtId="0" fontId="11" fillId="4" borderId="63" xfId="2" applyFont="1" applyFill="1" applyBorder="1" applyAlignment="1">
      <alignment horizontal="left" vertical="center" wrapText="1" shrinkToFit="1"/>
    </xf>
    <xf numFmtId="0" fontId="13" fillId="2" borderId="12" xfId="2" applyFont="1" applyFill="1" applyBorder="1" applyAlignment="1">
      <alignment horizontal="left" vertical="center" shrinkToFit="1"/>
    </xf>
    <xf numFmtId="0" fontId="18" fillId="2" borderId="13" xfId="2" applyFont="1" applyFill="1" applyBorder="1" applyAlignment="1">
      <alignment horizontal="left" vertical="center" shrinkToFit="1"/>
    </xf>
    <xf numFmtId="0" fontId="18" fillId="2" borderId="14" xfId="2" applyFont="1" applyFill="1" applyBorder="1" applyAlignment="1">
      <alignment horizontal="left" vertical="center" shrinkToFit="1"/>
    </xf>
    <xf numFmtId="0" fontId="11" fillId="2" borderId="15" xfId="2" applyFont="1" applyFill="1" applyBorder="1" applyAlignment="1">
      <alignment vertical="center" shrinkToFit="1"/>
    </xf>
    <xf numFmtId="0" fontId="23" fillId="4" borderId="6" xfId="2" applyFont="1" applyFill="1" applyBorder="1" applyAlignment="1">
      <alignment vertical="center"/>
    </xf>
    <xf numFmtId="0" fontId="23" fillId="4" borderId="7" xfId="2" applyFont="1" applyFill="1" applyBorder="1" applyAlignment="1">
      <alignment vertical="center"/>
    </xf>
    <xf numFmtId="0" fontId="23" fillId="4" borderId="60" xfId="2" applyFont="1" applyFill="1" applyBorder="1" applyAlignment="1">
      <alignment vertical="center"/>
    </xf>
    <xf numFmtId="0" fontId="11" fillId="4" borderId="96" xfId="2" quotePrefix="1" applyFont="1" applyFill="1" applyBorder="1" applyAlignment="1">
      <alignment horizontal="center" vertical="center" wrapText="1" shrinkToFit="1"/>
    </xf>
    <xf numFmtId="0" fontId="11" fillId="4" borderId="97" xfId="2" quotePrefix="1" applyFont="1" applyFill="1" applyBorder="1" applyAlignment="1">
      <alignment horizontal="center" vertical="center" wrapText="1" shrinkToFit="1"/>
    </xf>
    <xf numFmtId="0" fontId="11" fillId="4" borderId="98" xfId="2" quotePrefix="1" applyFont="1" applyFill="1" applyBorder="1" applyAlignment="1">
      <alignment horizontal="center" vertical="center" wrapText="1" shrinkToFit="1"/>
    </xf>
    <xf numFmtId="0" fontId="11" fillId="4" borderId="99" xfId="2" quotePrefix="1" applyFont="1" applyFill="1" applyBorder="1" applyAlignment="1">
      <alignment horizontal="center" vertical="center" wrapText="1" shrinkToFit="1"/>
    </xf>
    <xf numFmtId="0" fontId="23" fillId="5" borderId="20" xfId="2" applyFont="1" applyFill="1" applyBorder="1" applyAlignment="1">
      <alignment horizontal="left" vertical="center" wrapText="1" shrinkToFit="1"/>
    </xf>
    <xf numFmtId="0" fontId="23" fillId="5" borderId="21" xfId="2" applyFont="1" applyFill="1" applyBorder="1" applyAlignment="1">
      <alignment horizontal="left" vertical="center" wrapText="1" shrinkToFit="1"/>
    </xf>
    <xf numFmtId="0" fontId="11" fillId="5" borderId="21" xfId="2" applyFont="1" applyFill="1" applyBorder="1" applyAlignment="1">
      <alignment horizontal="left" vertical="center" wrapText="1" shrinkToFit="1"/>
    </xf>
    <xf numFmtId="0" fontId="23" fillId="5" borderId="22" xfId="2" applyFont="1" applyFill="1" applyBorder="1" applyAlignment="1">
      <alignment horizontal="left" vertical="center" wrapText="1" shrinkToFit="1"/>
    </xf>
    <xf numFmtId="0" fontId="18" fillId="0" borderId="0" xfId="2" applyFont="1" applyAlignment="1">
      <alignment horizontal="left" vertical="top" wrapText="1"/>
    </xf>
    <xf numFmtId="0" fontId="11" fillId="2" borderId="66" xfId="2" applyFont="1" applyFill="1" applyBorder="1" applyAlignment="1">
      <alignment vertical="center" wrapText="1" shrinkToFit="1"/>
    </xf>
    <xf numFmtId="0" fontId="13" fillId="4" borderId="23" xfId="2" applyFont="1" applyFill="1" applyBorder="1" applyAlignment="1">
      <alignment horizontal="left" vertical="center" wrapText="1" shrinkToFit="1"/>
    </xf>
    <xf numFmtId="0" fontId="18" fillId="4" borderId="25" xfId="2" applyFont="1" applyFill="1" applyBorder="1" applyAlignment="1">
      <alignment horizontal="left" vertical="center" wrapText="1" shrinkToFit="1"/>
    </xf>
    <xf numFmtId="0" fontId="18" fillId="4" borderId="71" xfId="2" applyFont="1" applyFill="1" applyBorder="1" applyAlignment="1">
      <alignment horizontal="left" vertical="center" wrapText="1" shrinkToFit="1"/>
    </xf>
    <xf numFmtId="0" fontId="23" fillId="4" borderId="51" xfId="2" applyFont="1" applyFill="1" applyBorder="1" applyAlignment="1">
      <alignment vertical="center" shrinkToFit="1"/>
    </xf>
    <xf numFmtId="0" fontId="23" fillId="4" borderId="13" xfId="2" applyFont="1" applyFill="1" applyBorder="1" applyAlignment="1">
      <alignment vertical="center" shrinkToFit="1"/>
    </xf>
    <xf numFmtId="0" fontId="23" fillId="4" borderId="80" xfId="2" applyFont="1" applyFill="1" applyBorder="1" applyAlignment="1">
      <alignment vertical="center" shrinkToFit="1"/>
    </xf>
    <xf numFmtId="0" fontId="23" fillId="4" borderId="37" xfId="2" applyFont="1" applyFill="1" applyBorder="1" applyAlignment="1">
      <alignment horizontal="left" vertical="center" wrapText="1" shrinkToFit="1"/>
    </xf>
    <xf numFmtId="0" fontId="23" fillId="4" borderId="7" xfId="2" applyFont="1" applyFill="1" applyBorder="1" applyAlignment="1">
      <alignment horizontal="left" vertical="center" wrapText="1" shrinkToFit="1"/>
    </xf>
    <xf numFmtId="0" fontId="11" fillId="4" borderId="7" xfId="2" applyFont="1" applyFill="1" applyBorder="1" applyAlignment="1">
      <alignment horizontal="left" vertical="center" wrapText="1" shrinkToFit="1"/>
    </xf>
    <xf numFmtId="0" fontId="23" fillId="4" borderId="8" xfId="2" applyFont="1" applyFill="1" applyBorder="1" applyAlignment="1">
      <alignment horizontal="left" vertical="center" wrapText="1" shrinkToFit="1"/>
    </xf>
  </cellXfs>
  <cellStyles count="3">
    <cellStyle name="標準" xfId="0" builtinId="0"/>
    <cellStyle name="標準 2" xfId="2"/>
    <cellStyle name="標準 8"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4.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externalLink" Target="externalLinks/externalLink3.xml"/><Relationship Id="rId12"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customXml" Target="../customXml/item3.xml"/><Relationship Id="rId1" Type="http://schemas.openxmlformats.org/officeDocument/2006/relationships/worksheet" Target="worksheets/sheet1.xml"/><Relationship Id="rId6" Type="http://schemas.openxmlformats.org/officeDocument/2006/relationships/externalLink" Target="externalLinks/externalLink2.xml"/><Relationship Id="rId11" Type="http://schemas.openxmlformats.org/officeDocument/2006/relationships/styles" Target="styles.xml"/><Relationship Id="rId5" Type="http://schemas.openxmlformats.org/officeDocument/2006/relationships/externalLink" Target="externalLinks/externalLink1.xml"/><Relationship Id="rId15" Type="http://schemas.openxmlformats.org/officeDocument/2006/relationships/customXml" Target="../customXml/item2.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externalLink" Target="externalLinks/externalLink5.xml"/><Relationship Id="rId14" Type="http://schemas.openxmlformats.org/officeDocument/2006/relationships/customXml" Target="../customXml/item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1" Type="http://schemas.openxmlformats.org/officeDocument/2006/relationships/image" Target="../media/image2.emf"/></Relationships>
</file>

<file path=xl/drawings/_rels/drawing3.xml.rels><?xml version="1.0" encoding="UTF-8" standalone="yes"?>
<Relationships xmlns="http://schemas.openxmlformats.org/package/2006/relationships"><Relationship Id="rId1" Type="http://schemas.openxmlformats.org/officeDocument/2006/relationships/image" Target="../media/image3.emf"/></Relationships>
</file>

<file path=xl/drawings/_rels/drawing4.xml.rels><?xml version="1.0" encoding="UTF-8" standalone="yes"?>
<Relationships xmlns="http://schemas.openxmlformats.org/package/2006/relationships"><Relationship Id="rId1" Type="http://schemas.openxmlformats.org/officeDocument/2006/relationships/image" Target="../media/image4.emf"/></Relationships>
</file>

<file path=xl/drawings/drawing1.xml><?xml version="1.0" encoding="utf-8"?>
<xdr:wsDr xmlns:xdr="http://schemas.openxmlformats.org/drawingml/2006/spreadsheetDrawing" xmlns:a="http://schemas.openxmlformats.org/drawingml/2006/main">
  <xdr:twoCellAnchor>
    <xdr:from>
      <xdr:col>0</xdr:col>
      <xdr:colOff>76200</xdr:colOff>
      <xdr:row>2</xdr:row>
      <xdr:rowOff>457200</xdr:rowOff>
    </xdr:from>
    <xdr:to>
      <xdr:col>15</xdr:col>
      <xdr:colOff>2698750</xdr:colOff>
      <xdr:row>4</xdr:row>
      <xdr:rowOff>4267200</xdr:rowOff>
    </xdr:to>
    <xdr:sp macro="" textlink="">
      <xdr:nvSpPr>
        <xdr:cNvPr id="2" name="四角形: 角を丸くする 1">
          <a:extLst>
            <a:ext uri="{FF2B5EF4-FFF2-40B4-BE49-F238E27FC236}">
              <a16:creationId xmlns:a16="http://schemas.microsoft.com/office/drawing/2014/main" id="{9FA0D718-D21B-44A4-9E7D-60DC6CBC6349}"/>
            </a:ext>
          </a:extLst>
        </xdr:cNvPr>
        <xdr:cNvSpPr/>
      </xdr:nvSpPr>
      <xdr:spPr>
        <a:xfrm>
          <a:off x="76200" y="7943850"/>
          <a:ext cx="31445200" cy="11468100"/>
        </a:xfrm>
        <a:prstGeom prst="round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indent="177800" algn="l">
            <a:lnSpc>
              <a:spcPct val="115000"/>
            </a:lnSpc>
            <a:spcAft>
              <a:spcPts val="0"/>
            </a:spcAft>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提出後の流れ　～改善に向けて～　】</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342900" lvl="0" indent="-342900" algn="just">
            <a:lnSpc>
              <a:spcPct val="115000"/>
            </a:lnSpc>
            <a:spcAft>
              <a:spcPts val="0"/>
            </a:spcAft>
            <a:buFont typeface="+mj-ea"/>
            <a:buAutoNum type="circleNumDbPlain"/>
          </a:pP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防疫員は、立入検査等により飼養衛生管理の状況を再確認し、</a:t>
          </a:r>
          <a:r>
            <a:rPr lang="ja-JP" altLang="en-US" sz="4000" kern="100">
              <a:solidFill>
                <a:sysClr val="windowText" lastClr="000000"/>
              </a:solidFill>
              <a:effectLst/>
              <a:latin typeface="ＭＳ 明朝" panose="02020609040205080304" pitchFamily="17" charset="-128"/>
              <a:ea typeface="ＭＳ 明朝" panose="02020609040205080304" pitchFamily="17" charset="-128"/>
              <a:cs typeface="Times New Roman" panose="02020603050405020304" pitchFamily="18" charset="0"/>
            </a:rPr>
            <a:t>家畜防疫員チェックボックスに「〇」、「</a:t>
          </a:r>
          <a:r>
            <a:rPr lang="en-US" altLang="ja-JP" sz="4000" kern="100">
              <a:solidFill>
                <a:sysClr val="windowText" lastClr="000000"/>
              </a:solidFill>
              <a:effectLst/>
              <a:latin typeface="ＭＳ 明朝" panose="02020609040205080304" pitchFamily="17" charset="-128"/>
              <a:ea typeface="ＭＳ 明朝" panose="02020609040205080304" pitchFamily="17" charset="-128"/>
              <a:cs typeface="Times New Roman" panose="02020603050405020304" pitchFamily="18" charset="0"/>
            </a:rPr>
            <a:t>×</a:t>
          </a:r>
          <a:r>
            <a:rPr lang="ja-JP" altLang="en-US" sz="4000" kern="100">
              <a:solidFill>
                <a:sysClr val="windowText" lastClr="000000"/>
              </a:solidFill>
              <a:effectLst/>
              <a:latin typeface="ＭＳ 明朝" panose="02020609040205080304" pitchFamily="17" charset="-128"/>
              <a:ea typeface="ＭＳ 明朝" panose="02020609040205080304" pitchFamily="17" charset="-128"/>
              <a:cs typeface="Times New Roman" panose="02020603050405020304" pitchFamily="18" charset="0"/>
            </a:rPr>
            <a:t>」又は「－」（非該当）を記入する。</a:t>
          </a:r>
        </a:p>
        <a:p>
          <a:pPr marL="342900" lvl="0" indent="-342900" algn="just">
            <a:lnSpc>
              <a:spcPct val="115000"/>
            </a:lnSpc>
            <a:spcAft>
              <a:spcPts val="0"/>
            </a:spcAft>
            <a:buFont typeface="+mj-ea"/>
            <a:buAutoNum type="circleNumDbPlain"/>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改善が必要な項目については</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防疫員</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記入欄に改善指導の内容を記入し、</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の所有者</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に提供する。</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342900" lvl="0" indent="-342900" algn="just">
            <a:lnSpc>
              <a:spcPct val="115000"/>
            </a:lnSpc>
            <a:spcAft>
              <a:spcPts val="0"/>
            </a:spcAft>
            <a:buFont typeface="+mj-ea"/>
            <a:buAutoNum type="circleNumDbPlain"/>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改善指導があった場合、</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の所有者</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は指導内容を飼養衛生管理マニュアルに反映させ、実行する。</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twoCellAnchor>
    <xdr:from>
      <xdr:col>3</xdr:col>
      <xdr:colOff>419100</xdr:colOff>
      <xdr:row>3</xdr:row>
      <xdr:rowOff>2057400</xdr:rowOff>
    </xdr:from>
    <xdr:to>
      <xdr:col>15</xdr:col>
      <xdr:colOff>254000</xdr:colOff>
      <xdr:row>4</xdr:row>
      <xdr:rowOff>4119562</xdr:rowOff>
    </xdr:to>
    <xdr:grpSp>
      <xdr:nvGrpSpPr>
        <xdr:cNvPr id="3" name="グループ化 2">
          <a:extLst>
            <a:ext uri="{FF2B5EF4-FFF2-40B4-BE49-F238E27FC236}">
              <a16:creationId xmlns:a16="http://schemas.microsoft.com/office/drawing/2014/main" id="{11A11280-8A5D-43C1-8681-736EDFE7D675}"/>
            </a:ext>
          </a:extLst>
        </xdr:cNvPr>
        <xdr:cNvGrpSpPr/>
      </xdr:nvGrpSpPr>
      <xdr:grpSpPr>
        <a:xfrm>
          <a:off x="1668780" y="13395960"/>
          <a:ext cx="24554180" cy="5902642"/>
          <a:chOff x="-57531" y="0"/>
          <a:chExt cx="5836260" cy="1973822"/>
        </a:xfrm>
      </xdr:grpSpPr>
      <xdr:sp macro="" textlink="">
        <xdr:nvSpPr>
          <xdr:cNvPr id="4" name="テキスト ボックス 24">
            <a:extLst>
              <a:ext uri="{FF2B5EF4-FFF2-40B4-BE49-F238E27FC236}">
                <a16:creationId xmlns:a16="http://schemas.microsoft.com/office/drawing/2014/main" id="{D964DBE2-F35B-453A-A5BC-AEF740917B33}"/>
              </a:ext>
            </a:extLst>
          </xdr:cNvPr>
          <xdr:cNvSpPr txBox="1"/>
        </xdr:nvSpPr>
        <xdr:spPr>
          <a:xfrm>
            <a:off x="2003998" y="0"/>
            <a:ext cx="1375933"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自己</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点検</a:t>
            </a:r>
            <a:endParaRPr lang="en-US" alt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改善計画策定）</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5" name="テキスト ボックス 25">
            <a:extLst>
              <a:ext uri="{FF2B5EF4-FFF2-40B4-BE49-F238E27FC236}">
                <a16:creationId xmlns:a16="http://schemas.microsoft.com/office/drawing/2014/main" id="{C909A97A-ECF0-4744-9DA9-648218A6DAAC}"/>
              </a:ext>
            </a:extLst>
          </xdr:cNvPr>
          <xdr:cNvSpPr txBox="1"/>
        </xdr:nvSpPr>
        <xdr:spPr>
          <a:xfrm>
            <a:off x="4065528" y="733425"/>
            <a:ext cx="1713201"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家畜防疫員</a:t>
            </a: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が確認・指導</a:t>
            </a:r>
          </a:p>
        </xdr:txBody>
      </xdr:sp>
      <xdr:sp macro="" textlink="">
        <xdr:nvSpPr>
          <xdr:cNvPr id="6" name="テキスト ボックス 43">
            <a:extLst>
              <a:ext uri="{FF2B5EF4-FFF2-40B4-BE49-F238E27FC236}">
                <a16:creationId xmlns:a16="http://schemas.microsoft.com/office/drawing/2014/main" id="{92334893-2970-4BD7-976D-AF4EB5EB67B6}"/>
              </a:ext>
            </a:extLst>
          </xdr:cNvPr>
          <xdr:cNvSpPr txBox="1"/>
        </xdr:nvSpPr>
        <xdr:spPr>
          <a:xfrm>
            <a:off x="-57531" y="803371"/>
            <a:ext cx="1295400"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実</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　　　</a:t>
            </a: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行</a:t>
            </a:r>
          </a:p>
        </xdr:txBody>
      </xdr:sp>
      <xdr:sp macro="" textlink="">
        <xdr:nvSpPr>
          <xdr:cNvPr id="7" name="テキスト ボックス 44">
            <a:extLst>
              <a:ext uri="{FF2B5EF4-FFF2-40B4-BE49-F238E27FC236}">
                <a16:creationId xmlns:a16="http://schemas.microsoft.com/office/drawing/2014/main" id="{833346D5-9DDD-4EFC-91E6-D3A4CF7744EC}"/>
              </a:ext>
            </a:extLst>
          </xdr:cNvPr>
          <xdr:cNvSpPr txBox="1"/>
        </xdr:nvSpPr>
        <xdr:spPr>
          <a:xfrm>
            <a:off x="1927684" y="1455662"/>
            <a:ext cx="1626569"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指導内容を</a:t>
            </a:r>
            <a:endParaRPr lang="en-US" alt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マニュアル</a:t>
            </a:r>
            <a:r>
              <a:rPr lang="ja-JP" altLang="en-US" sz="4000" kern="100">
                <a:solidFill>
                  <a:sysClr val="windowText" lastClr="000000"/>
                </a:solidFill>
                <a:effectLst/>
                <a:latin typeface="ＭＳ 明朝" panose="02020609040205080304" pitchFamily="17" charset="-128"/>
                <a:ea typeface="ＭＳ 明朝" panose="02020609040205080304" pitchFamily="17" charset="-128"/>
                <a:cs typeface="Times New Roman" panose="02020603050405020304" pitchFamily="18" charset="0"/>
              </a:rPr>
              <a:t>等</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に反映</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8" name="矢印: 右 7">
            <a:extLst>
              <a:ext uri="{FF2B5EF4-FFF2-40B4-BE49-F238E27FC236}">
                <a16:creationId xmlns:a16="http://schemas.microsoft.com/office/drawing/2014/main" id="{484B4FCE-5A92-45B9-9721-256DCC2BC92B}"/>
              </a:ext>
            </a:extLst>
          </xdr:cNvPr>
          <xdr:cNvSpPr/>
        </xdr:nvSpPr>
        <xdr:spPr>
          <a:xfrm rot="2460018">
            <a:off x="3600450" y="419100"/>
            <a:ext cx="340995" cy="28638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9" name="矢印: 右 8">
            <a:extLst>
              <a:ext uri="{FF2B5EF4-FFF2-40B4-BE49-F238E27FC236}">
                <a16:creationId xmlns:a16="http://schemas.microsoft.com/office/drawing/2014/main" id="{EFC74590-EE25-464C-B452-08821CAE6E0B}"/>
              </a:ext>
            </a:extLst>
          </xdr:cNvPr>
          <xdr:cNvSpPr/>
        </xdr:nvSpPr>
        <xdr:spPr>
          <a:xfrm rot="13260000">
            <a:off x="1447228" y="1206549"/>
            <a:ext cx="34020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10" name="矢印: 右 9">
            <a:extLst>
              <a:ext uri="{FF2B5EF4-FFF2-40B4-BE49-F238E27FC236}">
                <a16:creationId xmlns:a16="http://schemas.microsoft.com/office/drawing/2014/main" id="{8F0AC7A5-5A96-4764-A0E1-D8A5FB025F79}"/>
              </a:ext>
            </a:extLst>
          </xdr:cNvPr>
          <xdr:cNvSpPr/>
        </xdr:nvSpPr>
        <xdr:spPr>
          <a:xfrm rot="7860000">
            <a:off x="3542665" y="1200150"/>
            <a:ext cx="34092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11" name="矢印: 右 10">
            <a:extLst>
              <a:ext uri="{FF2B5EF4-FFF2-40B4-BE49-F238E27FC236}">
                <a16:creationId xmlns:a16="http://schemas.microsoft.com/office/drawing/2014/main" id="{FA110E02-8319-4325-9210-98593FD7E680}"/>
              </a:ext>
            </a:extLst>
          </xdr:cNvPr>
          <xdr:cNvSpPr/>
        </xdr:nvSpPr>
        <xdr:spPr>
          <a:xfrm rot="18660000">
            <a:off x="1523047" y="465773"/>
            <a:ext cx="34092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grpSp>
    <xdr:clientData/>
  </xdr:twoCellAnchor>
  <xdr:twoCellAnchor editAs="oneCell">
    <xdr:from>
      <xdr:col>1</xdr:col>
      <xdr:colOff>495299</xdr:colOff>
      <xdr:row>11</xdr:row>
      <xdr:rowOff>152401</xdr:rowOff>
    </xdr:from>
    <xdr:to>
      <xdr:col>12</xdr:col>
      <xdr:colOff>4145174</xdr:colOff>
      <xdr:row>14</xdr:row>
      <xdr:rowOff>3548303</xdr:rowOff>
    </xdr:to>
    <xdr:pic>
      <xdr:nvPicPr>
        <xdr:cNvPr id="12" name="図 13">
          <a:extLst>
            <a:ext uri="{FF2B5EF4-FFF2-40B4-BE49-F238E27FC236}">
              <a16:creationId xmlns:a16="http://schemas.microsoft.com/office/drawing/2014/main" id="{96CBDE7D-DA75-4C43-9D80-F290109D66BE}"/>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733424" y="25908001"/>
          <a:ext cx="19880475" cy="1274945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xml><?xml version="1.0" encoding="utf-8"?>
<xdr:wsDr xmlns:xdr="http://schemas.openxmlformats.org/drawingml/2006/spreadsheetDrawing" xmlns:a="http://schemas.openxmlformats.org/drawingml/2006/main">
  <xdr:twoCellAnchor>
    <xdr:from>
      <xdr:col>0</xdr:col>
      <xdr:colOff>190500</xdr:colOff>
      <xdr:row>2</xdr:row>
      <xdr:rowOff>0</xdr:rowOff>
    </xdr:from>
    <xdr:to>
      <xdr:col>14</xdr:col>
      <xdr:colOff>2049780</xdr:colOff>
      <xdr:row>4</xdr:row>
      <xdr:rowOff>3924300</xdr:rowOff>
    </xdr:to>
    <xdr:sp macro="" textlink="">
      <xdr:nvSpPr>
        <xdr:cNvPr id="2" name="四角形: 角を丸くする 1">
          <a:extLst>
            <a:ext uri="{FF2B5EF4-FFF2-40B4-BE49-F238E27FC236}">
              <a16:creationId xmlns:a16="http://schemas.microsoft.com/office/drawing/2014/main" id="{2124998F-099D-4923-9125-E377414B140E}"/>
            </a:ext>
          </a:extLst>
        </xdr:cNvPr>
        <xdr:cNvSpPr/>
      </xdr:nvSpPr>
      <xdr:spPr>
        <a:xfrm>
          <a:off x="190500" y="7486650"/>
          <a:ext cx="28014930" cy="11582400"/>
        </a:xfrm>
        <a:prstGeom prst="round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indent="177800" algn="l">
            <a:lnSpc>
              <a:spcPct val="115000"/>
            </a:lnSpc>
            <a:spcAft>
              <a:spcPts val="0"/>
            </a:spcAft>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提出後の流れ　～改善に向けて～　】</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342900" lvl="0" indent="-342900" algn="just">
            <a:lnSpc>
              <a:spcPct val="115000"/>
            </a:lnSpc>
            <a:spcAft>
              <a:spcPts val="0"/>
            </a:spcAft>
            <a:buFont typeface="+mj-ea"/>
            <a:buAutoNum type="circleNumDbPlain"/>
          </a:pP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防疫員は、立入検査等により飼養衛生管理の状況を再確認し、家畜防疫員チェックボックスに「〇」、「</a:t>
          </a:r>
          <a:r>
            <a:rPr lang="en-US" alt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又は「－」（非該当）を記入する。</a:t>
          </a:r>
        </a:p>
        <a:p>
          <a:pPr marL="342900" lvl="0" indent="-342900" algn="just">
            <a:lnSpc>
              <a:spcPct val="115000"/>
            </a:lnSpc>
            <a:spcAft>
              <a:spcPts val="0"/>
            </a:spcAft>
            <a:buFont typeface="+mj-ea"/>
            <a:buAutoNum type="circleNumDbPlain"/>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改善が必要な項目については</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防疫員</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記入欄に改善指導の内容を記入し、</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の所有者</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に提供する。</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342900" lvl="0" indent="-342900" algn="just">
            <a:lnSpc>
              <a:spcPct val="115000"/>
            </a:lnSpc>
            <a:spcAft>
              <a:spcPts val="0"/>
            </a:spcAft>
            <a:buFont typeface="+mj-ea"/>
            <a:buAutoNum type="circleNumDbPlain"/>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改善指導があった場合、</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の所有者</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は指導内容を飼養衛生管理マニュアルに反映させ、実行する。</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twoCellAnchor>
    <xdr:from>
      <xdr:col>3</xdr:col>
      <xdr:colOff>152400</xdr:colOff>
      <xdr:row>3</xdr:row>
      <xdr:rowOff>1524000</xdr:rowOff>
    </xdr:from>
    <xdr:to>
      <xdr:col>13</xdr:col>
      <xdr:colOff>3276599</xdr:colOff>
      <xdr:row>4</xdr:row>
      <xdr:rowOff>3586162</xdr:rowOff>
    </xdr:to>
    <xdr:grpSp>
      <xdr:nvGrpSpPr>
        <xdr:cNvPr id="3" name="グループ化 2">
          <a:extLst>
            <a:ext uri="{FF2B5EF4-FFF2-40B4-BE49-F238E27FC236}">
              <a16:creationId xmlns:a16="http://schemas.microsoft.com/office/drawing/2014/main" id="{C31A3B49-8703-40D9-996B-CDF1C064564A}"/>
            </a:ext>
          </a:extLst>
        </xdr:cNvPr>
        <xdr:cNvGrpSpPr/>
      </xdr:nvGrpSpPr>
      <xdr:grpSpPr>
        <a:xfrm>
          <a:off x="1524000" y="12877800"/>
          <a:ext cx="23660099" cy="5910262"/>
          <a:chOff x="-57531" y="0"/>
          <a:chExt cx="6002406" cy="1973822"/>
        </a:xfrm>
      </xdr:grpSpPr>
      <xdr:sp macro="" textlink="">
        <xdr:nvSpPr>
          <xdr:cNvPr id="4" name="テキスト ボックス 24">
            <a:extLst>
              <a:ext uri="{FF2B5EF4-FFF2-40B4-BE49-F238E27FC236}">
                <a16:creationId xmlns:a16="http://schemas.microsoft.com/office/drawing/2014/main" id="{44E1C89C-1EE5-4DC1-84BE-7BFF1A42D95E}"/>
              </a:ext>
            </a:extLst>
          </xdr:cNvPr>
          <xdr:cNvSpPr txBox="1"/>
        </xdr:nvSpPr>
        <xdr:spPr>
          <a:xfrm>
            <a:off x="2003998" y="0"/>
            <a:ext cx="1375933"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自己</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点検</a:t>
            </a:r>
            <a:endParaRPr lang="en-US" alt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改善計画策定）</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5" name="テキスト ボックス 25">
            <a:extLst>
              <a:ext uri="{FF2B5EF4-FFF2-40B4-BE49-F238E27FC236}">
                <a16:creationId xmlns:a16="http://schemas.microsoft.com/office/drawing/2014/main" id="{3F15DC64-4A48-4057-B886-1E8D0F2BA226}"/>
              </a:ext>
            </a:extLst>
          </xdr:cNvPr>
          <xdr:cNvSpPr txBox="1"/>
        </xdr:nvSpPr>
        <xdr:spPr>
          <a:xfrm>
            <a:off x="4065528" y="733425"/>
            <a:ext cx="1879347"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家畜防疫員</a:t>
            </a: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が確認・指導</a:t>
            </a:r>
          </a:p>
        </xdr:txBody>
      </xdr:sp>
      <xdr:sp macro="" textlink="">
        <xdr:nvSpPr>
          <xdr:cNvPr id="6" name="テキスト ボックス 43">
            <a:extLst>
              <a:ext uri="{FF2B5EF4-FFF2-40B4-BE49-F238E27FC236}">
                <a16:creationId xmlns:a16="http://schemas.microsoft.com/office/drawing/2014/main" id="{AC867301-A791-4808-AD35-BCF10EDBFDF3}"/>
              </a:ext>
            </a:extLst>
          </xdr:cNvPr>
          <xdr:cNvSpPr txBox="1"/>
        </xdr:nvSpPr>
        <xdr:spPr>
          <a:xfrm>
            <a:off x="-57531" y="803371"/>
            <a:ext cx="1295400"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実</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　　　</a:t>
            </a: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行</a:t>
            </a:r>
          </a:p>
        </xdr:txBody>
      </xdr:sp>
      <xdr:sp macro="" textlink="">
        <xdr:nvSpPr>
          <xdr:cNvPr id="7" name="テキスト ボックス 44">
            <a:extLst>
              <a:ext uri="{FF2B5EF4-FFF2-40B4-BE49-F238E27FC236}">
                <a16:creationId xmlns:a16="http://schemas.microsoft.com/office/drawing/2014/main" id="{2DAE1F42-9DC1-42F9-9161-4555D9C75796}"/>
              </a:ext>
            </a:extLst>
          </xdr:cNvPr>
          <xdr:cNvSpPr txBox="1"/>
        </xdr:nvSpPr>
        <xdr:spPr>
          <a:xfrm>
            <a:off x="1927684" y="1455662"/>
            <a:ext cx="1626569"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指導内容を</a:t>
            </a:r>
            <a:endParaRPr lang="en-US" alt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マニュアル</a:t>
            </a:r>
            <a:r>
              <a:rPr lang="ja-JP" altLang="en-US" sz="4000" kern="100">
                <a:solidFill>
                  <a:sysClr val="windowText" lastClr="000000"/>
                </a:solidFill>
                <a:effectLst/>
                <a:latin typeface="ＭＳ 明朝" panose="02020609040205080304" pitchFamily="17" charset="-128"/>
                <a:ea typeface="ＭＳ 明朝" panose="02020609040205080304" pitchFamily="17" charset="-128"/>
                <a:cs typeface="Times New Roman" panose="02020603050405020304" pitchFamily="18" charset="0"/>
              </a:rPr>
              <a:t>等</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に反映</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8" name="矢印: 右 7">
            <a:extLst>
              <a:ext uri="{FF2B5EF4-FFF2-40B4-BE49-F238E27FC236}">
                <a16:creationId xmlns:a16="http://schemas.microsoft.com/office/drawing/2014/main" id="{12E71133-6F58-4000-A81C-1D14F1FEBFA5}"/>
              </a:ext>
            </a:extLst>
          </xdr:cNvPr>
          <xdr:cNvSpPr/>
        </xdr:nvSpPr>
        <xdr:spPr>
          <a:xfrm rot="2460018">
            <a:off x="3600450" y="419100"/>
            <a:ext cx="340995" cy="28638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9" name="矢印: 右 8">
            <a:extLst>
              <a:ext uri="{FF2B5EF4-FFF2-40B4-BE49-F238E27FC236}">
                <a16:creationId xmlns:a16="http://schemas.microsoft.com/office/drawing/2014/main" id="{7617441B-8568-4638-8AF1-748CA544ABD9}"/>
              </a:ext>
            </a:extLst>
          </xdr:cNvPr>
          <xdr:cNvSpPr/>
        </xdr:nvSpPr>
        <xdr:spPr>
          <a:xfrm rot="13260000">
            <a:off x="1447228" y="1206549"/>
            <a:ext cx="34020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10" name="矢印: 右 9">
            <a:extLst>
              <a:ext uri="{FF2B5EF4-FFF2-40B4-BE49-F238E27FC236}">
                <a16:creationId xmlns:a16="http://schemas.microsoft.com/office/drawing/2014/main" id="{A405E5FB-54F7-48DC-B342-EF7CFD7C94EA}"/>
              </a:ext>
            </a:extLst>
          </xdr:cNvPr>
          <xdr:cNvSpPr/>
        </xdr:nvSpPr>
        <xdr:spPr>
          <a:xfrm rot="7860000">
            <a:off x="3542665" y="1200150"/>
            <a:ext cx="34092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11" name="矢印: 右 10">
            <a:extLst>
              <a:ext uri="{FF2B5EF4-FFF2-40B4-BE49-F238E27FC236}">
                <a16:creationId xmlns:a16="http://schemas.microsoft.com/office/drawing/2014/main" id="{88263898-0B84-4159-ACA5-706F298E0A2B}"/>
              </a:ext>
            </a:extLst>
          </xdr:cNvPr>
          <xdr:cNvSpPr/>
        </xdr:nvSpPr>
        <xdr:spPr>
          <a:xfrm rot="18660000">
            <a:off x="1523047" y="465773"/>
            <a:ext cx="34092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grpSp>
    <xdr:clientData/>
  </xdr:twoCellAnchor>
  <xdr:twoCellAnchor editAs="oneCell">
    <xdr:from>
      <xdr:col>2</xdr:col>
      <xdr:colOff>1</xdr:colOff>
      <xdr:row>11</xdr:row>
      <xdr:rowOff>152400</xdr:rowOff>
    </xdr:from>
    <xdr:to>
      <xdr:col>13</xdr:col>
      <xdr:colOff>2400300</xdr:colOff>
      <xdr:row>14</xdr:row>
      <xdr:rowOff>3563378</xdr:rowOff>
    </xdr:to>
    <xdr:pic>
      <xdr:nvPicPr>
        <xdr:cNvPr id="12" name="図 11">
          <a:extLst>
            <a:ext uri="{FF2B5EF4-FFF2-40B4-BE49-F238E27FC236}">
              <a16:creationId xmlns:a16="http://schemas.microsoft.com/office/drawing/2014/main" id="{D382A322-1B63-48F5-8EDE-75AE8061C87E}"/>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809626" y="25908000"/>
          <a:ext cx="23488649" cy="1276452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3.xml><?xml version="1.0" encoding="utf-8"?>
<xdr:wsDr xmlns:xdr="http://schemas.openxmlformats.org/drawingml/2006/spreadsheetDrawing" xmlns:a="http://schemas.openxmlformats.org/drawingml/2006/main">
  <xdr:twoCellAnchor>
    <xdr:from>
      <xdr:col>1</xdr:col>
      <xdr:colOff>0</xdr:colOff>
      <xdr:row>2</xdr:row>
      <xdr:rowOff>0</xdr:rowOff>
    </xdr:from>
    <xdr:to>
      <xdr:col>14</xdr:col>
      <xdr:colOff>2255520</xdr:colOff>
      <xdr:row>4</xdr:row>
      <xdr:rowOff>3863340</xdr:rowOff>
    </xdr:to>
    <xdr:sp macro="" textlink="">
      <xdr:nvSpPr>
        <xdr:cNvPr id="2" name="四角形: 角を丸くする 1">
          <a:extLst>
            <a:ext uri="{FF2B5EF4-FFF2-40B4-BE49-F238E27FC236}">
              <a16:creationId xmlns:a16="http://schemas.microsoft.com/office/drawing/2014/main" id="{62675360-F460-4C5A-B74F-056A05C73DA6}"/>
            </a:ext>
          </a:extLst>
        </xdr:cNvPr>
        <xdr:cNvSpPr/>
      </xdr:nvSpPr>
      <xdr:spPr>
        <a:xfrm>
          <a:off x="238125" y="7486650"/>
          <a:ext cx="28173045" cy="11521440"/>
        </a:xfrm>
        <a:prstGeom prst="round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indent="177800" algn="l">
            <a:lnSpc>
              <a:spcPct val="115000"/>
            </a:lnSpc>
            <a:spcAft>
              <a:spcPts val="0"/>
            </a:spcAft>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提出後の流れ　～改善に向けて～　】</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342900" lvl="0" indent="-342900" algn="just">
            <a:lnSpc>
              <a:spcPct val="115000"/>
            </a:lnSpc>
            <a:spcAft>
              <a:spcPts val="0"/>
            </a:spcAft>
            <a:buFont typeface="+mj-ea"/>
            <a:buAutoNum type="circleNumDbPlain"/>
          </a:pP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防疫員は、立入検査等により飼養衛生管理の状況を再確認し、家畜防疫員チェックボックスに「〇」、「</a:t>
          </a:r>
          <a:r>
            <a:rPr lang="en-US" alt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又は「－」（非該当）を記入する。</a:t>
          </a:r>
        </a:p>
        <a:p>
          <a:pPr marL="342900" lvl="0" indent="-342900" algn="just">
            <a:lnSpc>
              <a:spcPct val="115000"/>
            </a:lnSpc>
            <a:spcAft>
              <a:spcPts val="0"/>
            </a:spcAft>
            <a:buFont typeface="+mj-ea"/>
            <a:buAutoNum type="circleNumDbPlain"/>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改善が必要な項目については</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防疫員</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記入欄に改善指導の内容を記入し、</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の所有者</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に提供する。</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342900" lvl="0" indent="-342900" algn="just">
            <a:lnSpc>
              <a:spcPct val="115000"/>
            </a:lnSpc>
            <a:spcAft>
              <a:spcPts val="0"/>
            </a:spcAft>
            <a:buFont typeface="+mj-ea"/>
            <a:buAutoNum type="circleNumDbPlain"/>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改善指導があった場合、</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の所有者</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は指導内容を飼養衛生管理マニュアルに反映させ、実行する。</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twoCellAnchor>
    <xdr:from>
      <xdr:col>4</xdr:col>
      <xdr:colOff>7620</xdr:colOff>
      <xdr:row>3</xdr:row>
      <xdr:rowOff>1684020</xdr:rowOff>
    </xdr:from>
    <xdr:to>
      <xdr:col>14</xdr:col>
      <xdr:colOff>426719</xdr:colOff>
      <xdr:row>4</xdr:row>
      <xdr:rowOff>3715702</xdr:rowOff>
    </xdr:to>
    <xdr:grpSp>
      <xdr:nvGrpSpPr>
        <xdr:cNvPr id="3" name="グループ化 2">
          <a:extLst>
            <a:ext uri="{FF2B5EF4-FFF2-40B4-BE49-F238E27FC236}">
              <a16:creationId xmlns:a16="http://schemas.microsoft.com/office/drawing/2014/main" id="{7D7FB874-83BA-4A8C-A4B4-416C719447B4}"/>
            </a:ext>
          </a:extLst>
        </xdr:cNvPr>
        <xdr:cNvGrpSpPr/>
      </xdr:nvGrpSpPr>
      <xdr:grpSpPr>
        <a:xfrm>
          <a:off x="1950720" y="13037820"/>
          <a:ext cx="24650699" cy="5879782"/>
          <a:chOff x="-57531" y="0"/>
          <a:chExt cx="6002406" cy="1973822"/>
        </a:xfrm>
      </xdr:grpSpPr>
      <xdr:sp macro="" textlink="">
        <xdr:nvSpPr>
          <xdr:cNvPr id="4" name="テキスト ボックス 24">
            <a:extLst>
              <a:ext uri="{FF2B5EF4-FFF2-40B4-BE49-F238E27FC236}">
                <a16:creationId xmlns:a16="http://schemas.microsoft.com/office/drawing/2014/main" id="{5F720FC7-A104-42D6-B316-4207A8C2227F}"/>
              </a:ext>
            </a:extLst>
          </xdr:cNvPr>
          <xdr:cNvSpPr txBox="1"/>
        </xdr:nvSpPr>
        <xdr:spPr>
          <a:xfrm>
            <a:off x="2003998" y="0"/>
            <a:ext cx="1375933"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自己</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点検</a:t>
            </a:r>
            <a:endParaRPr lang="en-US" alt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改善計画策定）</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5" name="テキスト ボックス 25">
            <a:extLst>
              <a:ext uri="{FF2B5EF4-FFF2-40B4-BE49-F238E27FC236}">
                <a16:creationId xmlns:a16="http://schemas.microsoft.com/office/drawing/2014/main" id="{429C2F8E-654F-47F1-89AD-AD8CD23DFDF5}"/>
              </a:ext>
            </a:extLst>
          </xdr:cNvPr>
          <xdr:cNvSpPr txBox="1"/>
        </xdr:nvSpPr>
        <xdr:spPr>
          <a:xfrm>
            <a:off x="4065528" y="733425"/>
            <a:ext cx="1879347"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家畜防疫員</a:t>
            </a: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が確認・指導</a:t>
            </a:r>
          </a:p>
        </xdr:txBody>
      </xdr:sp>
      <xdr:sp macro="" textlink="">
        <xdr:nvSpPr>
          <xdr:cNvPr id="6" name="テキスト ボックス 43">
            <a:extLst>
              <a:ext uri="{FF2B5EF4-FFF2-40B4-BE49-F238E27FC236}">
                <a16:creationId xmlns:a16="http://schemas.microsoft.com/office/drawing/2014/main" id="{6060805F-F370-45C8-9D61-8A1E44190A15}"/>
              </a:ext>
            </a:extLst>
          </xdr:cNvPr>
          <xdr:cNvSpPr txBox="1"/>
        </xdr:nvSpPr>
        <xdr:spPr>
          <a:xfrm>
            <a:off x="-57531" y="803371"/>
            <a:ext cx="1295400"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実</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　　　</a:t>
            </a: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行</a:t>
            </a:r>
          </a:p>
        </xdr:txBody>
      </xdr:sp>
      <xdr:sp macro="" textlink="">
        <xdr:nvSpPr>
          <xdr:cNvPr id="7" name="テキスト ボックス 44">
            <a:extLst>
              <a:ext uri="{FF2B5EF4-FFF2-40B4-BE49-F238E27FC236}">
                <a16:creationId xmlns:a16="http://schemas.microsoft.com/office/drawing/2014/main" id="{06A3F4EC-ED50-4ABC-9EBB-E2CCD6438E93}"/>
              </a:ext>
            </a:extLst>
          </xdr:cNvPr>
          <xdr:cNvSpPr txBox="1"/>
        </xdr:nvSpPr>
        <xdr:spPr>
          <a:xfrm>
            <a:off x="1927684" y="1455662"/>
            <a:ext cx="1626569"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指導内容を</a:t>
            </a:r>
            <a:endParaRPr lang="en-US" alt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マニュアル</a:t>
            </a:r>
            <a:r>
              <a:rPr lang="ja-JP" altLang="en-US" sz="4000" kern="100">
                <a:solidFill>
                  <a:sysClr val="windowText" lastClr="000000"/>
                </a:solidFill>
                <a:effectLst/>
                <a:latin typeface="ＭＳ 明朝" panose="02020609040205080304" pitchFamily="17" charset="-128"/>
                <a:ea typeface="ＭＳ 明朝" panose="02020609040205080304" pitchFamily="17" charset="-128"/>
                <a:cs typeface="Times New Roman" panose="02020603050405020304" pitchFamily="18" charset="0"/>
              </a:rPr>
              <a:t>等</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に反映</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8" name="矢印: 右 7">
            <a:extLst>
              <a:ext uri="{FF2B5EF4-FFF2-40B4-BE49-F238E27FC236}">
                <a16:creationId xmlns:a16="http://schemas.microsoft.com/office/drawing/2014/main" id="{8D4EB423-C2A2-47CC-9370-22F06598F37B}"/>
              </a:ext>
            </a:extLst>
          </xdr:cNvPr>
          <xdr:cNvSpPr/>
        </xdr:nvSpPr>
        <xdr:spPr>
          <a:xfrm rot="2460018">
            <a:off x="3600450" y="419100"/>
            <a:ext cx="340995" cy="28638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9" name="矢印: 右 8">
            <a:extLst>
              <a:ext uri="{FF2B5EF4-FFF2-40B4-BE49-F238E27FC236}">
                <a16:creationId xmlns:a16="http://schemas.microsoft.com/office/drawing/2014/main" id="{CE951C3D-89C9-42BD-AD0D-54661335055B}"/>
              </a:ext>
            </a:extLst>
          </xdr:cNvPr>
          <xdr:cNvSpPr/>
        </xdr:nvSpPr>
        <xdr:spPr>
          <a:xfrm rot="13260000">
            <a:off x="1447228" y="1206549"/>
            <a:ext cx="34020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10" name="矢印: 右 9">
            <a:extLst>
              <a:ext uri="{FF2B5EF4-FFF2-40B4-BE49-F238E27FC236}">
                <a16:creationId xmlns:a16="http://schemas.microsoft.com/office/drawing/2014/main" id="{D5D4682E-44D0-45AC-8659-5675E1B79D97}"/>
              </a:ext>
            </a:extLst>
          </xdr:cNvPr>
          <xdr:cNvSpPr/>
        </xdr:nvSpPr>
        <xdr:spPr>
          <a:xfrm rot="7860000">
            <a:off x="3542665" y="1200150"/>
            <a:ext cx="34092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11" name="矢印: 右 10">
            <a:extLst>
              <a:ext uri="{FF2B5EF4-FFF2-40B4-BE49-F238E27FC236}">
                <a16:creationId xmlns:a16="http://schemas.microsoft.com/office/drawing/2014/main" id="{CE295062-0C1B-4E3B-8214-05ED884C2289}"/>
              </a:ext>
            </a:extLst>
          </xdr:cNvPr>
          <xdr:cNvSpPr/>
        </xdr:nvSpPr>
        <xdr:spPr>
          <a:xfrm rot="18660000">
            <a:off x="1523047" y="465773"/>
            <a:ext cx="34092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grpSp>
    <xdr:clientData/>
  </xdr:twoCellAnchor>
  <xdr:twoCellAnchor editAs="oneCell">
    <xdr:from>
      <xdr:col>2</xdr:col>
      <xdr:colOff>0</xdr:colOff>
      <xdr:row>11</xdr:row>
      <xdr:rowOff>243840</xdr:rowOff>
    </xdr:from>
    <xdr:to>
      <xdr:col>13</xdr:col>
      <xdr:colOff>3674110</xdr:colOff>
      <xdr:row>14</xdr:row>
      <xdr:rowOff>3573780</xdr:rowOff>
    </xdr:to>
    <xdr:pic>
      <xdr:nvPicPr>
        <xdr:cNvPr id="12" name="図 11">
          <a:extLst>
            <a:ext uri="{FF2B5EF4-FFF2-40B4-BE49-F238E27FC236}">
              <a16:creationId xmlns:a16="http://schemas.microsoft.com/office/drawing/2014/main" id="{AB0F5949-14D9-48CA-BCD1-7532CC8BBBED}"/>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809625" y="25999440"/>
          <a:ext cx="24762460" cy="1268349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4.xml><?xml version="1.0" encoding="utf-8"?>
<xdr:wsDr xmlns:xdr="http://schemas.openxmlformats.org/drawingml/2006/spreadsheetDrawing" xmlns:a="http://schemas.openxmlformats.org/drawingml/2006/main">
  <xdr:twoCellAnchor>
    <xdr:from>
      <xdr:col>2</xdr:col>
      <xdr:colOff>0</xdr:colOff>
      <xdr:row>3</xdr:row>
      <xdr:rowOff>1569720</xdr:rowOff>
    </xdr:from>
    <xdr:to>
      <xdr:col>14</xdr:col>
      <xdr:colOff>1717040</xdr:colOff>
      <xdr:row>4</xdr:row>
      <xdr:rowOff>3631882</xdr:rowOff>
    </xdr:to>
    <xdr:grpSp>
      <xdr:nvGrpSpPr>
        <xdr:cNvPr id="2" name="グループ化 1">
          <a:extLst>
            <a:ext uri="{FF2B5EF4-FFF2-40B4-BE49-F238E27FC236}">
              <a16:creationId xmlns:a16="http://schemas.microsoft.com/office/drawing/2014/main" id="{FFBCC87F-D9A6-4758-BF56-111F0F409F07}"/>
            </a:ext>
          </a:extLst>
        </xdr:cNvPr>
        <xdr:cNvGrpSpPr/>
      </xdr:nvGrpSpPr>
      <xdr:grpSpPr>
        <a:xfrm>
          <a:off x="800100" y="12923520"/>
          <a:ext cx="27091640" cy="5910262"/>
          <a:chOff x="-57531" y="0"/>
          <a:chExt cx="5836260" cy="1973822"/>
        </a:xfrm>
      </xdr:grpSpPr>
      <xdr:sp macro="" textlink="">
        <xdr:nvSpPr>
          <xdr:cNvPr id="3" name="テキスト ボックス 24">
            <a:extLst>
              <a:ext uri="{FF2B5EF4-FFF2-40B4-BE49-F238E27FC236}">
                <a16:creationId xmlns:a16="http://schemas.microsoft.com/office/drawing/2014/main" id="{72E280D9-3239-4A78-BE21-2354B562CFAD}"/>
              </a:ext>
            </a:extLst>
          </xdr:cNvPr>
          <xdr:cNvSpPr txBox="1"/>
        </xdr:nvSpPr>
        <xdr:spPr>
          <a:xfrm>
            <a:off x="2003998" y="0"/>
            <a:ext cx="1375933"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自己</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点検</a:t>
            </a:r>
            <a:endParaRPr lang="en-US" alt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改善計画策定）</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4" name="テキスト ボックス 25">
            <a:extLst>
              <a:ext uri="{FF2B5EF4-FFF2-40B4-BE49-F238E27FC236}">
                <a16:creationId xmlns:a16="http://schemas.microsoft.com/office/drawing/2014/main" id="{4E87F14B-C1C9-4476-B8B8-A0EB90561B50}"/>
              </a:ext>
            </a:extLst>
          </xdr:cNvPr>
          <xdr:cNvSpPr txBox="1"/>
        </xdr:nvSpPr>
        <xdr:spPr>
          <a:xfrm>
            <a:off x="4065528" y="733425"/>
            <a:ext cx="1713201"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家畜防疫員</a:t>
            </a: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が確認・指導</a:t>
            </a:r>
          </a:p>
        </xdr:txBody>
      </xdr:sp>
      <xdr:sp macro="" textlink="">
        <xdr:nvSpPr>
          <xdr:cNvPr id="5" name="テキスト ボックス 43">
            <a:extLst>
              <a:ext uri="{FF2B5EF4-FFF2-40B4-BE49-F238E27FC236}">
                <a16:creationId xmlns:a16="http://schemas.microsoft.com/office/drawing/2014/main" id="{A835E72F-D6CA-4C8F-B083-C671BD448015}"/>
              </a:ext>
            </a:extLst>
          </xdr:cNvPr>
          <xdr:cNvSpPr txBox="1"/>
        </xdr:nvSpPr>
        <xdr:spPr>
          <a:xfrm>
            <a:off x="-57531" y="803371"/>
            <a:ext cx="1295400"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実</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　　　</a:t>
            </a:r>
            <a:r>
              <a:rPr lang="ja-JP" sz="4000" kern="100">
                <a:effectLst/>
                <a:latin typeface="ＭＳ 明朝" panose="02020609040205080304" pitchFamily="17" charset="-128"/>
                <a:ea typeface="ＭＳ 明朝" panose="02020609040205080304" pitchFamily="17" charset="-128"/>
                <a:cs typeface="Times New Roman" panose="02020603050405020304" pitchFamily="18" charset="0"/>
              </a:rPr>
              <a:t>行</a:t>
            </a:r>
          </a:p>
        </xdr:txBody>
      </xdr:sp>
      <xdr:sp macro="" textlink="">
        <xdr:nvSpPr>
          <xdr:cNvPr id="6" name="テキスト ボックス 44">
            <a:extLst>
              <a:ext uri="{FF2B5EF4-FFF2-40B4-BE49-F238E27FC236}">
                <a16:creationId xmlns:a16="http://schemas.microsoft.com/office/drawing/2014/main" id="{3B5E1F6B-D0CC-4A42-A22A-A3C618FABDE2}"/>
              </a:ext>
            </a:extLst>
          </xdr:cNvPr>
          <xdr:cNvSpPr txBox="1"/>
        </xdr:nvSpPr>
        <xdr:spPr>
          <a:xfrm>
            <a:off x="1927684" y="1455662"/>
            <a:ext cx="1626569" cy="518160"/>
          </a:xfrm>
          <a:prstGeom prst="rect">
            <a:avLst/>
          </a:prstGeom>
          <a:solidFill>
            <a:schemeClr val="tx2">
              <a:lumMod val="20000"/>
              <a:lumOff val="80000"/>
            </a:schemeClr>
          </a:solidFill>
          <a:ln w="6350">
            <a:solidFill>
              <a:prstClr val="black"/>
            </a:solidFill>
          </a:ln>
        </xdr:spPr>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指導内容を</a:t>
            </a:r>
            <a:endParaRPr lang="en-US" alt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algn="ctr">
              <a:spcAft>
                <a:spcPts val="0"/>
              </a:spcAft>
            </a:pP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マニュアル</a:t>
            </a:r>
            <a:r>
              <a:rPr lang="ja-JP" altLang="en-US" sz="4000" kern="100">
                <a:solidFill>
                  <a:sysClr val="windowText" lastClr="000000"/>
                </a:solidFill>
                <a:effectLst/>
                <a:latin typeface="ＭＳ 明朝" panose="02020609040205080304" pitchFamily="17" charset="-128"/>
                <a:ea typeface="ＭＳ 明朝" panose="02020609040205080304" pitchFamily="17" charset="-128"/>
                <a:cs typeface="Times New Roman" panose="02020603050405020304" pitchFamily="18" charset="0"/>
              </a:rPr>
              <a:t>等</a:t>
            </a:r>
            <a:r>
              <a:rPr lang="ja-JP" altLang="en-US" sz="4000" kern="100">
                <a:effectLst/>
                <a:latin typeface="ＭＳ 明朝" panose="02020609040205080304" pitchFamily="17" charset="-128"/>
                <a:ea typeface="ＭＳ 明朝" panose="02020609040205080304" pitchFamily="17" charset="-128"/>
                <a:cs typeface="Times New Roman" panose="02020603050405020304" pitchFamily="18" charset="0"/>
              </a:rPr>
              <a:t>に反映</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sp macro="" textlink="">
        <xdr:nvSpPr>
          <xdr:cNvPr id="7" name="矢印: 右 6">
            <a:extLst>
              <a:ext uri="{FF2B5EF4-FFF2-40B4-BE49-F238E27FC236}">
                <a16:creationId xmlns:a16="http://schemas.microsoft.com/office/drawing/2014/main" id="{3B977EB6-E86E-4BA0-8424-83D8DAA6E38A}"/>
              </a:ext>
            </a:extLst>
          </xdr:cNvPr>
          <xdr:cNvSpPr/>
        </xdr:nvSpPr>
        <xdr:spPr>
          <a:xfrm rot="2460018">
            <a:off x="3600450" y="419100"/>
            <a:ext cx="340995" cy="28638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8" name="矢印: 右 7">
            <a:extLst>
              <a:ext uri="{FF2B5EF4-FFF2-40B4-BE49-F238E27FC236}">
                <a16:creationId xmlns:a16="http://schemas.microsoft.com/office/drawing/2014/main" id="{7159D057-5013-4F02-B21F-00511CCEB134}"/>
              </a:ext>
            </a:extLst>
          </xdr:cNvPr>
          <xdr:cNvSpPr/>
        </xdr:nvSpPr>
        <xdr:spPr>
          <a:xfrm rot="13260000">
            <a:off x="1447228" y="1206549"/>
            <a:ext cx="34020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9" name="矢印: 右 8">
            <a:extLst>
              <a:ext uri="{FF2B5EF4-FFF2-40B4-BE49-F238E27FC236}">
                <a16:creationId xmlns:a16="http://schemas.microsoft.com/office/drawing/2014/main" id="{18BBE00D-4847-43AC-B3F1-2009D8816A44}"/>
              </a:ext>
            </a:extLst>
          </xdr:cNvPr>
          <xdr:cNvSpPr/>
        </xdr:nvSpPr>
        <xdr:spPr>
          <a:xfrm rot="7860000">
            <a:off x="3542665" y="1200150"/>
            <a:ext cx="34092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sp macro="" textlink="">
        <xdr:nvSpPr>
          <xdr:cNvPr id="10" name="矢印: 右 9">
            <a:extLst>
              <a:ext uri="{FF2B5EF4-FFF2-40B4-BE49-F238E27FC236}">
                <a16:creationId xmlns:a16="http://schemas.microsoft.com/office/drawing/2014/main" id="{FB1E0142-7DC7-4D07-8094-0346AFF24465}"/>
              </a:ext>
            </a:extLst>
          </xdr:cNvPr>
          <xdr:cNvSpPr/>
        </xdr:nvSpPr>
        <xdr:spPr>
          <a:xfrm rot="18660000">
            <a:off x="1523047" y="465773"/>
            <a:ext cx="340920" cy="286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sz="3200"/>
          </a:p>
        </xdr:txBody>
      </xdr:sp>
    </xdr:grpSp>
    <xdr:clientData/>
  </xdr:twoCellAnchor>
  <xdr:twoCellAnchor>
    <xdr:from>
      <xdr:col>1</xdr:col>
      <xdr:colOff>243840</xdr:colOff>
      <xdr:row>2</xdr:row>
      <xdr:rowOff>0</xdr:rowOff>
    </xdr:from>
    <xdr:to>
      <xdr:col>14</xdr:col>
      <xdr:colOff>1813560</xdr:colOff>
      <xdr:row>4</xdr:row>
      <xdr:rowOff>3863340</xdr:rowOff>
    </xdr:to>
    <xdr:sp macro="" textlink="">
      <xdr:nvSpPr>
        <xdr:cNvPr id="11" name="四角形: 角を丸くする 10">
          <a:extLst>
            <a:ext uri="{FF2B5EF4-FFF2-40B4-BE49-F238E27FC236}">
              <a16:creationId xmlns:a16="http://schemas.microsoft.com/office/drawing/2014/main" id="{07773E64-204A-4BA9-A13A-C7CE4D053F80}"/>
            </a:ext>
          </a:extLst>
        </xdr:cNvPr>
        <xdr:cNvSpPr/>
      </xdr:nvSpPr>
      <xdr:spPr>
        <a:xfrm>
          <a:off x="481965" y="7486650"/>
          <a:ext cx="27487245" cy="11521440"/>
        </a:xfrm>
        <a:prstGeom prst="round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indent="177800" algn="l">
            <a:lnSpc>
              <a:spcPct val="115000"/>
            </a:lnSpc>
            <a:spcAft>
              <a:spcPts val="0"/>
            </a:spcAft>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提出後の流れ　～改善に向けて～　】</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342900" lvl="0" indent="-342900" algn="just">
            <a:lnSpc>
              <a:spcPct val="115000"/>
            </a:lnSpc>
            <a:spcAft>
              <a:spcPts val="0"/>
            </a:spcAft>
            <a:buFont typeface="+mj-ea"/>
            <a:buAutoNum type="circleNumDbPlain"/>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防疫員は</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立入検査等により飼養衛生管理の状況を再確認し、</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防疫員</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チェックボックスに「〇」</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又は「－」（非該当）</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を記入する。</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342900" lvl="0" indent="-342900" algn="just">
            <a:lnSpc>
              <a:spcPct val="115000"/>
            </a:lnSpc>
            <a:spcAft>
              <a:spcPts val="0"/>
            </a:spcAft>
            <a:buFont typeface="+mj-ea"/>
            <a:buAutoNum type="circleNumDbPlain"/>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改善が必要な項目については</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防疫員</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記入欄に改善指導の内容を記入し、</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の所有者</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に提供する。</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342900" lvl="0" indent="-342900" algn="just">
            <a:lnSpc>
              <a:spcPct val="115000"/>
            </a:lnSpc>
            <a:spcAft>
              <a:spcPts val="0"/>
            </a:spcAft>
            <a:buFont typeface="+mj-ea"/>
            <a:buAutoNum type="circleNumDbPlain"/>
          </a:pP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改善指導があった場合、</a:t>
          </a:r>
          <a:r>
            <a:rPr lang="ja-JP" altLang="en-US"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家畜の所有者</a:t>
          </a:r>
          <a:r>
            <a:rPr lang="ja-JP" sz="40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は指導内容を飼養衛生管理マニュアルに反映させ、実行する。</a:t>
          </a:r>
          <a:endParaRPr lang="ja-JP" sz="40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twoCellAnchor editAs="oneCell">
    <xdr:from>
      <xdr:col>2</xdr:col>
      <xdr:colOff>0</xdr:colOff>
      <xdr:row>11</xdr:row>
      <xdr:rowOff>182880</xdr:rowOff>
    </xdr:from>
    <xdr:to>
      <xdr:col>13</xdr:col>
      <xdr:colOff>3525415</xdr:colOff>
      <xdr:row>14</xdr:row>
      <xdr:rowOff>3360420</xdr:rowOff>
    </xdr:to>
    <xdr:pic>
      <xdr:nvPicPr>
        <xdr:cNvPr id="12" name="図 11">
          <a:extLst>
            <a:ext uri="{FF2B5EF4-FFF2-40B4-BE49-F238E27FC236}">
              <a16:creationId xmlns:a16="http://schemas.microsoft.com/office/drawing/2014/main" id="{E168E04C-E0B3-4F9D-B5E4-E8BB88195ABA}"/>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809625" y="25938480"/>
          <a:ext cx="24613765" cy="1253109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HAWK\&#12471;&#12473;&#12486;&#12512;&#38283;&#30330;\ITC\ITC1036\&#20849;&#36890;&#20181;&#27096;&#65288;&#24341;&#32153;&#12366;&#32232;&#65289;\&#12503;&#12525;&#12464;&#12521;&#12512;&#20181;&#27096;.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Idcpsv01\&#12481;&#12540;&#12512;&#12456;&#12522;&#12450;\My%20Documents\401k\&#12510;&#12463;&#12525;&#12385;&#12419;&#12435;\df&#19968;&#35239;hs.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E:\&#20840;&#22269;&#36786;&#26989;&#20849;&#28168;&#21332;&#20250;\NOSAI\H17&#36786;&#28168;&#38651;&#23376;&#30003;&#35531;\&#12489;&#12461;&#12517;&#12513;&#12531;&#12488;\90&#12489;&#12461;&#12517;&#12513;&#12531;&#12488;&#12469;&#12531;&#12503;&#12523;\&#25104;&#26524;&#29289;&#23450;&#32681;_&#22522;&#26412;&#35373;&#35336;_DOA.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asp-file-01v\sbt_share$\Users\kaizawa.INTRA\Documents\02.&#26696;&#20214;\SBI&#35388;&#21048;\ETJ_XML_InterfaceList_20110401.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sbt-file-03\sbt_share$\&#12304;&#27231;&#23494;&#12305;LIXIL&#12469;&#12540;&#12499;&#12469;&#12452;&#12488;&#27083;&#31689;\01.&#21021;&#26399;&#23566;&#20837;&#65288;4&#26376;&#12522;&#12522;&#12540;&#12473;&#23550;&#24540;&#65289;\04.&#35373;&#35336;\&#31649;&#29702;&#27231;&#33021;\&#31649;&#29702;&#27231;&#33021;&#30011;&#38754;&#38917;&#30446;&#23450;&#32681;&#26360;_MF010101_&#12525;&#12464;&#12452;&#12531;&#30011;&#38754;.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ドキュメント一覧"/>
      <sheetName val="プロ仕 表紙"/>
      <sheetName val="プロ仕 履歴"/>
      <sheetName val="プロ仕 概要説明"/>
      <sheetName val="プロ仕 概要説明(2)"/>
      <sheetName val="プロ仕 フォーム"/>
      <sheetName val="プロ仕 モ構造"/>
      <sheetName val="プロ仕 - 共通ルーチン一覧"/>
      <sheetName val="ﾌｫｰﾑﾓｼﾞｭｰﾙ仕様"/>
      <sheetName val="標準ﾓｼﾞｭｰﾙ仕様"/>
      <sheetName val="ｸﾗｽﾓｼﾞｭｰﾙ仕様"/>
      <sheetName val="共通ﾓｼﾞｭｰﾙ定義定数一覧"/>
      <sheetName val="共通ﾓｼﾞｭｰﾙﾃｰﾌﾞﾙﾚｲｱｳﾄ"/>
      <sheetName val="共通ﾓｼﾞｭｰﾙ定義ﾃｰﾌﾞﾙ一覧"/>
      <sheetName val="共通ﾓｼﾞｭｰﾙ概要"/>
      <sheetName val="共通ﾓｼﾞｭｰﾙ詳細説明"/>
      <sheetName val="一般ルーチン説明"/>
      <sheetName val="共通ルーチン説明"/>
      <sheetName val="共通ルーチン使用例"/>
      <sheetName val="ﾓｼﾞｭｰﾙ情報表"/>
      <sheetName val="試験手順書"/>
      <sheetName val="試験手順書２"/>
      <sheetName val="試験項目表"/>
      <sheetName val="試験管理表"/>
      <sheetName val="故障処理票"/>
      <sheetName val="単体試験の故障処理表"/>
      <sheetName val="ドキュメント管理簿"/>
      <sheetName val="コメント票"/>
      <sheetName val="ﾒｯｾｰｼﾞ仕様"/>
      <sheetName val="ｼｽﾃﾑ定数一覧"/>
      <sheetName val="ｼｽﾃﾑ定義ﾃｰﾌﾞﾙ一覧"/>
      <sheetName val="ｼｽﾃﾑ定義ﾃｰﾌﾞﾙﾚｲｱｳﾄ"/>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データ項目"/>
      <sheetName val="PR"/>
      <sheetName val="支払指図書データ（退職）(5.2.1.1)"/>
      <sheetName val="支払指図書データ（税引後）(5.2.1.2)"/>
      <sheetName val="支払指図書データ（困窮時）(5.2.1.3)"/>
      <sheetName val="支払指図書データ（一時払）(5.2.1.4)"/>
      <sheetName val="RO指図書データ（RO証明書）(5.2.1.5)"/>
      <sheetName val="RO指図書データ（RO取崩）(5.2.1.6)"/>
      <sheetName val="支払指図書データ（プラン外年金）(5.2.1.7)"/>
      <sheetName val="異動情報(5.2.1.11)"/>
      <sheetName val="RO移管払出適格証明請求情報(5.2.2)"/>
      <sheetName val="退職通知書情報(5.2.3.1)"/>
      <sheetName val="個人型受給者情報(5.2.3.2)"/>
      <sheetName val="売却情報(5.2.4.1)"/>
      <sheetName val="33260(3.2.2.3)"/>
      <sheetName val="33260(3.2.2.７)"/>
      <sheetName val="ローン内容登録情報（変更異動）(9.1.1)"/>
      <sheetName val="売却情報1(9.1.2)"/>
      <sheetName val="売却指図情報(9.1.2)"/>
      <sheetName val="実行ステータス情報(9.2.1)"/>
      <sheetName val="売却完了情報(9.2.1)"/>
      <sheetName val="売却完了情報(9.2.2)"/>
      <sheetName val="実行ステータス情報(9.2.3)"/>
      <sheetName val="一括返済額情報(9.3.1)"/>
      <sheetName val="入金予定額情報（一括時のみ）(9.3.3)"/>
      <sheetName val="売却時情報(9.3.5)"/>
      <sheetName val="33403(3.4)"/>
      <sheetName val="33518(3.5.4)"/>
      <sheetName val="33519(3.5.5)"/>
      <sheetName val="33602(3.6)"/>
      <sheetName val="24201(4.2.1)"/>
      <sheetName val="24235(4.2.2)"/>
      <sheetName val="24215(4.2.4)"/>
      <sheetName val="24322(4.3.4)"/>
      <sheetName val="24323(4.3.4)"/>
      <sheetName val="24404(4.4.2)"/>
      <sheetName val="24422(4.4.2)"/>
      <sheetName val="24409(4.4.3)"/>
      <sheetName val="24410(4.4.3)"/>
      <sheetName val="24411(4.4.4)"/>
      <sheetName val="24424(4.4.4)"/>
      <sheetName val="24502(4.5)"/>
      <sheetName val="保有数量(5.2.3.3)"/>
      <sheetName val="売却商品(5.2.4.4)"/>
      <sheetName val="資産処分明細情報(5.3)"/>
      <sheetName val="支払完了ｽﾃｰﾀｽ(5.3.2)"/>
      <sheetName val="加入者別商品売却情報(6.1.1)"/>
      <sheetName val="発注情報(6.1.2)"/>
      <sheetName val="発注情報(6.1.4)"/>
      <sheetName val="個人型売却結果(6.2.4)"/>
      <sheetName val="加入者別商品売却情報(6.3.2)"/>
      <sheetName val="約定済情報(6.3.2)"/>
      <sheetName val="加入者別商品売却情報(6.3.3)"/>
      <sheetName val="売却結果按分情報(6.3.3)"/>
      <sheetName val="売却結果按分情報(6.3.4)"/>
      <sheetName val="約定済情報(6.3.4)"/>
      <sheetName val="加入者別商品売却情報(6.4.1)"/>
      <sheetName val="加入者別対象残高(7.2)"/>
      <sheetName val="個人型収益明細情報 (7.3.5)"/>
      <sheetName val="対象残高（按分用）(7.3.6)"/>
      <sheetName val="加入者別収益明細情報(7.3.6)"/>
      <sheetName val="加入者別収益明細情報(7.3.7)"/>
      <sheetName val="加入者別収益情報(7.3.8)"/>
      <sheetName val="個人型収益情報(7.4)"/>
      <sheetName val="個人型買付指図情報(7.4)"/>
      <sheetName val="対象残高（按分用）(7.5.1)"/>
      <sheetName val="再投資結果按分情報(7.5.1)"/>
      <sheetName val="買付取引明細(9.3.5)"/>
      <sheetName val="加入者別売却指図取引明細（10.3）"/>
      <sheetName val="資産売却情報（加入者別)(10.5.1)"/>
      <sheetName val="移管済ステータス(10.5.6)"/>
      <sheetName val="33515(3.5.3)"/>
      <sheetName val="33516(3.5.4)"/>
      <sheetName val="指図書データ（プラン単位）(10.2)"/>
      <sheetName val="売却指図(10.3)"/>
      <sheetName val="売却指図"/>
      <sheetName val="移行先情報(10.5.1)"/>
      <sheetName val="加入者証変更情報(2.1.2.3)"/>
      <sheetName val="加入者口座存在有無(2.2)"/>
      <sheetName val="加入者口座登録情報(2.3.1.1.3)"/>
      <sheetName val="加入者証発行区分(2.3.1.6)"/>
      <sheetName val="加入者証発行区分(2.3.1.6) (2)"/>
      <sheetName val="加入者口座変更(2.3.1.2.3)"/>
      <sheetName val="加入者口座変更 (2.3.1.2.3)(2)"/>
      <sheetName val="加入者拠出金変更(2.3.1.3.2)"/>
      <sheetName val="加入者拠出金変更 (2.3.1.3.2)(2)"/>
      <sheetName val="ＲＯ加入者口座登録情報(2.3.1.5.3)"/>
      <sheetName val="加入者口座情報(2.3.3)"/>
      <sheetName val="33112(3.1.1.4)"/>
      <sheetName val="33151(3.1.2.1)"/>
      <sheetName val="33153(3.12.2)"/>
      <sheetName val="33165(3.1.2.5)"/>
      <sheetName val="33253(3.2.2.1)"/>
      <sheetName val="33334(3.3.7)"/>
      <sheetName val="加入者ｽﾃｰﾀｽ等(5.1.1)"/>
      <sheetName val="加入者ｽﾃｰﾀｽ等 (5.1.2) "/>
      <sheetName val="発送済フラグ"/>
      <sheetName val="加入者ｽﾃｰﾀｽ等(5.1.3) "/>
      <sheetName val="加入者ｽﾃｰﾀｽ区分(5.2.1)"/>
      <sheetName val="加入者ｽﾃｰﾀｽ区分(5.2.3.1)"/>
      <sheetName val="加入者ｽﾃｰﾀｽ区分 (5.2.3.2)"/>
      <sheetName val="支払済ｽﾃｰﾀｽ（5.3.2）"/>
      <sheetName val="受取人情報（5.3.3）"/>
      <sheetName val="加入者口座情報(6.1.4)"/>
      <sheetName val="有効プラン加入者(7.1.2)"/>
      <sheetName val="加入者キー情報(8.3.1)"/>
      <sheetName val="ローン要件情報(加入者）(9.1.1)"/>
      <sheetName val="決済口座情報(9.2.2)"/>
      <sheetName val="返済順序方法(9.3.5)"/>
      <sheetName val="加入者口座属性情報(10.5.2)"/>
      <sheetName val="加入者口座属性情報(10.5.4)"/>
      <sheetName val="従業員名寄せ情報(2.1.1.1)"/>
      <sheetName val="加入者属性登録情報(2.1.1.3)"/>
      <sheetName val="変更前従業員属性情報(2.1.2.1)"/>
      <sheetName val="従業員確認書情報(2.1.2.2)"/>
      <sheetName val="加入者属性変更情報(2.1.2.3)"/>
      <sheetName val="加入者証情報(2.1.2.3)"/>
      <sheetName val="従業員属性情報(2.1.3)"/>
      <sheetName val="募集用加入通知書情報(2.2)"/>
      <sheetName val="加入者存在有無(2.3.1.1.1)"/>
      <sheetName val="加入者属性登録情報(2.3.1.1.2)"/>
      <sheetName val="加入者属性変更(2.3.1.2)"/>
      <sheetName val="加入者属性変更(2.3.1.2) (2)"/>
      <sheetName val="加入者名情報(2.3.1.3.2)"/>
      <sheetName val="加入者名情報(2.3.1.6)"/>
      <sheetName val="33139(3.1.1..4)"/>
      <sheetName val="33503(3.5.1)"/>
      <sheetName val="33603(3.6)"/>
      <sheetName val="24213(4.2.4)"/>
      <sheetName val="24229(4.2.5)"/>
      <sheetName val="生年月日・現況区分(5.1.1)"/>
      <sheetName val="生年月日・現況区分 (5.1.2)"/>
      <sheetName val="生年月日・現況区分(5.1.3) "/>
      <sheetName val="加入者属性情報(5.2.1)"/>
      <sheetName val="加入者属性情報(5.2.2)"/>
      <sheetName val="退職事由等(5.2.3.1)"/>
      <sheetName val="退職事由等(5.2.3.2) (2)"/>
      <sheetName val="加入者属性情報(5.2.3)"/>
      <sheetName val="加入者属性情報(5.3.1)"/>
      <sheetName val="ﾌﾟﾗﾝ脱退情報(5.3.2)"/>
      <sheetName val="加入者属性情報(5.3.3.1)"/>
      <sheetName val="加入者属性情報(5.3.3.2)"/>
      <sheetName val="加入者属性情報(5.3.4.3)"/>
      <sheetName val="企業情報(6.1.2)"/>
      <sheetName val="加入者属性情報(6.1.4)"/>
      <sheetName val="加入者属性情報(6.1.5)"/>
      <sheetName val="加入者属性情報(7.1.2)"/>
      <sheetName val="加入属性情報(9.1.1)"/>
      <sheetName val="加入者属性(9.2.3)"/>
      <sheetName val="延滞情報(9.4.1)"/>
      <sheetName val="対象加入者属性情報(10.1.4)"/>
      <sheetName val="加入者属性情報(10.5.2)"/>
      <sheetName val="加入者属性情報(10.5.4)"/>
      <sheetName val="加入者属性情報(10.5.5)"/>
      <sheetName val="Sheet1"/>
      <sheetName val="Sheet2"/>
      <sheetName val="Sheet3"/>
      <sheetName val="共通系進捗（2)"/>
      <sheetName val="情報系 (ID)"/>
      <sheetName val="情報系 (ED)"/>
      <sheetName val="情報系(RD)"/>
      <sheetName val="変更要求"/>
      <sheetName val="UKE2 係コード"/>
      <sheetName val="UKE2 係コード (2)"/>
      <sheetName val="表紙"/>
      <sheetName val="サマリー"/>
      <sheetName val="TSM Server"/>
      <sheetName val="加入老名情報(2.3.1.3.2)"/>
      <sheetName val="加入者属性情報(10.5*5)"/>
      <sheetName val="加入者キヸ情報(8.3.1)"/>
      <sheetName val="個人型受給者情報(1.2.3.2)"/>
      <sheetName val="再投賃結果按分情報(7.5.1)"/>
      <sheetName val="変更前従業員属性惁報(2.1.2.1)"/>
      <sheetName val="加兡者属性情報(5.3.4.3)"/>
      <sheetName val="加兡者別商品売却情報(6.4.1)"/>
      <sheetName val="加入者刡商品売却情報(6.4.1)"/>
      <sheetName val="加入老別売却指図取引明細（10.3）"/>
      <sheetName val="加入老別商品売却情報(6.4.1)"/>
      <sheetName val="保按数量(5.2.3.3)"/>
      <sheetName val="支払済ｽﾃﭰﾀｽ（5.3.2）"/>
      <sheetName val="加入老属性情報(5.3.3.2)"/>
      <sheetName val="33003(3.4)"/>
      <sheetName val="加入者塞性情報(5.2.2)"/>
      <sheetName val="進捗表(ISOL）"/>
      <sheetName val="集計表（ISOL）　ｄｏｎ’ｔ　ｔｏｕｃｈ"/>
      <sheetName val="加入者属性情報(5.3.19"/>
      <sheetName val="Cover"/>
      <sheetName val="改定履歴 "/>
      <sheetName val="目次"/>
      <sheetName val=" IHS設定"/>
      <sheetName val="WAS基本設定"/>
      <sheetName val="WAS設定（DB）"/>
      <sheetName val="WAS設定（サーバ）"/>
      <sheetName val="シェル一覧(改訂案)"/>
      <sheetName val="A-AUTO運用ルール(2003.11.28)"/>
      <sheetName val="A-AUTO命名規約(2003.12.17)"/>
      <sheetName val="ネットワーク基本"/>
      <sheetName val="ネットワーク一覧"/>
      <sheetName val="シェル一覧"/>
      <sheetName val="シェル一覧(改訂)"/>
      <sheetName val="pfcaドライバ2.2.1インストール"/>
      <sheetName val="pfcaドライバ2.2.1コンフィグ"/>
      <sheetName val="変更前従業員属性_報(2.1.2.1)"/>
      <sheetName val="加_者属性情報(5.3.4.3)"/>
      <sheetName val="加_者別商品売却情報(6.4.1)"/>
      <sheetName val="加入者_商品売却情報(6.4.1)"/>
      <sheetName val="支払済ｽﾃ_ﾀｽ（5.3.2）"/>
      <sheetName val="HW構成"/>
      <sheetName val="SW構成"/>
      <sheetName val="NW構成"/>
      <sheetName val="BladeCenter構成"/>
      <sheetName val="ユーザー情報一覧"/>
      <sheetName val="Windows共通設定"/>
      <sheetName val="GWサーバー(win)設定情報"/>
      <sheetName val="APサーバー(aix)設定情報"/>
      <sheetName val="加入者ｽﾃｰﾀｽ等 (5.±.2) "/>
      <sheetName val="加入者ｽﾃｰﾀ_x0002__x0000__x0000__x0000_+_x0000_⽘_x0015__x0000__x0000_饦"/>
      <sheetName val="_x0000_:_x0013__x0000_0é0°_x0000__x0000__x0000__x0000_ ReQ_x0005_"/>
      <sheetName val="リスト"/>
      <sheetName val=":”_x0013__x0000_0é0°_x0000_ ReQ_x0005_"/>
      <sheetName val="加入者ｽﾃｰﾀ_x0002_   + ⽘_x0015_  饦"/>
      <sheetName val=" :”_x0013_ 0é0°     ReQ_x0005_"/>
      <sheetName val="加入者属性盻録情報(2.3.1.1.2)"/>
      <sheetName val="1.3.6.4.ReturnMonthCmd"/>
      <sheetName val="1.3.6.4.main"/>
      <sheetName val="1.3.6.4._execute"/>
      <sheetName val="１－１"/>
      <sheetName val="別紙１"/>
      <sheetName val="１－２"/>
      <sheetName val="支払指図書データ（困窮時）(5ĮÒ.1.3)"/>
      <sheetName val="加入者ｽﾃｰﾀｽ等 (5.1.2)栠"/>
      <sheetName val="個社機能)概要"/>
      <sheetName val="個社機能)詳細"/>
      <sheetName val="共通機能記述（概要）"/>
      <sheetName val="変更履歴"/>
      <sheetName val="定義書"/>
      <sheetName val="処理記述"/>
      <sheetName val="パラメータ領域定義"/>
      <sheetName val="JOB一覧 (給与)"/>
      <sheetName val="JOB一覧 (賞与)"/>
      <sheetName val="JOB一覧 (差額）"/>
      <sheetName val="JOB一覧 (単独年調）"/>
      <sheetName val="JOB一覧(年個）"/>
      <sheetName val="データ編集 (HEN001)"/>
      <sheetName val="データ編集 (HEN002)"/>
      <sheetName val="データ編集 (HEN003)"/>
      <sheetName val="データ編集 (GIPA035)"/>
      <sheetName val="データ編集 (GIPZ005)"/>
      <sheetName val="データ編集 (GIPZ074)"/>
      <sheetName val="データ編集 (GIPZ075)"/>
      <sheetName val="オペ表示項目一覧"/>
      <sheetName val="エラーメッセージ"/>
      <sheetName val="補足説明"/>
      <sheetName val="フォーム・共通機能記述（概要）"/>
      <sheetName val="JOBｸﾞﾙｰﾌﾟﾌﾛｰ"/>
      <sheetName val="Ｘ）JOBｸﾞﾙｰﾌﾟﾌﾛｰ (2)"/>
      <sheetName val="Ｘ）JOBｸﾞﾙｰﾌﾟﾌﾛｰ"/>
      <sheetName val="JOBﾌﾛｰ原紙"/>
      <sheetName val="☆★☆参考→"/>
      <sheetName val="Ｘweb_ＪＯＢ－カタプロ"/>
      <sheetName val="Ｘweb_ＪＯＢ構成"/>
      <sheetName val="XJOBﾈｯﾄ"/>
      <sheetName val="BIPG120_Ｐ６作表"/>
      <sheetName val="旧031114)BIPG120_Ｐ６作表"/>
      <sheetName val="Ｘ旧）BIPG120_Ｐ６作表"/>
      <sheetName val="031127)BIPG120_Ｐ６作表"/>
      <sheetName val="目次・共通"/>
      <sheetName val="目次・外部ｺｰﾄﾞ"/>
      <sheetName val="目次・受信"/>
      <sheetName val="目次・送信"/>
      <sheetName val="目次・給与"/>
      <sheetName val="目次・賞与"/>
      <sheetName val="目次・差額"/>
      <sheetName val="目次・社保"/>
      <sheetName val="目次・私共済"/>
      <sheetName val="目次・地方税"/>
      <sheetName val="目次・年調"/>
      <sheetName val="目次・振込"/>
      <sheetName val="目次・会社情報"/>
      <sheetName val="目次・臨時"/>
      <sheetName val="目次・帳票"/>
      <sheetName val="目次・業務"/>
      <sheetName val="変更管理シート"/>
      <sheetName val="帳票（年個）"/>
      <sheetName val="JOB一覧(共通）"/>
      <sheetName val="運用"/>
      <sheetName val="ﾃｽﾄｹｰｽ一覧"/>
      <sheetName val="☆データ条件★"/>
      <sheetName val="★データ編集Ⅱ-2-(1)"/>
      <sheetName val="☆B010計算"/>
      <sheetName val="☆B010(A031)振込計算"/>
      <sheetName val="☆★☆ITEM→"/>
      <sheetName val="☆★☆ITEM→ (2)"/>
      <sheetName val="Ｘ　☆★☆計算→"/>
      <sheetName val="人DB給DBﾏｯﾁﾝｸﾞ"/>
      <sheetName val="新業務機能記述書"/>
      <sheetName val="CS060MPRCSP"/>
      <sheetName val="CS060MPRCPT"/>
      <sheetName val="CS060MPAIRG"/>
      <sheetName val="支払完了ｽﾃｰﾀ(5.3.2)"/>
      <sheetName val="退職事由獉(5.2.3.1)"/>
      <sheetName val="更新履歴"/>
      <sheetName val="チェック表"/>
      <sheetName val="チェック表(月次上)"/>
      <sheetName val="チェック表(月次中)"/>
      <sheetName val="チェック表(月次下)"/>
      <sheetName val="加入者ｽﾃｰﾀ_x0002_"/>
      <sheetName val=":”_x0013_"/>
      <sheetName val="加入者ｽﾃｰﾀ_x0002_???+?⽘_x0015_??饦"/>
      <sheetName val="?:_x0013_?0é0°???? ReQ_x0005_"/>
      <sheetName val=":”_x0013_?0é0°? ReQ_x0005_"/>
      <sheetName val="加入者属性情報(10.5_5)"/>
      <sheetName val=""/>
      <sheetName val="_”_x0013_"/>
      <sheetName val=" _”_x0013_ 0é0°     ReQ_x0005_"/>
      <sheetName val="加入者ｽﾃｰﾀ_x0002____+_⽘_x0015___饦"/>
      <sheetName val="___x0013__0é0°____ ReQ_x0005_"/>
      <sheetName val="_”_x0013__0é0°_ ReQ_x0005_"/>
      <sheetName val="加入者属性情報(ᠵ㦆ꉠ赈鵛륿"/>
      <sheetName val="テーブル一覧1"/>
      <sheetName val="テーブル一覧_2"/>
      <sheetName val="テーブル一覧_3"/>
      <sheetName val="テーブル一覧_4"/>
      <sheetName val="テーブル一覧_計上保留システム"/>
      <sheetName val="テーブル一覧_計上保留システム２"/>
      <sheetName val="テーブル一覧_5"/>
      <sheetName val="テーブル一覧_6"/>
      <sheetName val="テーブル一覧_6 (2)"/>
      <sheetName val="テーブル一覧_計上入金管理システム"/>
      <sheetName val="テーブル一覧_代勘・団体オンライン"/>
      <sheetName val="テーブル一覧_6 (4)"/>
      <sheetName val="テーブル一覧_6 (3)"/>
      <sheetName val="テーブル一覧_マスタ管理"/>
      <sheetName val="テーブル一覧_マスタ管理２"/>
      <sheetName val="テーブル一覧_マスタ管理３"/>
      <sheetName val="テーブル一覧_マスタ管理４"/>
      <sheetName val="テーブル一覧_マスタ管理５"/>
      <sheetName val="テーブル一覧_マスタ管理６"/>
      <sheetName val="テーブル一覧_マスタ管理７"/>
      <sheetName val="テーブル一覧_マスタ管理８"/>
      <sheetName val="指図書データ（プラン単位）_x0008_10.2)"/>
      <sheetName val="GWサーヘー(win)設定情報"/>
      <sheetName val="_x0000_:”_x0013__x0000_0é0°_x0000__x0000__x0000__x0000_ ReQ_x0005_€"/>
      <sheetName val=" :”_x0013_ 0é0°     ReQ_x0005_€"/>
      <sheetName val="I_Oﾌｧｲﾙ"/>
      <sheetName val="I_OﾌｧｲﾙＸ"/>
      <sheetName val="原本"/>
      <sheetName val="ﾃｽﾄｹｰｽ一覧(2Ｘ)"/>
      <sheetName val="予算問題点 "/>
      <sheetName val="問題点"/>
      <sheetName val="インプット (2)"/>
      <sheetName val="一覧表"/>
      <sheetName val="１経費台帳"/>
      <sheetName val="２全経費科目集計表"/>
      <sheetName val="品質状況(2)"/>
      <sheetName val="参考（不具合分類）"/>
      <sheetName val="分類"/>
      <sheetName val="#REF"/>
      <sheetName val="_REF"/>
      <sheetName val="コールトラック"/>
      <sheetName val="ナレッジ"/>
      <sheetName val="I_Oﾌｧｲԯ"/>
      <sheetName val="I_Oﾌｧｲ밀"/>
      <sheetName val="I_Oﾌｧｲ㰀"/>
      <sheetName val="品質管理表(2)"/>
      <sheetName val="品質管理状況"/>
      <sheetName val="要件定義"/>
      <sheetName val="基本設計"/>
      <sheetName val="詳細設計"/>
      <sheetName val="ローン要件情報(加入者）㓌9.1.1)"/>
      <sheetName val="para"/>
      <sheetName val="新業務機能記栅㊔"/>
      <sheetName val="３消費税の計算書"/>
      <sheetName val="４経費集計表"/>
      <sheetName val="５製品製造原価報告書"/>
      <sheetName val="６損益計算書"/>
      <sheetName val="退職事由等(µ.2.3.2) (2)"/>
      <sheetName val="I_Oﾌｧｲ쐍"/>
      <sheetName val="７総勘定元帳"/>
      <sheetName val="８試算表"/>
      <sheetName val="９貸借対照表"/>
      <sheetName val="１０雑収雑損一覧"/>
      <sheetName val="１１関係会社売上仕入一覧表"/>
      <sheetName val="ＪＯＢ単位"/>
      <sheetName val="JOB単位ｹｰｽ一覧"/>
      <sheetName val="ＪＯＢ単位BIPB010"/>
      <sheetName val="ＪＯＢ単位BIPB201"/>
      <sheetName val="ＪＯＢ単位NIPB202"/>
      <sheetName val="ＪＯＢ単位BIPBZ00)"/>
      <sheetName val="サンプル（ＪＯＢ単位）"/>
      <sheetName val="テストデータ"/>
      <sheetName val="プロセス単位"/>
      <sheetName val="ﾌﾟﾛｾｽ単位ｹｰｽ一覧"/>
      <sheetName val="プロセス単位Ｐ４"/>
      <sheetName val="プロセス単位Ｐ１"/>
      <sheetName val="Ｐ１Ｐ４-Ⅱ-(1)"/>
      <sheetName val="Ｐ１Ｐ４-Ⅱ-(2)"/>
      <sheetName val="プロセス単位Ｐ５"/>
      <sheetName val="プロセス単位Ｐ５ (2)"/>
      <sheetName val="Ｐ５Ⅰ-2-2-(1)"/>
      <sheetName val="Ｐ５Ⅰ-2-2-(2)"/>
      <sheetName val="Ｐ５Ⅱ-1-2-(1)"/>
      <sheetName val="Ｐ５Ⅱ-1-1-(3)"/>
      <sheetName val="Ｐ５Ⅱ-(1)"/>
      <sheetName val="Ｐ５Ⅱ-(2)"/>
      <sheetName val="Ｐ５Ⅱ-1-2-(3)"/>
      <sheetName val="Ｐ５Ⅱ-1-7-(2)"/>
      <sheetName val="Ｐ５Ⅱ-1-7-(1)"/>
      <sheetName val="Ｐ５Ⅱ-1-6-(1)"/>
      <sheetName val="Ｐ５Ⅱ-1-5-(1)"/>
      <sheetName val="プロセス単位Ｐ６"/>
      <sheetName val="プロセス間"/>
      <sheetName val="サンプル（プロセス単位）"/>
      <sheetName val="サンプル（プロセス間１）"/>
      <sheetName val="サンプル（プロセス間２）"/>
      <sheetName val="賞与－ＩＴａ"/>
      <sheetName val="サンプル－ＩＴａ"/>
      <sheetName val="ITA"/>
      <sheetName val="トラブル報告書(原本)"/>
      <sheetName val="030トラ報"/>
      <sheetName val="021トラ報"/>
      <sheetName val="019トラ報"/>
      <sheetName val="018トラ報"/>
      <sheetName val="017トラ報"/>
      <sheetName val="015トラ報"/>
      <sheetName val="012トラ報"/>
      <sheetName val="010トラ報"/>
      <sheetName val="007トラ報"/>
      <sheetName val="トラブル報告書記入要領_説明用_トラブル報告書"/>
      <sheetName val="トラブル報告書記入要領"/>
      <sheetName val="トラブル管理手順"/>
      <sheetName val="ﾌﾟﾛｾｽ間ｹｰｽ一覧"/>
      <sheetName val="プロセス間①"/>
      <sheetName val="プロセス間②"/>
      <sheetName val="プロセス間③"/>
      <sheetName val="プロセス間④"/>
      <sheetName val="プロセス間⑤"/>
      <sheetName val="■旧x040525)_BIPG120_Ｐ６作表"/>
      <sheetName val="BIPG130_電子帳票"/>
      <sheetName val="【補足1】"/>
      <sheetName val="■旧～0617)_JOBｸﾞﾙｰﾌﾟﾌﾛｰ"/>
      <sheetName val="BIPG110_Ｐ３加工～"/>
      <sheetName val="■旧)BIPG110_Ｐ３加工"/>
      <sheetName val="NIPG910_カード戻し"/>
      <sheetName val="NIPG920_引継F戻し"/>
      <sheetName val="I_Oﾌｧｲ/"/>
      <sheetName val="I_Oﾌｧｲ紆"/>
      <sheetName val="I_Oﾌｧｲ蠑"/>
      <sheetName val="I_Oﾌｧｲ　"/>
      <sheetName val="I_Oﾌｧｲ0"/>
      <sheetName val="I_Oﾌｧｲ紃"/>
      <sheetName val="I_Oﾌｧｲ"/>
      <sheetName val="I_Oﾌｧｲ렽"/>
      <sheetName val="I_Oﾌｧｲ롁"/>
      <sheetName val="加入者ᱞ性(9.2.3)"/>
      <sheetName val="加入者ｽﾃｰﾀ_x0002__x0000__x0000__x0000_+_x0000___x0015__x0000__x0000__"/>
      <sheetName val=":”_x0013__x0000_0_0°_x0000_ ReQ_x0005_\"/>
      <sheetName val="システム一覧"/>
      <sheetName val="wk_検索"/>
      <sheetName val="システム一覧_周辺システム名ソート"/>
      <sheetName val="新業務機能記/_x0000_"/>
      <sheetName val="新業務機能記쨄쭡"/>
      <sheetName val="I_Oﾌｧｲ紀"/>
      <sheetName val="I_Oﾌｧｲ怀"/>
      <sheetName val="I_Oﾌｧｲ㔀"/>
      <sheetName val="I_Oﾌｧｲ栀"/>
      <sheetName val="I_Oﾌｧｲ_xd831_"/>
      <sheetName val="I_Oﾌｧｲ爨"/>
      <sheetName val="I_Oﾌｧｲ爉"/>
      <sheetName val="I_Oﾌｧｲ"/>
      <sheetName val="I_Oﾌｧｲ納"/>
      <sheetName val="ྪ_x0004_Ѐ_x0000_"/>
      <sheetName val="加入者ｽﾃｰﾀ_x0002_??׃⿡_x0000__x0000_냠_x0000__x0000__x0000_"/>
      <sheetName val="加入者ｽﾃｰﾀ_x0002_??釐_x0014_꺨ሔ䑲⼝_x0001__x0000_"/>
      <sheetName val="退職事由等(µ.2._x0000__x0000_뎸_x0000__x0000__x0000_꼽࿰"/>
      <sheetName val="退職事由等(µ.2.䑲　_x0000__x0000_偰_x0000__x0000__x0000_"/>
      <sheetName val="退職事由等(µ.2._x0000__x0000_秘_x0000__x0000__x0000_ᾯ矄"/>
      <sheetName val="退職事由等(µ.2._x0000__x0000_님_x0000__x0000__x0000_鐾ᅺ"/>
      <sheetName val="退職事由等(µ.2._x0010__x0000_ꦠܝ䑲〆_x0000__x0000_"/>
      <sheetName val="退職事由等(µ.2._x0010__x0000_臸ৗ䑲〆_x0000__x0000_"/>
      <sheetName val="退職事由等(µ.2._x0010__x0000_ܻ䑲〆_x0000__x0000_"/>
      <sheetName val="退職事由等(µ.2._x0000__x0000_⪸_x0000__x0000__x0000_㟸ڷ"/>
      <sheetName val="人DB給DBﾏｯﾁﾝİ_x0000_"/>
      <sheetName val="☆B010(A00_x0000_　Â_x0000__x0000_㠀"/>
      <sheetName val="加入者ｽﾃｰﾀ_x0002_??_x0000__x0000__x0000__x0000__x0000_Ⓝ"/>
      <sheetName val="退職事由等(µ.2._x0000__x0000_훈_x0000__x0000__x0000_Ⓝ"/>
      <sheetName val="退職事由等(µ.2.⩿⿜_x0005__x0000__x0000__x0000__x0000_"/>
      <sheetName val="退職事由等(µ.2._x0005__x0000__x0000__x0000__x0000_㜕徙"/>
      <sheetName val="退職事由等(µ.2.砐5⩿⿫_x0005__x0000__x0000_"/>
      <sheetName val="退職事由等(µ.2.皐=⩿〃_x0005__x0000__x0000_"/>
      <sheetName val="退職事由等(µ.2.⩿⾤_x0005__x0000__x0000__x0000__x0000_"/>
      <sheetName val="退職事由等(µ.2.⩿、_x0005__x0000__x0000__x0000__x0000_"/>
      <sheetName val="退職事由等(µ.2.⩿〙_x0005__x0000__x0000__x0000__x0000_"/>
      <sheetName val="☆B010(A0⻡_x0000__x0000_礀恃Ŀ"/>
      <sheetName val="新業務機能記԰_x0000_"/>
      <sheetName val="新業務機能記　⥫"/>
      <sheetName val="☆B010(A0ⴀ_xdd46_⁶ー崂യ_x0001_"/>
      <sheetName val="☆B010(A0ⴀ鑆_xd876_䴬_xdb01_⫊_x0000_"/>
      <sheetName val="☆B010(A0頇㖔ࠀ쏬紂占0"/>
      <sheetName val="人DB給DBﾏｯﾁﾝ_x0000_᧱"/>
      <sheetName val="☆B010(A00_x0000_栀²_x0000__x0000_㠀"/>
      <sheetName val="☆B010(A00_x0000_⠀d_x0000__x0000_㠀"/>
      <sheetName val="☆B010(A00_x0000_䀀_x0000__x0000_栀"/>
      <sheetName val="☆B010(A00_x0000_\_x0000__x0000_堀"/>
      <sheetName val="☆B010(A0/_x0000_怀_x0000__x0000_䠀"/>
      <sheetName val="☆B010(A00_x0000_렀z_x0000__x0000_砀"/>
      <sheetName val="☆B010(A00_x0000_退_x0000__x0000_㠀"/>
      <sheetName val="☆B010(A0/_x0000_ꀀÂ_x0000__x0000_栀"/>
      <sheetName val="☆B010(A00_x0000_¸_x0000__x0000_㠀"/>
      <sheetName val="☆B010(A00_x0000_쀀_x0001__x0000__x0000_䠀"/>
      <sheetName val="☆B010(A00_x0000_㠀w_x0000__x0000_㠀"/>
      <sheetName val="☆B010(A00_x0000_퀀ô_x0000__x0000_㠀"/>
      <sheetName val="☆B010(A00_x0000_堀_x001d__x0000__x0000_᠀"/>
      <sheetName val="☆B010(A0절ᾓʨ紅詠0"/>
      <sheetName val="加入者ｽﾃｰ0_x0000_"/>
      <sheetName val="I_Oﾌｧｲ紅"/>
      <sheetName val="I_Oﾌｧｲ紁"/>
      <sheetName val="I_Oﾌｧｲက"/>
      <sheetName val="I_Oﾌｧｲ䠓"/>
      <sheetName val="プロセス単位Ｐ锼"/>
      <sheetName val="リᰀ፜"/>
      <sheetName val="I_Oﾌｧｲ䈀"/>
      <sheetName val="I_Oﾌｧｲ䠈"/>
      <sheetName val="I_Oﾌｧｲ夂"/>
      <sheetName val="I_Oﾌｧｲ䠅"/>
      <sheetName val="I_Oﾌｧｲ紇"/>
      <sheetName val="☆B010(A0԰_x0000_缀_x0000__x0000__x0000_⼀"/>
      <sheetName val="☆B010(A0԰_x0000_缀_x0000__x0000__x0000_ऀ"/>
      <sheetName val="☆B010(A0԰_x0000_缀_x0000__x0000__x0000_봀"/>
      <sheetName val="☆B010(A0_x0001__x0000_䠀꼡_xdc07_䤧"/>
      <sheetName val="☆B010(A0_x0001__x0000_怀팀_xdc17_䤧"/>
      <sheetName val="☆B010(A0쀀⷏܃䎎/_x0000_瀀"/>
      <sheetName val="☆B010(A0/_x0000_蠀__x0000__x0000_ᬀ"/>
      <sheetName val="☆B010(A0/_x0000__x0000__x0000__x0000_ᬀ"/>
      <sheetName val="☆B010(A0က_x0000_᠀蚯܂美/"/>
      <sheetName val="☆B010(A0栀㔂܇↎/_x0000_ꠀ"/>
      <sheetName val="☆B010(A0က_x0000_堀㼆܆庎/"/>
      <sheetName val="☆B010(A0䠍㶕ࠀጅ約๠0"/>
      <sheetName val="人DB給DBﾏｯﾁﾝ栕ᒘ"/>
      <sheetName val="目次・쐂屣"/>
      <sheetName val="目次・/_x0000_"/>
      <sheetName val="目次・0_x0000_"/>
      <sheetName val="目次・砉ᩋ"/>
      <sheetName val="区分"/>
      <sheetName val="I_Oﾌｧｲ蠘"/>
      <sheetName val="I_Oﾌｧｲ蠖"/>
      <sheetName val="I_Oﾌｧｲ紂"/>
      <sheetName val="I_Oﾌｧｲ紉"/>
      <sheetName val="HW_x0005__x0000_"/>
      <sheetName val="☆B010(A0怀፵∀ᩃ԰_x0000_缀"/>
      <sheetName val="加入者ｽﾃｰ㰀᎕"/>
      <sheetName val="指図書データ（プランį_x0000_䠀_x000a__x0000__x0000_퀀ﾥⱁ"/>
      <sheetName val="☆B010(A0/_x0000_⠀Û_x0000__x0000_퀀"/>
      <sheetName val="☆B010(A0က⣬_x0000__x0000_넀鵄Ŀ"/>
      <sheetName val="I_Oﾌｧｲⴀ"/>
      <sheetName val="I_Oﾌｧｲ_x0001_"/>
      <sheetName val="支払完了ステータス(5.3.2)"/>
      <sheetName val="加入者ステータス等(5.1.1)"/>
      <sheetName val="加入者ステータス等 (5.1.2) "/>
      <sheetName val="加入者ステータス等(5.1.3) "/>
      <sheetName val="加入者ステータス区分(5.2.1)"/>
      <sheetName val="加入者ステータス区分(5.2.3.1)"/>
      <sheetName val="加入者ステータス区分 (5.2.3.2)"/>
      <sheetName val="支払済ステータス（5.3.2）"/>
      <sheetName val="プラン脱退情報(5.3.2)"/>
      <sheetName val="_x0000_:?_x0013__x0000_0?0?_x0000__x0000__x0000__x0000_?ReQ_x0005_?"/>
      <sheetName val="05.出向休職"/>
      <sheetName val="I_Oﾌｧｲ"/>
      <sheetName val="分類2"/>
      <sheetName val="新業務機能記紂੠"/>
      <sheetName val="H27管理指標"/>
      <sheetName val="?:”_x0013_?0é0°???? ReQ_x0005_€"/>
      <sheetName val="I_Oﾌｧｲ_xd806_"/>
      <sheetName val="I_Oﾌｧｲ렏"/>
      <sheetName val="I_Oﾌｧｲ"/>
      <sheetName val="I_Oﾌｧｲ蠦"/>
      <sheetName val="I_Oﾌｧｲ"/>
      <sheetName val="新業務機能記0_x0000_"/>
      <sheetName val="☆B010(A0紀浠0_x0000_耀Ú_x0000_"/>
      <sheetName val="☆B010(A00_x0000_뀀\_x0000__x0000_堀"/>
      <sheetName val="目次・䈀ᅪ"/>
      <sheetName val="目次・倀鮨"/>
      <sheetName val="目次・ _xda5d_"/>
      <sheetName val="目次・　隹"/>
      <sheetName val="目次・뀀魥"/>
      <sheetName val="目次・쀀_xda58_"/>
      <sheetName val="目次・㔀቎"/>
      <sheetName val="目次・԰_x0000_"/>
      <sheetName val="目次・_xd800_根"/>
      <sheetName val="目次・렀㙪"/>
      <sheetName val="目次・ꠈ㽯"/>
      <sheetName val="目次・朅ⵥ"/>
      <sheetName val="目次・栈䑳"/>
      <sheetName val="目次・젆ᶒ"/>
      <sheetName val="目次・約湠"/>
      <sheetName val="目次・紂湠"/>
      <sheetName val="加入者ｽﾃｰﾀ_x0002_?+?⽘_x0015_?饦"/>
      <sheetName val="テーブル嘀*噌"/>
      <sheetName val="テーブル橂⼣_x0005_"/>
      <sheetName val="☆B010(A0_x0000__x0000_쀀̴Ⱍ䄩Ⰰ"/>
      <sheetName val="☆B010(A0崀왅⡴_xd985_弁똿_x0000_"/>
      <sheetName val="新業務機能記紂"/>
      <sheetName val="新業務機能記蠓ㅬ"/>
      <sheetName val="新業務機能記쨂"/>
      <sheetName val="改訂履歴"/>
      <sheetName val="改訂内容"/>
      <sheetName val="1.前提"/>
      <sheetName val="2.IPOﾀﾞｲｱｸﾞﾗﾑ(1)"/>
      <sheetName val="2.IPOﾀﾞｲｱｸﾞﾗﾑ(2)"/>
      <sheetName val="2.IPOﾀﾞｲｱｸﾞﾗﾑ(3)"/>
      <sheetName val="2.IPOﾀﾞｲｱｸﾞﾗﾑ(4)"/>
      <sheetName val="3.ﾁｪｯｸ仕様"/>
      <sheetName val="4.編集仕様（受渡ﾊﾟﾗﾒｰﾀ）(1)"/>
      <sheetName val="4.編集仕様（受渡ﾊﾟﾗﾒｰﾀ）(2)"/>
      <sheetName val="4.編集仕様（受渡ﾊﾟﾗﾒｰﾀ）(3)"/>
      <sheetName val="4.編集仕様（受渡ﾊﾟﾗﾒｰﾀ）(4)"/>
      <sheetName val="5.データベース編集仕様"/>
      <sheetName val="6.金銭拘束残高依頼実行一覧"/>
      <sheetName val="7.パラメータレイアウト"/>
      <sheetName val="8.添付資料(日本語マクロガイド)"/>
      <sheetName val="日本語マクロガイド【NKEJ10】"/>
      <sheetName val="VKBJ04C"/>
      <sheetName val="区分定義"/>
      <sheetName val="新業務機能記怀ት"/>
      <sheetName val="設定シート１"/>
      <sheetName val="設定シート４"/>
      <sheetName val="設定シート３"/>
      <sheetName val="リ젆ⶓ"/>
      <sheetName val="新業務機能記쐇㡣"/>
      <sheetName val="新業務機能記쨃큡"/>
      <sheetName val="新業務機能記ꀀㅲ"/>
      <sheetName val="新業務機能記ꠀᩰ"/>
      <sheetName val="新業務機能記ࠀᕳ"/>
      <sheetName val="新業務機能記䠀ቬ"/>
      <sheetName val="新業務機能記씀촖"/>
      <sheetName val="新業務機能記_xd800_⹱"/>
      <sheetName val="新業務機能記_x0001__x0000_"/>
      <sheetName val="ドロップダウンリスト"/>
      <sheetName val="リက_x0000_"/>
      <sheetName val="I_Oﾌｧｲ렀"/>
      <sheetName val="I_Oﾌｧｲꨀ"/>
      <sheetName val="I_Oﾌｧｲ쨁"/>
      <sheetName val="[df一覧hs.xls]_x0000_:_x0013__x0000_0é0°_x0000__x0000__x0000__x0000_ ReQ_x0005_"/>
      <sheetName val="[df一覧hs.xls]:”_x0013__x0000_0é0°_x0000_ ReQ_x0005_"/>
      <sheetName val="[df一覧hs.xls] :”_x0013_ 0é0°     ReQ_x0005_"/>
      <sheetName val="[df一覧hs.xls]_x0000_:”_x0013__x0000_0é0°_x0000__x0000__x0000__x0000_ ReQ_x0005_€"/>
      <sheetName val="[df一覧hs.xls] :”_x0013_ 0é0°     ReQ_x0005_€"/>
      <sheetName val="[df一覧hs.xls]?:_x0013_?0é0°???? ReQ_x0005_"/>
      <sheetName val="[df一覧hs.xls]I_Oﾌｧｲ/"/>
      <sheetName val="[df一覧hs.xls]:”_x0013__x0000_0_0°_x0000_ ReQ_x0005_\"/>
      <sheetName val="[df一覧hs.xls]新業務機能記/_x0000_"/>
      <sheetName val="[df一覧hs.xls]:”_x0013_"/>
      <sheetName val="[df一覧hs.xls]:”_x0013_?0é0°? ReQ_x0005_"/>
      <sheetName val="[df一覧hs.xls]目次・/_x0000_"/>
      <sheetName val="[df一覧hs.xls]?:”_x0013_?0é0°???? ReQ_x0005_€"/>
      <sheetName val="[df一覧hs.xls]☆B010(A00_x0000_\_x0000__x0000_堀"/>
      <sheetName val="[df一覧hs.xls]☆B010(A0/_x0000_怀_x0000__x0000_䠀"/>
      <sheetName val="[df一覧hs.xls]☆B010(A0/_x0000_ꀀÂ_x0000__x0000_栀"/>
      <sheetName val="[df一覧hs.xls]☆B010(A0/_x0000_⠀Û_x0000__x0000_퀀"/>
      <sheetName val="[df一覧hs.xls]☆B010(A0쀀⷏܃䎎/_x0000_瀀"/>
      <sheetName val="[df一覧hs.xls]☆B010(A0/_x0000_蠀__x0000__x0000_ᬀ"/>
      <sheetName val="[df一覧hs.xls]☆B010(A0/_x0000__x0000__x0000__x0000_ᬀ"/>
      <sheetName val="[df一覧hs.xls]☆B010(A0က_x0000_᠀蚯܂美/"/>
      <sheetName val="[df一覧hs.xls]☆B010(A0栀㔂܇↎/_x0000_ꠀ"/>
      <sheetName val="[df一覧hs.xls]☆B010(A0က_x0000_堀㼆܆庎/"/>
      <sheetName val="[df一覧hs.xls]_x0000_:?_x0013__x0000_0?0?_x0000__x0000__x0000__x0000_?ReQ_x0005_?"/>
      <sheetName val="[df一覧hs.xls]☆B010(A00_x0000_뀀\_x0000__x0000_堀"/>
      <sheetName val="変更管理쐊潣0"/>
      <sheetName val="変更管理/_x0000_ࠀ"/>
      <sheetName val="変更管理ԯ_x0000_缀"/>
      <sheetName val="変更管理ꠀ⡮䈀"/>
      <sheetName val="変更管理耀ᩰ찀"/>
      <sheetName val="変更管理㠀⑰䈀"/>
      <sheetName val="変更管理ꀀ╭"/>
      <sheetName val="変更管理崀졅塶"/>
      <sheetName val="変更管理줂倯_x0001_"/>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sheetData sheetId="76"/>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sheetData sheetId="155"/>
      <sheetData sheetId="156"/>
      <sheetData sheetId="157"/>
      <sheetData sheetId="158"/>
      <sheetData sheetId="159"/>
      <sheetData sheetId="160"/>
      <sheetData sheetId="161"/>
      <sheetData sheetId="162"/>
      <sheetData sheetId="163"/>
      <sheetData sheetId="164"/>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 sheetId="188" refreshError="1"/>
      <sheetData sheetId="189"/>
      <sheetData sheetId="190"/>
      <sheetData sheetId="191" refreshError="1"/>
      <sheetData sheetId="192" refreshError="1"/>
      <sheetData sheetId="193" refreshError="1"/>
      <sheetData sheetId="194" refreshError="1"/>
      <sheetData sheetId="195" refreshError="1"/>
      <sheetData sheetId="196" refreshError="1"/>
      <sheetData sheetId="197" refreshError="1"/>
      <sheetData sheetId="198" refreshError="1"/>
      <sheetData sheetId="199" refreshError="1"/>
      <sheetData sheetId="200" refreshError="1"/>
      <sheetData sheetId="201" refreshError="1"/>
      <sheetData sheetId="202" refreshError="1"/>
      <sheetData sheetId="203" refreshError="1"/>
      <sheetData sheetId="204" refreshError="1"/>
      <sheetData sheetId="205" refreshError="1"/>
      <sheetData sheetId="206" refreshError="1"/>
      <sheetData sheetId="207"/>
      <sheetData sheetId="208"/>
      <sheetData sheetId="209"/>
      <sheetData sheetId="210"/>
      <sheetData sheetId="211"/>
      <sheetData sheetId="212"/>
      <sheetData sheetId="213"/>
      <sheetData sheetId="214"/>
      <sheetData sheetId="215" refreshError="1"/>
      <sheetData sheetId="216" refreshError="1"/>
      <sheetData sheetId="217" refreshError="1"/>
      <sheetData sheetId="218"/>
      <sheetData sheetId="219" refreshError="1"/>
      <sheetData sheetId="220"/>
      <sheetData sheetId="221"/>
      <sheetData sheetId="222" refreshError="1"/>
      <sheetData sheetId="223"/>
      <sheetData sheetId="224"/>
      <sheetData sheetId="225"/>
      <sheetData sheetId="226"/>
      <sheetData sheetId="227" refreshError="1"/>
      <sheetData sheetId="228" refreshError="1"/>
      <sheetData sheetId="229" refreshError="1"/>
      <sheetData sheetId="230" refreshError="1"/>
      <sheetData sheetId="231" refreshError="1"/>
      <sheetData sheetId="232" refreshError="1"/>
      <sheetData sheetId="233" refreshError="1"/>
      <sheetData sheetId="234" refreshError="1"/>
      <sheetData sheetId="235" refreshError="1"/>
      <sheetData sheetId="236" refreshError="1"/>
      <sheetData sheetId="237" refreshError="1"/>
      <sheetData sheetId="238" refreshError="1"/>
      <sheetData sheetId="239" refreshError="1"/>
      <sheetData sheetId="240" refreshError="1"/>
      <sheetData sheetId="241" refreshError="1"/>
      <sheetData sheetId="242"/>
      <sheetData sheetId="243"/>
      <sheetData sheetId="244"/>
      <sheetData sheetId="245"/>
      <sheetData sheetId="246"/>
      <sheetData sheetId="247"/>
      <sheetData sheetId="248"/>
      <sheetData sheetId="249"/>
      <sheetData sheetId="250"/>
      <sheetData sheetId="251" refreshError="1"/>
      <sheetData sheetId="252" refreshError="1"/>
      <sheetData sheetId="253" refreshError="1"/>
      <sheetData sheetId="254" refreshError="1"/>
      <sheetData sheetId="255" refreshError="1"/>
      <sheetData sheetId="256" refreshError="1"/>
      <sheetData sheetId="257" refreshError="1"/>
      <sheetData sheetId="258" refreshError="1"/>
      <sheetData sheetId="259" refreshError="1"/>
      <sheetData sheetId="260" refreshError="1"/>
      <sheetData sheetId="261" refreshError="1"/>
      <sheetData sheetId="262" refreshError="1"/>
      <sheetData sheetId="263" refreshError="1"/>
      <sheetData sheetId="264" refreshError="1"/>
      <sheetData sheetId="265" refreshError="1"/>
      <sheetData sheetId="266" refreshError="1"/>
      <sheetData sheetId="267" refreshError="1"/>
      <sheetData sheetId="268" refreshError="1"/>
      <sheetData sheetId="269" refreshError="1"/>
      <sheetData sheetId="270" refreshError="1"/>
      <sheetData sheetId="271" refreshError="1"/>
      <sheetData sheetId="272"/>
      <sheetData sheetId="273" refreshError="1"/>
      <sheetData sheetId="274" refreshError="1"/>
      <sheetData sheetId="275"/>
      <sheetData sheetId="276"/>
      <sheetData sheetId="277"/>
      <sheetData sheetId="278"/>
      <sheetData sheetId="279"/>
      <sheetData sheetId="280"/>
      <sheetData sheetId="281"/>
      <sheetData sheetId="282"/>
      <sheetData sheetId="283"/>
      <sheetData sheetId="284" refreshError="1"/>
      <sheetData sheetId="285" refreshError="1"/>
      <sheetData sheetId="286"/>
      <sheetData sheetId="287"/>
      <sheetData sheetId="288"/>
      <sheetData sheetId="289"/>
      <sheetData sheetId="290"/>
      <sheetData sheetId="291"/>
      <sheetData sheetId="292"/>
      <sheetData sheetId="293"/>
      <sheetData sheetId="294"/>
      <sheetData sheetId="295" refreshError="1"/>
      <sheetData sheetId="296" refreshError="1"/>
      <sheetData sheetId="297" refreshError="1"/>
      <sheetData sheetId="298" refreshError="1"/>
      <sheetData sheetId="299" refreshError="1"/>
      <sheetData sheetId="300"/>
      <sheetData sheetId="301"/>
      <sheetData sheetId="302"/>
      <sheetData sheetId="303" refreshError="1"/>
      <sheetData sheetId="304" refreshError="1"/>
      <sheetData sheetId="305"/>
      <sheetData sheetId="306"/>
      <sheetData sheetId="307"/>
      <sheetData sheetId="308" refreshError="1"/>
      <sheetData sheetId="309" refreshError="1"/>
      <sheetData sheetId="310" refreshError="1"/>
      <sheetData sheetId="311" refreshError="1"/>
      <sheetData sheetId="312" refreshError="1"/>
      <sheetData sheetId="313" refreshError="1"/>
      <sheetData sheetId="314" refreshError="1"/>
      <sheetData sheetId="315" refreshError="1"/>
      <sheetData sheetId="316" refreshError="1"/>
      <sheetData sheetId="317" refreshError="1"/>
      <sheetData sheetId="318" refreshError="1"/>
      <sheetData sheetId="319" refreshError="1"/>
      <sheetData sheetId="320" refreshError="1"/>
      <sheetData sheetId="321" refreshError="1"/>
      <sheetData sheetId="322" refreshError="1"/>
      <sheetData sheetId="323" refreshError="1"/>
      <sheetData sheetId="324" refreshError="1"/>
      <sheetData sheetId="325" refreshError="1"/>
      <sheetData sheetId="326" refreshError="1"/>
      <sheetData sheetId="327" refreshError="1"/>
      <sheetData sheetId="328" refreshError="1"/>
      <sheetData sheetId="329" refreshError="1"/>
      <sheetData sheetId="330" refreshError="1"/>
      <sheetData sheetId="331" refreshError="1"/>
      <sheetData sheetId="332" refreshError="1"/>
      <sheetData sheetId="333" refreshError="1"/>
      <sheetData sheetId="334" refreshError="1"/>
      <sheetData sheetId="335" refreshError="1"/>
      <sheetData sheetId="336" refreshError="1"/>
      <sheetData sheetId="337" refreshError="1"/>
      <sheetData sheetId="338" refreshError="1"/>
      <sheetData sheetId="339" refreshError="1"/>
      <sheetData sheetId="340" refreshError="1"/>
      <sheetData sheetId="341" refreshError="1"/>
      <sheetData sheetId="342" refreshError="1"/>
      <sheetData sheetId="343" refreshError="1"/>
      <sheetData sheetId="344"/>
      <sheetData sheetId="345"/>
      <sheetData sheetId="346"/>
      <sheetData sheetId="347"/>
      <sheetData sheetId="348"/>
      <sheetData sheetId="349"/>
      <sheetData sheetId="350"/>
      <sheetData sheetId="351"/>
      <sheetData sheetId="352"/>
      <sheetData sheetId="353"/>
      <sheetData sheetId="354" refreshError="1"/>
      <sheetData sheetId="355" refreshError="1"/>
      <sheetData sheetId="356" refreshError="1"/>
      <sheetData sheetId="357"/>
      <sheetData sheetId="358"/>
      <sheetData sheetId="359"/>
      <sheetData sheetId="360"/>
      <sheetData sheetId="361"/>
      <sheetData sheetId="362"/>
      <sheetData sheetId="363"/>
      <sheetData sheetId="364" refreshError="1"/>
      <sheetData sheetId="365"/>
      <sheetData sheetId="366"/>
      <sheetData sheetId="367"/>
      <sheetData sheetId="368"/>
      <sheetData sheetId="369" refreshError="1"/>
      <sheetData sheetId="370" refreshError="1"/>
      <sheetData sheetId="371" refreshError="1"/>
      <sheetData sheetId="372" refreshError="1"/>
      <sheetData sheetId="373" refreshError="1"/>
      <sheetData sheetId="374" refreshError="1"/>
      <sheetData sheetId="375" refreshError="1"/>
      <sheetData sheetId="376" refreshError="1"/>
      <sheetData sheetId="377" refreshError="1"/>
      <sheetData sheetId="378" refreshError="1"/>
      <sheetData sheetId="379" refreshError="1"/>
      <sheetData sheetId="380" refreshError="1"/>
      <sheetData sheetId="381"/>
      <sheetData sheetId="382"/>
      <sheetData sheetId="383"/>
      <sheetData sheetId="384"/>
      <sheetData sheetId="385"/>
      <sheetData sheetId="386"/>
      <sheetData sheetId="387"/>
      <sheetData sheetId="388"/>
      <sheetData sheetId="389"/>
      <sheetData sheetId="390" refreshError="1"/>
      <sheetData sheetId="391" refreshError="1"/>
      <sheetData sheetId="392" refreshError="1"/>
      <sheetData sheetId="393" refreshError="1"/>
      <sheetData sheetId="394" refreshError="1"/>
      <sheetData sheetId="395" refreshError="1"/>
      <sheetData sheetId="396" refreshError="1"/>
      <sheetData sheetId="397" refreshError="1"/>
      <sheetData sheetId="398" refreshError="1"/>
      <sheetData sheetId="399" refreshError="1"/>
      <sheetData sheetId="400" refreshError="1"/>
      <sheetData sheetId="401" refreshError="1"/>
      <sheetData sheetId="402" refreshError="1"/>
      <sheetData sheetId="403" refreshError="1"/>
      <sheetData sheetId="404" refreshError="1"/>
      <sheetData sheetId="405" refreshError="1"/>
      <sheetData sheetId="406" refreshError="1"/>
      <sheetData sheetId="407" refreshError="1"/>
      <sheetData sheetId="408" refreshError="1"/>
      <sheetData sheetId="409" refreshError="1"/>
      <sheetData sheetId="410" refreshError="1"/>
      <sheetData sheetId="411"/>
      <sheetData sheetId="412" refreshError="1"/>
      <sheetData sheetId="413" refreshError="1"/>
      <sheetData sheetId="414"/>
      <sheetData sheetId="415"/>
      <sheetData sheetId="416"/>
      <sheetData sheetId="417"/>
      <sheetData sheetId="418"/>
      <sheetData sheetId="419"/>
      <sheetData sheetId="420"/>
      <sheetData sheetId="421"/>
      <sheetData sheetId="422"/>
      <sheetData sheetId="423"/>
      <sheetData sheetId="424"/>
      <sheetData sheetId="425"/>
      <sheetData sheetId="426"/>
      <sheetData sheetId="427"/>
      <sheetData sheetId="428"/>
      <sheetData sheetId="429"/>
      <sheetData sheetId="430"/>
      <sheetData sheetId="431"/>
      <sheetData sheetId="432"/>
      <sheetData sheetId="433"/>
      <sheetData sheetId="434"/>
      <sheetData sheetId="435"/>
      <sheetData sheetId="436"/>
      <sheetData sheetId="437"/>
      <sheetData sheetId="438"/>
      <sheetData sheetId="439"/>
      <sheetData sheetId="440"/>
      <sheetData sheetId="441"/>
      <sheetData sheetId="442" refreshError="1"/>
      <sheetData sheetId="443" refreshError="1"/>
      <sheetData sheetId="444" refreshError="1"/>
      <sheetData sheetId="445"/>
      <sheetData sheetId="446"/>
      <sheetData sheetId="447" refreshError="1"/>
      <sheetData sheetId="448"/>
      <sheetData sheetId="449"/>
      <sheetData sheetId="450"/>
      <sheetData sheetId="451"/>
      <sheetData sheetId="452"/>
      <sheetData sheetId="453"/>
      <sheetData sheetId="454"/>
      <sheetData sheetId="455"/>
      <sheetData sheetId="456"/>
      <sheetData sheetId="457"/>
      <sheetData sheetId="458" refreshError="1"/>
      <sheetData sheetId="459" refreshError="1"/>
      <sheetData sheetId="460" refreshError="1"/>
      <sheetData sheetId="461" refreshError="1"/>
      <sheetData sheetId="462"/>
      <sheetData sheetId="463" refreshError="1"/>
      <sheetData sheetId="464" refreshError="1"/>
      <sheetData sheetId="465"/>
      <sheetData sheetId="466"/>
      <sheetData sheetId="467"/>
      <sheetData sheetId="468"/>
      <sheetData sheetId="469"/>
      <sheetData sheetId="470"/>
      <sheetData sheetId="471"/>
      <sheetData sheetId="472" refreshError="1"/>
      <sheetData sheetId="473" refreshError="1"/>
      <sheetData sheetId="474" refreshError="1"/>
      <sheetData sheetId="475" refreshError="1"/>
      <sheetData sheetId="476" refreshError="1"/>
      <sheetData sheetId="477" refreshError="1"/>
      <sheetData sheetId="478" refreshError="1"/>
      <sheetData sheetId="479" refreshError="1"/>
      <sheetData sheetId="480" refreshError="1"/>
      <sheetData sheetId="481" refreshError="1"/>
      <sheetData sheetId="482"/>
      <sheetData sheetId="483"/>
      <sheetData sheetId="484" refreshError="1"/>
      <sheetData sheetId="485" refreshError="1"/>
      <sheetData sheetId="486" refreshError="1"/>
      <sheetData sheetId="487" refreshError="1"/>
      <sheetData sheetId="488" refreshError="1"/>
      <sheetData sheetId="489" refreshError="1"/>
      <sheetData sheetId="490" refreshError="1"/>
      <sheetData sheetId="491" refreshError="1"/>
      <sheetData sheetId="492" refreshError="1"/>
      <sheetData sheetId="493"/>
      <sheetData sheetId="494"/>
      <sheetData sheetId="495" refreshError="1"/>
      <sheetData sheetId="496"/>
      <sheetData sheetId="497"/>
      <sheetData sheetId="498"/>
      <sheetData sheetId="499"/>
      <sheetData sheetId="500"/>
      <sheetData sheetId="501"/>
      <sheetData sheetId="502"/>
      <sheetData sheetId="503" refreshError="1"/>
      <sheetData sheetId="504"/>
      <sheetData sheetId="505" refreshError="1"/>
      <sheetData sheetId="506"/>
      <sheetData sheetId="507"/>
      <sheetData sheetId="508"/>
      <sheetData sheetId="509"/>
      <sheetData sheetId="510"/>
      <sheetData sheetId="511"/>
      <sheetData sheetId="512"/>
      <sheetData sheetId="513"/>
      <sheetData sheetId="514"/>
      <sheetData sheetId="515"/>
      <sheetData sheetId="516"/>
      <sheetData sheetId="517"/>
      <sheetData sheetId="518" refreshError="1"/>
      <sheetData sheetId="519" refreshError="1"/>
      <sheetData sheetId="520" refreshError="1"/>
      <sheetData sheetId="521"/>
      <sheetData sheetId="522"/>
      <sheetData sheetId="523" refreshError="1"/>
      <sheetData sheetId="524"/>
      <sheetData sheetId="525"/>
      <sheetData sheetId="526"/>
      <sheetData sheetId="527" refreshError="1"/>
      <sheetData sheetId="528" refreshError="1"/>
      <sheetData sheetId="529"/>
      <sheetData sheetId="530"/>
      <sheetData sheetId="531"/>
      <sheetData sheetId="532"/>
      <sheetData sheetId="533"/>
      <sheetData sheetId="534"/>
      <sheetData sheetId="535"/>
      <sheetData sheetId="536"/>
      <sheetData sheetId="537"/>
      <sheetData sheetId="538"/>
      <sheetData sheetId="539" refreshError="1"/>
      <sheetData sheetId="540" refreshError="1"/>
      <sheetData sheetId="541" refreshError="1"/>
      <sheetData sheetId="542" refreshError="1"/>
      <sheetData sheetId="543" refreshError="1"/>
      <sheetData sheetId="544"/>
      <sheetData sheetId="545"/>
      <sheetData sheetId="546"/>
      <sheetData sheetId="547"/>
      <sheetData sheetId="548" refreshError="1"/>
      <sheetData sheetId="549"/>
      <sheetData sheetId="550" refreshError="1"/>
      <sheetData sheetId="551"/>
      <sheetData sheetId="552" refreshError="1"/>
      <sheetData sheetId="553"/>
      <sheetData sheetId="554"/>
      <sheetData sheetId="555"/>
      <sheetData sheetId="556" refreshError="1"/>
      <sheetData sheetId="557" refreshError="1"/>
      <sheetData sheetId="558" refreshError="1"/>
      <sheetData sheetId="559" refreshError="1"/>
      <sheetData sheetId="560" refreshError="1"/>
      <sheetData sheetId="561" refreshError="1"/>
      <sheetData sheetId="562" refreshError="1"/>
      <sheetData sheetId="563" refreshError="1"/>
      <sheetData sheetId="564" refreshError="1"/>
      <sheetData sheetId="565" refreshError="1"/>
      <sheetData sheetId="566" refreshError="1"/>
      <sheetData sheetId="567"/>
      <sheetData sheetId="568" refreshError="1"/>
      <sheetData sheetId="569" refreshError="1"/>
      <sheetData sheetId="570" refreshError="1"/>
      <sheetData sheetId="571" refreshError="1"/>
      <sheetData sheetId="572"/>
      <sheetData sheetId="573"/>
      <sheetData sheetId="574" refreshError="1"/>
      <sheetData sheetId="575"/>
      <sheetData sheetId="576"/>
      <sheetData sheetId="577" refreshError="1"/>
      <sheetData sheetId="578"/>
      <sheetData sheetId="579"/>
      <sheetData sheetId="580" refreshError="1"/>
      <sheetData sheetId="581" refreshError="1"/>
      <sheetData sheetId="582" refreshError="1"/>
      <sheetData sheetId="583" refreshError="1"/>
      <sheetData sheetId="584" refreshError="1"/>
      <sheetData sheetId="585" refreshError="1"/>
      <sheetData sheetId="586" refreshError="1"/>
      <sheetData sheetId="587" refreshError="1"/>
      <sheetData sheetId="588" refreshError="1"/>
      <sheetData sheetId="589" refreshError="1"/>
      <sheetData sheetId="590" refreshError="1"/>
      <sheetData sheetId="591" refreshError="1"/>
      <sheetData sheetId="592" refreshError="1"/>
      <sheetData sheetId="593" refreshError="1"/>
      <sheetData sheetId="594" refreshError="1"/>
      <sheetData sheetId="595" refreshError="1"/>
      <sheetData sheetId="596"/>
      <sheetData sheetId="597"/>
      <sheetData sheetId="598" refreshError="1"/>
      <sheetData sheetId="599"/>
      <sheetData sheetId="600"/>
      <sheetData sheetId="601" refreshError="1"/>
      <sheetData sheetId="602" refreshError="1"/>
      <sheetData sheetId="603" refreshError="1"/>
      <sheetData sheetId="604"/>
      <sheetData sheetId="605"/>
      <sheetData sheetId="606"/>
      <sheetData sheetId="607"/>
      <sheetData sheetId="608"/>
      <sheetData sheetId="609"/>
      <sheetData sheetId="610"/>
      <sheetData sheetId="611"/>
      <sheetData sheetId="612"/>
      <sheetData sheetId="613"/>
      <sheetData sheetId="614"/>
      <sheetData sheetId="615"/>
      <sheetData sheetId="616"/>
      <sheetData sheetId="617"/>
      <sheetData sheetId="618"/>
      <sheetData sheetId="619"/>
      <sheetData sheetId="620"/>
      <sheetData sheetId="621" refreshError="1"/>
      <sheetData sheetId="622" refreshError="1"/>
      <sheetData sheetId="623" refreshError="1"/>
      <sheetData sheetId="624" refreshError="1"/>
      <sheetData sheetId="625" refreshError="1"/>
      <sheetData sheetId="626" refreshError="1"/>
      <sheetData sheetId="627"/>
      <sheetData sheetId="628" refreshError="1"/>
      <sheetData sheetId="629" refreshError="1"/>
      <sheetData sheetId="630" refreshError="1"/>
      <sheetData sheetId="631" refreshError="1"/>
      <sheetData sheetId="632" refreshError="1"/>
      <sheetData sheetId="633" refreshError="1"/>
      <sheetData sheetId="634" refreshError="1"/>
      <sheetData sheetId="635" refreshError="1"/>
      <sheetData sheetId="636" refreshError="1"/>
      <sheetData sheetId="637" refreshError="1"/>
      <sheetData sheetId="638"/>
      <sheetData sheetId="639"/>
      <sheetData sheetId="640"/>
      <sheetData sheetId="641"/>
      <sheetData sheetId="642" refreshError="1"/>
      <sheetData sheetId="643" refreshError="1"/>
      <sheetData sheetId="644" refreshError="1"/>
      <sheetData sheetId="645" refreshError="1"/>
      <sheetData sheetId="646" refreshError="1"/>
      <sheetData sheetId="647"/>
      <sheetData sheetId="648"/>
      <sheetData sheetId="649"/>
      <sheetData sheetId="650" refreshError="1"/>
      <sheetData sheetId="651" refreshError="1"/>
      <sheetData sheetId="652"/>
      <sheetData sheetId="653" refreshError="1"/>
      <sheetData sheetId="654" refreshError="1"/>
      <sheetData sheetId="655" refreshError="1"/>
      <sheetData sheetId="656"/>
      <sheetData sheetId="657"/>
      <sheetData sheetId="658" refreshError="1"/>
      <sheetData sheetId="659"/>
      <sheetData sheetId="660"/>
      <sheetData sheetId="661"/>
      <sheetData sheetId="662"/>
      <sheetData sheetId="663"/>
      <sheetData sheetId="664"/>
      <sheetData sheetId="665" refreshError="1"/>
      <sheetData sheetId="666"/>
      <sheetData sheetId="667" refreshError="1"/>
      <sheetData sheetId="668" refreshError="1"/>
      <sheetData sheetId="669" refreshError="1"/>
      <sheetData sheetId="670" refreshError="1"/>
      <sheetData sheetId="671" refreshError="1"/>
      <sheetData sheetId="672" refreshError="1"/>
      <sheetData sheetId="673" refreshError="1"/>
      <sheetData sheetId="674" refreshError="1"/>
      <sheetData sheetId="675"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2-02画面定義書"/>
      <sheetName val="D2-02サンプル　画面定義書(画面一覧)"/>
      <sheetName val="D2-02サンプル　画面定義書(画面遷移図)"/>
      <sheetName val="D2-02サンプル　画面定義書(画面仕様書)"/>
      <sheetName val="D2-02サンプル　画面定義書(データ項目定義書)"/>
      <sheetName val="D2-02サンプル　画面定義書(WEBプログラム仕様)"/>
      <sheetName val="D2-03帳票定義書 "/>
      <sheetName val="D2-03サンプル　帳票定義書(帳票一覧)"/>
      <sheetName val="D2-03サンプル　帳票定義書(レイアウト)"/>
      <sheetName val="D2-03サンプル　帳票定義書(編集仕様)"/>
      <sheetName val="D2-03サンプル　帳票定義書(データ取得仕様)"/>
      <sheetName val="D2-05処理フロー図"/>
      <sheetName val="D2-05サンプル　処理フロー図"/>
      <sheetName val="D2-08データベース設計書"/>
      <sheetName val="D2-08サンプル　データベース設計書(テーブル一覧)"/>
      <sheetName val="D2-08サンプル　データベース設計書(インデックス一覧)"/>
      <sheetName val="D2-08サンプル　データベース設計書(テーブル定義書)"/>
    </sheetNames>
    <sheetDataSet>
      <sheetData sheetId="0" refreshError="1"/>
      <sheetData sheetId="1" refreshError="1"/>
      <sheetData sheetId="2" refreshError="1"/>
      <sheetData sheetId="3" refreshError="1"/>
      <sheetData sheetId="4"/>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変更履歴"/>
      <sheetName val="インターフェース一覧"/>
      <sheetName val="code"/>
      <sheetName val="XML定義"/>
      <sheetName val="通信イメージ"/>
      <sheetName val="共通処理"/>
      <sheetName val="I"/>
      <sheetName val="O"/>
      <sheetName val="I (3)"/>
      <sheetName val="O (3)"/>
      <sheetName val="I (4)"/>
      <sheetName val="O (4)"/>
      <sheetName val="I (5)"/>
      <sheetName val="O (5)"/>
      <sheetName val="I (6)"/>
      <sheetName val="O (6)"/>
      <sheetName val="I (7)"/>
      <sheetName val="O (7)"/>
      <sheetName val="I (8)"/>
      <sheetName val="O (8)"/>
      <sheetName val="I (9)"/>
      <sheetName val="O (9)"/>
      <sheetName val="I (10)"/>
      <sheetName val="O (10)"/>
      <sheetName val="I (11)"/>
      <sheetName val="O (11)"/>
      <sheetName val="I (12)"/>
      <sheetName val="O (12)"/>
      <sheetName val="I (13)"/>
      <sheetName val="O (13)"/>
      <sheetName val="I (14)"/>
      <sheetName val="O (14)"/>
      <sheetName val="I (15)"/>
      <sheetName val="O (15)"/>
      <sheetName val="I (16)"/>
      <sheetName val="O (16)"/>
      <sheetName val="I (17)"/>
      <sheetName val="O (17)"/>
      <sheetName val="I (18)"/>
      <sheetName val="O (18)"/>
      <sheetName val="I (23)"/>
      <sheetName val="O (23)"/>
      <sheetName val="I (25)"/>
      <sheetName val="O (25)"/>
      <sheetName val="I (26)"/>
      <sheetName val="O (26)"/>
      <sheetName val="I (27)"/>
      <sheetName val="O (27)"/>
      <sheetName val="I (28)"/>
      <sheetName val="O (28)"/>
      <sheetName val="I (29)"/>
      <sheetName val="O (29)"/>
      <sheetName val="I (30)"/>
      <sheetName val="O (30)"/>
      <sheetName val="I (31)"/>
      <sheetName val="O (31)"/>
      <sheetName val="I (32)"/>
      <sheetName val="O (32)"/>
      <sheetName val="I (33)"/>
      <sheetName val="O (33)"/>
      <sheetName val="I (34)"/>
      <sheetName val="O (34)"/>
      <sheetName val="I (35)"/>
      <sheetName val="O (35)"/>
      <sheetName val="I (36)"/>
      <sheetName val="O (36)"/>
      <sheetName val="I (37)"/>
      <sheetName val="O (37)"/>
      <sheetName val="I (38)"/>
      <sheetName val="O (38)"/>
      <sheetName val="I (40)"/>
      <sheetName val="O (40)"/>
      <sheetName val="I (41)"/>
      <sheetName val="O (41)"/>
      <sheetName val="I (43)"/>
      <sheetName val="O (43)"/>
      <sheetName val="I (44)"/>
      <sheetName val="O (44)"/>
      <sheetName val="I (45)"/>
      <sheetName val="O (45)"/>
      <sheetName val="I (46)"/>
      <sheetName val="O (46)"/>
      <sheetName val="I (47)"/>
      <sheetName val="O (47)"/>
      <sheetName val="I (48)"/>
      <sheetName val="O (48)"/>
      <sheetName val="I (49)"/>
      <sheetName val="O (49)"/>
      <sheetName val="I (51)"/>
      <sheetName val="O (51)"/>
      <sheetName val="I (53)"/>
      <sheetName val="O (53)"/>
      <sheetName val="I (54)"/>
      <sheetName val="O (54)"/>
      <sheetName val="I (55)"/>
      <sheetName val="O (55)"/>
      <sheetName val="I (56)"/>
      <sheetName val="O (56)"/>
      <sheetName val="I (57)"/>
      <sheetName val="O (57) "/>
      <sheetName val="I (58)"/>
      <sheetName val="O (58)"/>
      <sheetName val="I (59)"/>
      <sheetName val="O (59)"/>
      <sheetName val="I (60)"/>
      <sheetName val="O (60)"/>
      <sheetName val="I (61)"/>
      <sheetName val="O (61)"/>
      <sheetName val="I (62)"/>
      <sheetName val="O (62)"/>
      <sheetName val="I (63)"/>
      <sheetName val="O (63)"/>
      <sheetName val="I (64)"/>
      <sheetName val="O (64)"/>
      <sheetName val="I (65)"/>
      <sheetName val="O (65)"/>
      <sheetName val="I (66)"/>
      <sheetName val="O (66)"/>
      <sheetName val="config"/>
      <sheetName val="process"/>
      <sheetName val="list"/>
      <sheetName val="macro"/>
      <sheetName val="状態一覧"/>
      <sheetName val="◆sbtサポート用シート◆連絡先一覧"/>
      <sheetName val="◆sbtサポート用シート◆カテゴリ一覧"/>
      <sheetName val="1.記載方法"/>
      <sheetName val="データ"/>
      <sheetName val="集計"/>
      <sheetName val="テスト種別集計"/>
      <sheetName val="リスト"/>
      <sheetName val="Sheet1"/>
      <sheetName val="共通申請サービス組織一覧(2022.11.07)"/>
      <sheetName val="項目一覧（基）"/>
      <sheetName val="ｸﾗｽﾓｼﾞｭｰﾙ仕様"/>
      <sheetName val="pr"/>
      <sheetName val="景気動向"/>
      <sheetName val="管理表"/>
      <sheetName val="抽出用シート"/>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row r="5">
          <cell r="A5" t="str">
            <v>要求電文(C→S)</v>
          </cell>
        </row>
        <row r="6">
          <cell r="A6" t="str">
            <v>応答電文(S→C)</v>
          </cell>
        </row>
      </sheetData>
      <sheetData sheetId="120"/>
      <sheetData sheetId="121"/>
      <sheetData sheetId="122"/>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画面レイアウト"/>
      <sheetName val="画面項目定義"/>
      <sheetName val="定義"/>
      <sheetName val="管理表"/>
      <sheetName val="抽出用シート"/>
      <sheetName val="pr"/>
      <sheetName val="config"/>
      <sheetName val="ｸﾗｽﾓｼﾞｭｰﾙ仕様"/>
      <sheetName val="景気動向"/>
      <sheetName val="項目一覧（基）"/>
    </sheetNames>
    <sheetDataSet>
      <sheetData sheetId="0"/>
      <sheetData sheetId="1" refreshError="1"/>
      <sheetData sheetId="2" refreshError="1"/>
      <sheetData sheetId="3">
        <row r="2">
          <cell r="A2" t="str">
            <v>AdRotator</v>
          </cell>
          <cell r="B2" t="str">
            <v>制限なし</v>
          </cell>
        </row>
        <row r="3">
          <cell r="A3" t="str">
            <v>Button</v>
          </cell>
          <cell r="B3" t="str">
            <v>全角カタカナ</v>
          </cell>
        </row>
        <row r="4">
          <cell r="A4" t="str">
            <v>Calendar</v>
          </cell>
          <cell r="B4" t="str">
            <v>全角英数</v>
          </cell>
        </row>
        <row r="5">
          <cell r="A5" t="str">
            <v>CheckBox</v>
          </cell>
          <cell r="B5" t="str">
            <v>半角カタカナ</v>
          </cell>
        </row>
        <row r="6">
          <cell r="A6" t="str">
            <v>CheckBoxList</v>
          </cell>
          <cell r="B6" t="str">
            <v>半角英数</v>
          </cell>
        </row>
        <row r="7">
          <cell r="A7" t="str">
            <v>DataGrid</v>
          </cell>
          <cell r="B7" t="str">
            <v>数値</v>
          </cell>
        </row>
        <row r="8">
          <cell r="A8" t="str">
            <v>DataList</v>
          </cell>
        </row>
        <row r="9">
          <cell r="A9" t="str">
            <v>DropDownList</v>
          </cell>
        </row>
        <row r="10">
          <cell r="A10" t="str">
            <v>HyperLink</v>
          </cell>
        </row>
        <row r="11">
          <cell r="A11" t="str">
            <v>Image</v>
          </cell>
        </row>
        <row r="12">
          <cell r="A12" t="str">
            <v>ImageButton</v>
          </cell>
        </row>
        <row r="13">
          <cell r="A13" t="str">
            <v>Label</v>
          </cell>
        </row>
        <row r="14">
          <cell r="A14" t="str">
            <v>LinkButton</v>
          </cell>
        </row>
        <row r="15">
          <cell r="A15" t="str">
            <v>ListBox</v>
          </cell>
        </row>
        <row r="16">
          <cell r="A16" t="str">
            <v>Literal</v>
          </cell>
        </row>
        <row r="17">
          <cell r="A17" t="str">
            <v>Panel</v>
          </cell>
        </row>
        <row r="18">
          <cell r="A18" t="str">
            <v>PlaceHolder</v>
          </cell>
        </row>
        <row r="19">
          <cell r="A19" t="str">
            <v>RadioButton</v>
          </cell>
        </row>
        <row r="20">
          <cell r="A20" t="str">
            <v>RadioButtonList</v>
          </cell>
        </row>
        <row r="21">
          <cell r="A21" t="str">
            <v>Repeater</v>
          </cell>
        </row>
        <row r="22">
          <cell r="A22" t="str">
            <v>Table</v>
          </cell>
        </row>
        <row r="23">
          <cell r="A23" t="str">
            <v>TableCell</v>
          </cell>
        </row>
        <row r="24">
          <cell r="A24" t="str">
            <v>TableRow</v>
          </cell>
        </row>
        <row r="25">
          <cell r="A25" t="str">
            <v>TextBox</v>
          </cell>
        </row>
        <row r="26">
          <cell r="A26" t="str">
            <v>XML</v>
          </cell>
        </row>
      </sheetData>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theme/theme1.xml><?xml version="1.0" encoding="utf-8"?>
<a:theme xmlns:a="http://schemas.openxmlformats.org/drawingml/2006/main" name="Office テーマ">
  <a:themeElements>
    <a:clrScheme name="Office 2007-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ユーザー定義 1">
      <a:majorFont>
        <a:latin typeface="Calibri Light"/>
        <a:ea typeface="ＭＳ Ｐゴシック"/>
        <a:cs typeface=""/>
      </a:majorFont>
      <a:minorFont>
        <a:latin typeface="Calibri"/>
        <a:ea typeface="ＭＳ Ｐゴシック"/>
        <a:cs typeface=""/>
      </a:minorFont>
    </a:fontScheme>
    <a:fmtScheme name="Office 2007-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bodyPr vertOverflow="clip" horzOverflow="clip" rtlCol="0" anchor="t"/>
      <a:lstStyle>
        <a:defPPr algn="l">
          <a:defRPr kumimoji="1" sz="1100" b="1"/>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X348"/>
  <sheetViews>
    <sheetView tabSelected="1" showWhiteSpace="0" view="pageBreakPreview" zoomScale="25" zoomScaleNormal="25" zoomScaleSheetLayoutView="25" zoomScalePageLayoutView="70" workbookViewId="0">
      <selection activeCell="Z77" sqref="Z77"/>
    </sheetView>
  </sheetViews>
  <sheetFormatPr defaultRowHeight="38.1" customHeight="1"/>
  <cols>
    <col min="1" max="1" width="3.109375" style="58" customWidth="1"/>
    <col min="2" max="2" width="7.33203125" style="59" customWidth="1"/>
    <col min="3" max="8" width="7.33203125" style="58" customWidth="1"/>
    <col min="9" max="9" width="45.33203125" style="60" customWidth="1"/>
    <col min="10" max="10" width="35.33203125" style="60" customWidth="1"/>
    <col min="11" max="11" width="35.109375" style="58" customWidth="1"/>
    <col min="12" max="12" width="44.33203125" style="58" customWidth="1"/>
    <col min="13" max="13" width="71.21875" style="58" customWidth="1"/>
    <col min="14" max="14" width="55.88671875" style="58" customWidth="1"/>
    <col min="15" max="15" width="35" style="60" customWidth="1"/>
    <col min="16" max="16" width="42.109375" style="60" customWidth="1"/>
    <col min="17" max="17" width="2.33203125" style="58" customWidth="1"/>
    <col min="18" max="18" width="3" style="4" customWidth="1"/>
    <col min="19" max="19" width="24.6640625" style="4" customWidth="1"/>
    <col min="20" max="20" width="161.6640625" style="58" customWidth="1"/>
    <col min="21" max="258" width="8.88671875" style="4" customWidth="1"/>
    <col min="259" max="259" width="4.21875" style="4" customWidth="1"/>
    <col min="260" max="271" width="7.33203125" style="4" customWidth="1"/>
    <col min="272" max="272" width="5.6640625" style="4" customWidth="1"/>
    <col min="273" max="273" width="1.33203125" style="4" customWidth="1"/>
    <col min="274" max="274" width="17.77734375" style="4" customWidth="1"/>
    <col min="275" max="514" width="8.88671875" style="4" bestFit="1" customWidth="1"/>
    <col min="515" max="515" width="4.21875" style="4" customWidth="1"/>
    <col min="516" max="527" width="7.33203125" style="4" customWidth="1"/>
    <col min="528" max="528" width="5.6640625" style="4" customWidth="1"/>
    <col min="529" max="529" width="1.33203125" style="4" customWidth="1"/>
    <col min="530" max="530" width="17.77734375" style="4" customWidth="1"/>
    <col min="531" max="770" width="8.88671875" style="4" bestFit="1" customWidth="1"/>
    <col min="771" max="771" width="4.21875" style="4" customWidth="1"/>
    <col min="772" max="783" width="7.33203125" style="4" customWidth="1"/>
    <col min="784" max="784" width="5.6640625" style="4" customWidth="1"/>
    <col min="785" max="785" width="1.33203125" style="4" customWidth="1"/>
    <col min="786" max="786" width="17.77734375" style="4" customWidth="1"/>
    <col min="787" max="1026" width="8.88671875" style="4" bestFit="1" customWidth="1"/>
    <col min="1027" max="1027" width="4.21875" style="4" customWidth="1"/>
    <col min="1028" max="1039" width="7.33203125" style="4" customWidth="1"/>
    <col min="1040" max="1040" width="5.6640625" style="4" customWidth="1"/>
    <col min="1041" max="1041" width="1.33203125" style="4" customWidth="1"/>
    <col min="1042" max="1042" width="17.77734375" style="4" customWidth="1"/>
    <col min="1043" max="1282" width="8.88671875" style="4" bestFit="1" customWidth="1"/>
    <col min="1283" max="1283" width="4.21875" style="4" customWidth="1"/>
    <col min="1284" max="1295" width="7.33203125" style="4" customWidth="1"/>
    <col min="1296" max="1296" width="5.6640625" style="4" customWidth="1"/>
    <col min="1297" max="1297" width="1.33203125" style="4" customWidth="1"/>
    <col min="1298" max="1298" width="17.77734375" style="4" customWidth="1"/>
    <col min="1299" max="1538" width="8.88671875" style="4" bestFit="1" customWidth="1"/>
    <col min="1539" max="1539" width="4.21875" style="4" customWidth="1"/>
    <col min="1540" max="1551" width="7.33203125" style="4" customWidth="1"/>
    <col min="1552" max="1552" width="5.6640625" style="4" customWidth="1"/>
    <col min="1553" max="1553" width="1.33203125" style="4" customWidth="1"/>
    <col min="1554" max="1554" width="17.77734375" style="4" customWidth="1"/>
    <col min="1555" max="1794" width="8.88671875" style="4" bestFit="1" customWidth="1"/>
    <col min="1795" max="1795" width="4.21875" style="4" customWidth="1"/>
    <col min="1796" max="1807" width="7.33203125" style="4" customWidth="1"/>
    <col min="1808" max="1808" width="5.6640625" style="4" customWidth="1"/>
    <col min="1809" max="1809" width="1.33203125" style="4" customWidth="1"/>
    <col min="1810" max="1810" width="17.77734375" style="4" customWidth="1"/>
    <col min="1811" max="2050" width="8.88671875" style="4" bestFit="1" customWidth="1"/>
    <col min="2051" max="2051" width="4.21875" style="4" customWidth="1"/>
    <col min="2052" max="2063" width="7.33203125" style="4" customWidth="1"/>
    <col min="2064" max="2064" width="5.6640625" style="4" customWidth="1"/>
    <col min="2065" max="2065" width="1.33203125" style="4" customWidth="1"/>
    <col min="2066" max="2066" width="17.77734375" style="4" customWidth="1"/>
    <col min="2067" max="2306" width="8.88671875" style="4" bestFit="1" customWidth="1"/>
    <col min="2307" max="2307" width="4.21875" style="4" customWidth="1"/>
    <col min="2308" max="2319" width="7.33203125" style="4" customWidth="1"/>
    <col min="2320" max="2320" width="5.6640625" style="4" customWidth="1"/>
    <col min="2321" max="2321" width="1.33203125" style="4" customWidth="1"/>
    <col min="2322" max="2322" width="17.77734375" style="4" customWidth="1"/>
    <col min="2323" max="2562" width="8.88671875" style="4" bestFit="1" customWidth="1"/>
    <col min="2563" max="2563" width="4.21875" style="4" customWidth="1"/>
    <col min="2564" max="2575" width="7.33203125" style="4" customWidth="1"/>
    <col min="2576" max="2576" width="5.6640625" style="4" customWidth="1"/>
    <col min="2577" max="2577" width="1.33203125" style="4" customWidth="1"/>
    <col min="2578" max="2578" width="17.77734375" style="4" customWidth="1"/>
    <col min="2579" max="2818" width="8.88671875" style="4" bestFit="1" customWidth="1"/>
    <col min="2819" max="2819" width="4.21875" style="4" customWidth="1"/>
    <col min="2820" max="2831" width="7.33203125" style="4" customWidth="1"/>
    <col min="2832" max="2832" width="5.6640625" style="4" customWidth="1"/>
    <col min="2833" max="2833" width="1.33203125" style="4" customWidth="1"/>
    <col min="2834" max="2834" width="17.77734375" style="4" customWidth="1"/>
    <col min="2835" max="3074" width="8.88671875" style="4" bestFit="1" customWidth="1"/>
    <col min="3075" max="3075" width="4.21875" style="4" customWidth="1"/>
    <col min="3076" max="3087" width="7.33203125" style="4" customWidth="1"/>
    <col min="3088" max="3088" width="5.6640625" style="4" customWidth="1"/>
    <col min="3089" max="3089" width="1.33203125" style="4" customWidth="1"/>
    <col min="3090" max="3090" width="17.77734375" style="4" customWidth="1"/>
    <col min="3091" max="3330" width="8.88671875" style="4" bestFit="1" customWidth="1"/>
    <col min="3331" max="3331" width="4.21875" style="4" customWidth="1"/>
    <col min="3332" max="3343" width="7.33203125" style="4" customWidth="1"/>
    <col min="3344" max="3344" width="5.6640625" style="4" customWidth="1"/>
    <col min="3345" max="3345" width="1.33203125" style="4" customWidth="1"/>
    <col min="3346" max="3346" width="17.77734375" style="4" customWidth="1"/>
    <col min="3347" max="3586" width="8.88671875" style="4" bestFit="1" customWidth="1"/>
    <col min="3587" max="3587" width="4.21875" style="4" customWidth="1"/>
    <col min="3588" max="3599" width="7.33203125" style="4" customWidth="1"/>
    <col min="3600" max="3600" width="5.6640625" style="4" customWidth="1"/>
    <col min="3601" max="3601" width="1.33203125" style="4" customWidth="1"/>
    <col min="3602" max="3602" width="17.77734375" style="4" customWidth="1"/>
    <col min="3603" max="3842" width="8.88671875" style="4" bestFit="1" customWidth="1"/>
    <col min="3843" max="3843" width="4.21875" style="4" customWidth="1"/>
    <col min="3844" max="3855" width="7.33203125" style="4" customWidth="1"/>
    <col min="3856" max="3856" width="5.6640625" style="4" customWidth="1"/>
    <col min="3857" max="3857" width="1.33203125" style="4" customWidth="1"/>
    <col min="3858" max="3858" width="17.77734375" style="4" customWidth="1"/>
    <col min="3859" max="4098" width="8.88671875" style="4" bestFit="1" customWidth="1"/>
    <col min="4099" max="4099" width="4.21875" style="4" customWidth="1"/>
    <col min="4100" max="4111" width="7.33203125" style="4" customWidth="1"/>
    <col min="4112" max="4112" width="5.6640625" style="4" customWidth="1"/>
    <col min="4113" max="4113" width="1.33203125" style="4" customWidth="1"/>
    <col min="4114" max="4114" width="17.77734375" style="4" customWidth="1"/>
    <col min="4115" max="4354" width="8.88671875" style="4" bestFit="1" customWidth="1"/>
    <col min="4355" max="4355" width="4.21875" style="4" customWidth="1"/>
    <col min="4356" max="4367" width="7.33203125" style="4" customWidth="1"/>
    <col min="4368" max="4368" width="5.6640625" style="4" customWidth="1"/>
    <col min="4369" max="4369" width="1.33203125" style="4" customWidth="1"/>
    <col min="4370" max="4370" width="17.77734375" style="4" customWidth="1"/>
    <col min="4371" max="4610" width="8.88671875" style="4" bestFit="1" customWidth="1"/>
    <col min="4611" max="4611" width="4.21875" style="4" customWidth="1"/>
    <col min="4612" max="4623" width="7.33203125" style="4" customWidth="1"/>
    <col min="4624" max="4624" width="5.6640625" style="4" customWidth="1"/>
    <col min="4625" max="4625" width="1.33203125" style="4" customWidth="1"/>
    <col min="4626" max="4626" width="17.77734375" style="4" customWidth="1"/>
    <col min="4627" max="4866" width="8.88671875" style="4" bestFit="1" customWidth="1"/>
    <col min="4867" max="4867" width="4.21875" style="4" customWidth="1"/>
    <col min="4868" max="4879" width="7.33203125" style="4" customWidth="1"/>
    <col min="4880" max="4880" width="5.6640625" style="4" customWidth="1"/>
    <col min="4881" max="4881" width="1.33203125" style="4" customWidth="1"/>
    <col min="4882" max="4882" width="17.77734375" style="4" customWidth="1"/>
    <col min="4883" max="5122" width="8.88671875" style="4" bestFit="1" customWidth="1"/>
    <col min="5123" max="5123" width="4.21875" style="4" customWidth="1"/>
    <col min="5124" max="5135" width="7.33203125" style="4" customWidth="1"/>
    <col min="5136" max="5136" width="5.6640625" style="4" customWidth="1"/>
    <col min="5137" max="5137" width="1.33203125" style="4" customWidth="1"/>
    <col min="5138" max="5138" width="17.77734375" style="4" customWidth="1"/>
    <col min="5139" max="5378" width="8.88671875" style="4" bestFit="1" customWidth="1"/>
    <col min="5379" max="5379" width="4.21875" style="4" customWidth="1"/>
    <col min="5380" max="5391" width="7.33203125" style="4" customWidth="1"/>
    <col min="5392" max="5392" width="5.6640625" style="4" customWidth="1"/>
    <col min="5393" max="5393" width="1.33203125" style="4" customWidth="1"/>
    <col min="5394" max="5394" width="17.77734375" style="4" customWidth="1"/>
    <col min="5395" max="5634" width="8.88671875" style="4" bestFit="1" customWidth="1"/>
    <col min="5635" max="5635" width="4.21875" style="4" customWidth="1"/>
    <col min="5636" max="5647" width="7.33203125" style="4" customWidth="1"/>
    <col min="5648" max="5648" width="5.6640625" style="4" customWidth="1"/>
    <col min="5649" max="5649" width="1.33203125" style="4" customWidth="1"/>
    <col min="5650" max="5650" width="17.77734375" style="4" customWidth="1"/>
    <col min="5651" max="5890" width="8.88671875" style="4" bestFit="1" customWidth="1"/>
    <col min="5891" max="5891" width="4.21875" style="4" customWidth="1"/>
    <col min="5892" max="5903" width="7.33203125" style="4" customWidth="1"/>
    <col min="5904" max="5904" width="5.6640625" style="4" customWidth="1"/>
    <col min="5905" max="5905" width="1.33203125" style="4" customWidth="1"/>
    <col min="5906" max="5906" width="17.77734375" style="4" customWidth="1"/>
    <col min="5907" max="6146" width="8.88671875" style="4" bestFit="1" customWidth="1"/>
    <col min="6147" max="6147" width="4.21875" style="4" customWidth="1"/>
    <col min="6148" max="6159" width="7.33203125" style="4" customWidth="1"/>
    <col min="6160" max="6160" width="5.6640625" style="4" customWidth="1"/>
    <col min="6161" max="6161" width="1.33203125" style="4" customWidth="1"/>
    <col min="6162" max="6162" width="17.77734375" style="4" customWidth="1"/>
    <col min="6163" max="6402" width="8.88671875" style="4" bestFit="1" customWidth="1"/>
    <col min="6403" max="6403" width="4.21875" style="4" customWidth="1"/>
    <col min="6404" max="6415" width="7.33203125" style="4" customWidth="1"/>
    <col min="6416" max="6416" width="5.6640625" style="4" customWidth="1"/>
    <col min="6417" max="6417" width="1.33203125" style="4" customWidth="1"/>
    <col min="6418" max="6418" width="17.77734375" style="4" customWidth="1"/>
    <col min="6419" max="6658" width="8.88671875" style="4" bestFit="1" customWidth="1"/>
    <col min="6659" max="6659" width="4.21875" style="4" customWidth="1"/>
    <col min="6660" max="6671" width="7.33203125" style="4" customWidth="1"/>
    <col min="6672" max="6672" width="5.6640625" style="4" customWidth="1"/>
    <col min="6673" max="6673" width="1.33203125" style="4" customWidth="1"/>
    <col min="6674" max="6674" width="17.77734375" style="4" customWidth="1"/>
    <col min="6675" max="6914" width="8.88671875" style="4" bestFit="1" customWidth="1"/>
    <col min="6915" max="6915" width="4.21875" style="4" customWidth="1"/>
    <col min="6916" max="6927" width="7.33203125" style="4" customWidth="1"/>
    <col min="6928" max="6928" width="5.6640625" style="4" customWidth="1"/>
    <col min="6929" max="6929" width="1.33203125" style="4" customWidth="1"/>
    <col min="6930" max="6930" width="17.77734375" style="4" customWidth="1"/>
    <col min="6931" max="7170" width="8.88671875" style="4" bestFit="1" customWidth="1"/>
    <col min="7171" max="7171" width="4.21875" style="4" customWidth="1"/>
    <col min="7172" max="7183" width="7.33203125" style="4" customWidth="1"/>
    <col min="7184" max="7184" width="5.6640625" style="4" customWidth="1"/>
    <col min="7185" max="7185" width="1.33203125" style="4" customWidth="1"/>
    <col min="7186" max="7186" width="17.77734375" style="4" customWidth="1"/>
    <col min="7187" max="7426" width="8.88671875" style="4" bestFit="1" customWidth="1"/>
    <col min="7427" max="7427" width="4.21875" style="4" customWidth="1"/>
    <col min="7428" max="7439" width="7.33203125" style="4" customWidth="1"/>
    <col min="7440" max="7440" width="5.6640625" style="4" customWidth="1"/>
    <col min="7441" max="7441" width="1.33203125" style="4" customWidth="1"/>
    <col min="7442" max="7442" width="17.77734375" style="4" customWidth="1"/>
    <col min="7443" max="7682" width="8.88671875" style="4" bestFit="1" customWidth="1"/>
    <col min="7683" max="7683" width="4.21875" style="4" customWidth="1"/>
    <col min="7684" max="7695" width="7.33203125" style="4" customWidth="1"/>
    <col min="7696" max="7696" width="5.6640625" style="4" customWidth="1"/>
    <col min="7697" max="7697" width="1.33203125" style="4" customWidth="1"/>
    <col min="7698" max="7698" width="17.77734375" style="4" customWidth="1"/>
    <col min="7699" max="7938" width="8.88671875" style="4" bestFit="1" customWidth="1"/>
    <col min="7939" max="7939" width="4.21875" style="4" customWidth="1"/>
    <col min="7940" max="7951" width="7.33203125" style="4" customWidth="1"/>
    <col min="7952" max="7952" width="5.6640625" style="4" customWidth="1"/>
    <col min="7953" max="7953" width="1.33203125" style="4" customWidth="1"/>
    <col min="7954" max="7954" width="17.77734375" style="4" customWidth="1"/>
    <col min="7955" max="8194" width="8.88671875" style="4" bestFit="1" customWidth="1"/>
    <col min="8195" max="8195" width="4.21875" style="4" customWidth="1"/>
    <col min="8196" max="8207" width="7.33203125" style="4" customWidth="1"/>
    <col min="8208" max="8208" width="5.6640625" style="4" customWidth="1"/>
    <col min="8209" max="8209" width="1.33203125" style="4" customWidth="1"/>
    <col min="8210" max="8210" width="17.77734375" style="4" customWidth="1"/>
    <col min="8211" max="8450" width="8.88671875" style="4" bestFit="1" customWidth="1"/>
    <col min="8451" max="8451" width="4.21875" style="4" customWidth="1"/>
    <col min="8452" max="8463" width="7.33203125" style="4" customWidth="1"/>
    <col min="8464" max="8464" width="5.6640625" style="4" customWidth="1"/>
    <col min="8465" max="8465" width="1.33203125" style="4" customWidth="1"/>
    <col min="8466" max="8466" width="17.77734375" style="4" customWidth="1"/>
    <col min="8467" max="8706" width="8.88671875" style="4" bestFit="1" customWidth="1"/>
    <col min="8707" max="8707" width="4.21875" style="4" customWidth="1"/>
    <col min="8708" max="8719" width="7.33203125" style="4" customWidth="1"/>
    <col min="8720" max="8720" width="5.6640625" style="4" customWidth="1"/>
    <col min="8721" max="8721" width="1.33203125" style="4" customWidth="1"/>
    <col min="8722" max="8722" width="17.77734375" style="4" customWidth="1"/>
    <col min="8723" max="8962" width="8.88671875" style="4" bestFit="1" customWidth="1"/>
    <col min="8963" max="8963" width="4.21875" style="4" customWidth="1"/>
    <col min="8964" max="8975" width="7.33203125" style="4" customWidth="1"/>
    <col min="8976" max="8976" width="5.6640625" style="4" customWidth="1"/>
    <col min="8977" max="8977" width="1.33203125" style="4" customWidth="1"/>
    <col min="8978" max="8978" width="17.77734375" style="4" customWidth="1"/>
    <col min="8979" max="9218" width="8.88671875" style="4" bestFit="1" customWidth="1"/>
    <col min="9219" max="9219" width="4.21875" style="4" customWidth="1"/>
    <col min="9220" max="9231" width="7.33203125" style="4" customWidth="1"/>
    <col min="9232" max="9232" width="5.6640625" style="4" customWidth="1"/>
    <col min="9233" max="9233" width="1.33203125" style="4" customWidth="1"/>
    <col min="9234" max="9234" width="17.77734375" style="4" customWidth="1"/>
    <col min="9235" max="9474" width="8.88671875" style="4" bestFit="1" customWidth="1"/>
    <col min="9475" max="9475" width="4.21875" style="4" customWidth="1"/>
    <col min="9476" max="9487" width="7.33203125" style="4" customWidth="1"/>
    <col min="9488" max="9488" width="5.6640625" style="4" customWidth="1"/>
    <col min="9489" max="9489" width="1.33203125" style="4" customWidth="1"/>
    <col min="9490" max="9490" width="17.77734375" style="4" customWidth="1"/>
    <col min="9491" max="9730" width="8.88671875" style="4" bestFit="1" customWidth="1"/>
    <col min="9731" max="9731" width="4.21875" style="4" customWidth="1"/>
    <col min="9732" max="9743" width="7.33203125" style="4" customWidth="1"/>
    <col min="9744" max="9744" width="5.6640625" style="4" customWidth="1"/>
    <col min="9745" max="9745" width="1.33203125" style="4" customWidth="1"/>
    <col min="9746" max="9746" width="17.77734375" style="4" customWidth="1"/>
    <col min="9747" max="9986" width="8.88671875" style="4" bestFit="1" customWidth="1"/>
    <col min="9987" max="9987" width="4.21875" style="4" customWidth="1"/>
    <col min="9988" max="9999" width="7.33203125" style="4" customWidth="1"/>
    <col min="10000" max="10000" width="5.6640625" style="4" customWidth="1"/>
    <col min="10001" max="10001" width="1.33203125" style="4" customWidth="1"/>
    <col min="10002" max="10002" width="17.77734375" style="4" customWidth="1"/>
    <col min="10003" max="10242" width="8.88671875" style="4" bestFit="1" customWidth="1"/>
    <col min="10243" max="10243" width="4.21875" style="4" customWidth="1"/>
    <col min="10244" max="10255" width="7.33203125" style="4" customWidth="1"/>
    <col min="10256" max="10256" width="5.6640625" style="4" customWidth="1"/>
    <col min="10257" max="10257" width="1.33203125" style="4" customWidth="1"/>
    <col min="10258" max="10258" width="17.77734375" style="4" customWidth="1"/>
    <col min="10259" max="10498" width="8.88671875" style="4" bestFit="1" customWidth="1"/>
    <col min="10499" max="10499" width="4.21875" style="4" customWidth="1"/>
    <col min="10500" max="10511" width="7.33203125" style="4" customWidth="1"/>
    <col min="10512" max="10512" width="5.6640625" style="4" customWidth="1"/>
    <col min="10513" max="10513" width="1.33203125" style="4" customWidth="1"/>
    <col min="10514" max="10514" width="17.77734375" style="4" customWidth="1"/>
    <col min="10515" max="10754" width="8.88671875" style="4" bestFit="1" customWidth="1"/>
    <col min="10755" max="10755" width="4.21875" style="4" customWidth="1"/>
    <col min="10756" max="10767" width="7.33203125" style="4" customWidth="1"/>
    <col min="10768" max="10768" width="5.6640625" style="4" customWidth="1"/>
    <col min="10769" max="10769" width="1.33203125" style="4" customWidth="1"/>
    <col min="10770" max="10770" width="17.77734375" style="4" customWidth="1"/>
    <col min="10771" max="11010" width="8.88671875" style="4" bestFit="1" customWidth="1"/>
    <col min="11011" max="11011" width="4.21875" style="4" customWidth="1"/>
    <col min="11012" max="11023" width="7.33203125" style="4" customWidth="1"/>
    <col min="11024" max="11024" width="5.6640625" style="4" customWidth="1"/>
    <col min="11025" max="11025" width="1.33203125" style="4" customWidth="1"/>
    <col min="11026" max="11026" width="17.77734375" style="4" customWidth="1"/>
    <col min="11027" max="11266" width="8.88671875" style="4" bestFit="1" customWidth="1"/>
    <col min="11267" max="11267" width="4.21875" style="4" customWidth="1"/>
    <col min="11268" max="11279" width="7.33203125" style="4" customWidth="1"/>
    <col min="11280" max="11280" width="5.6640625" style="4" customWidth="1"/>
    <col min="11281" max="11281" width="1.33203125" style="4" customWidth="1"/>
    <col min="11282" max="11282" width="17.77734375" style="4" customWidth="1"/>
    <col min="11283" max="11522" width="8.88671875" style="4" bestFit="1" customWidth="1"/>
    <col min="11523" max="11523" width="4.21875" style="4" customWidth="1"/>
    <col min="11524" max="11535" width="7.33203125" style="4" customWidth="1"/>
    <col min="11536" max="11536" width="5.6640625" style="4" customWidth="1"/>
    <col min="11537" max="11537" width="1.33203125" style="4" customWidth="1"/>
    <col min="11538" max="11538" width="17.77734375" style="4" customWidth="1"/>
    <col min="11539" max="11778" width="8.88671875" style="4" bestFit="1" customWidth="1"/>
    <col min="11779" max="11779" width="4.21875" style="4" customWidth="1"/>
    <col min="11780" max="11791" width="7.33203125" style="4" customWidth="1"/>
    <col min="11792" max="11792" width="5.6640625" style="4" customWidth="1"/>
    <col min="11793" max="11793" width="1.33203125" style="4" customWidth="1"/>
    <col min="11794" max="11794" width="17.77734375" style="4" customWidth="1"/>
    <col min="11795" max="12034" width="8.88671875" style="4" bestFit="1" customWidth="1"/>
    <col min="12035" max="12035" width="4.21875" style="4" customWidth="1"/>
    <col min="12036" max="12047" width="7.33203125" style="4" customWidth="1"/>
    <col min="12048" max="12048" width="5.6640625" style="4" customWidth="1"/>
    <col min="12049" max="12049" width="1.33203125" style="4" customWidth="1"/>
    <col min="12050" max="12050" width="17.77734375" style="4" customWidth="1"/>
    <col min="12051" max="12290" width="8.88671875" style="4" bestFit="1" customWidth="1"/>
    <col min="12291" max="12291" width="4.21875" style="4" customWidth="1"/>
    <col min="12292" max="12303" width="7.33203125" style="4" customWidth="1"/>
    <col min="12304" max="12304" width="5.6640625" style="4" customWidth="1"/>
    <col min="12305" max="12305" width="1.33203125" style="4" customWidth="1"/>
    <col min="12306" max="12306" width="17.77734375" style="4" customWidth="1"/>
    <col min="12307" max="12546" width="8.88671875" style="4" bestFit="1" customWidth="1"/>
    <col min="12547" max="12547" width="4.21875" style="4" customWidth="1"/>
    <col min="12548" max="12559" width="7.33203125" style="4" customWidth="1"/>
    <col min="12560" max="12560" width="5.6640625" style="4" customWidth="1"/>
    <col min="12561" max="12561" width="1.33203125" style="4" customWidth="1"/>
    <col min="12562" max="12562" width="17.77734375" style="4" customWidth="1"/>
    <col min="12563" max="12802" width="8.88671875" style="4" bestFit="1" customWidth="1"/>
    <col min="12803" max="12803" width="4.21875" style="4" customWidth="1"/>
    <col min="12804" max="12815" width="7.33203125" style="4" customWidth="1"/>
    <col min="12816" max="12816" width="5.6640625" style="4" customWidth="1"/>
    <col min="12817" max="12817" width="1.33203125" style="4" customWidth="1"/>
    <col min="12818" max="12818" width="17.77734375" style="4" customWidth="1"/>
    <col min="12819" max="13058" width="8.88671875" style="4" bestFit="1" customWidth="1"/>
    <col min="13059" max="13059" width="4.21875" style="4" customWidth="1"/>
    <col min="13060" max="13071" width="7.33203125" style="4" customWidth="1"/>
    <col min="13072" max="13072" width="5.6640625" style="4" customWidth="1"/>
    <col min="13073" max="13073" width="1.33203125" style="4" customWidth="1"/>
    <col min="13074" max="13074" width="17.77734375" style="4" customWidth="1"/>
    <col min="13075" max="13314" width="8.88671875" style="4" bestFit="1" customWidth="1"/>
    <col min="13315" max="13315" width="4.21875" style="4" customWidth="1"/>
    <col min="13316" max="13327" width="7.33203125" style="4" customWidth="1"/>
    <col min="13328" max="13328" width="5.6640625" style="4" customWidth="1"/>
    <col min="13329" max="13329" width="1.33203125" style="4" customWidth="1"/>
    <col min="13330" max="13330" width="17.77734375" style="4" customWidth="1"/>
    <col min="13331" max="13570" width="8.88671875" style="4" bestFit="1" customWidth="1"/>
    <col min="13571" max="13571" width="4.21875" style="4" customWidth="1"/>
    <col min="13572" max="13583" width="7.33203125" style="4" customWidth="1"/>
    <col min="13584" max="13584" width="5.6640625" style="4" customWidth="1"/>
    <col min="13585" max="13585" width="1.33203125" style="4" customWidth="1"/>
    <col min="13586" max="13586" width="17.77734375" style="4" customWidth="1"/>
    <col min="13587" max="13826" width="8.88671875" style="4" bestFit="1" customWidth="1"/>
    <col min="13827" max="13827" width="4.21875" style="4" customWidth="1"/>
    <col min="13828" max="13839" width="7.33203125" style="4" customWidth="1"/>
    <col min="13840" max="13840" width="5.6640625" style="4" customWidth="1"/>
    <col min="13841" max="13841" width="1.33203125" style="4" customWidth="1"/>
    <col min="13842" max="13842" width="17.77734375" style="4" customWidth="1"/>
    <col min="13843" max="14082" width="8.88671875" style="4" bestFit="1" customWidth="1"/>
    <col min="14083" max="14083" width="4.21875" style="4" customWidth="1"/>
    <col min="14084" max="14095" width="7.33203125" style="4" customWidth="1"/>
    <col min="14096" max="14096" width="5.6640625" style="4" customWidth="1"/>
    <col min="14097" max="14097" width="1.33203125" style="4" customWidth="1"/>
    <col min="14098" max="14098" width="17.77734375" style="4" customWidth="1"/>
    <col min="14099" max="14338" width="8.88671875" style="4" bestFit="1" customWidth="1"/>
    <col min="14339" max="14339" width="4.21875" style="4" customWidth="1"/>
    <col min="14340" max="14351" width="7.33203125" style="4" customWidth="1"/>
    <col min="14352" max="14352" width="5.6640625" style="4" customWidth="1"/>
    <col min="14353" max="14353" width="1.33203125" style="4" customWidth="1"/>
    <col min="14354" max="14354" width="17.77734375" style="4" customWidth="1"/>
    <col min="14355" max="14594" width="8.88671875" style="4" bestFit="1" customWidth="1"/>
    <col min="14595" max="14595" width="4.21875" style="4" customWidth="1"/>
    <col min="14596" max="14607" width="7.33203125" style="4" customWidth="1"/>
    <col min="14608" max="14608" width="5.6640625" style="4" customWidth="1"/>
    <col min="14609" max="14609" width="1.33203125" style="4" customWidth="1"/>
    <col min="14610" max="14610" width="17.77734375" style="4" customWidth="1"/>
    <col min="14611" max="14850" width="8.88671875" style="4" bestFit="1" customWidth="1"/>
    <col min="14851" max="14851" width="4.21875" style="4" customWidth="1"/>
    <col min="14852" max="14863" width="7.33203125" style="4" customWidth="1"/>
    <col min="14864" max="14864" width="5.6640625" style="4" customWidth="1"/>
    <col min="14865" max="14865" width="1.33203125" style="4" customWidth="1"/>
    <col min="14866" max="14866" width="17.77734375" style="4" customWidth="1"/>
    <col min="14867" max="15106" width="8.88671875" style="4" bestFit="1" customWidth="1"/>
    <col min="15107" max="15107" width="4.21875" style="4" customWidth="1"/>
    <col min="15108" max="15119" width="7.33203125" style="4" customWidth="1"/>
    <col min="15120" max="15120" width="5.6640625" style="4" customWidth="1"/>
    <col min="15121" max="15121" width="1.33203125" style="4" customWidth="1"/>
    <col min="15122" max="15122" width="17.77734375" style="4" customWidth="1"/>
    <col min="15123" max="15362" width="8.88671875" style="4" bestFit="1" customWidth="1"/>
    <col min="15363" max="15363" width="4.21875" style="4" customWidth="1"/>
    <col min="15364" max="15375" width="7.33203125" style="4" customWidth="1"/>
    <col min="15376" max="15376" width="5.6640625" style="4" customWidth="1"/>
    <col min="15377" max="15377" width="1.33203125" style="4" customWidth="1"/>
    <col min="15378" max="15378" width="17.77734375" style="4" customWidth="1"/>
    <col min="15379" max="15618" width="8.88671875" style="4" bestFit="1" customWidth="1"/>
    <col min="15619" max="15619" width="4.21875" style="4" customWidth="1"/>
    <col min="15620" max="15631" width="7.33203125" style="4" customWidth="1"/>
    <col min="15632" max="15632" width="5.6640625" style="4" customWidth="1"/>
    <col min="15633" max="15633" width="1.33203125" style="4" customWidth="1"/>
    <col min="15634" max="15634" width="17.77734375" style="4" customWidth="1"/>
    <col min="15635" max="15874" width="8.88671875" style="4" bestFit="1" customWidth="1"/>
    <col min="15875" max="15875" width="4.21875" style="4" customWidth="1"/>
    <col min="15876" max="15887" width="7.33203125" style="4" customWidth="1"/>
    <col min="15888" max="15888" width="5.6640625" style="4" customWidth="1"/>
    <col min="15889" max="15889" width="1.33203125" style="4" customWidth="1"/>
    <col min="15890" max="15890" width="17.77734375" style="4" customWidth="1"/>
    <col min="15891" max="16130" width="8.88671875" style="4" bestFit="1" customWidth="1"/>
    <col min="16131" max="16131" width="4.21875" style="4" customWidth="1"/>
    <col min="16132" max="16143" width="7.33203125" style="4" customWidth="1"/>
    <col min="16144" max="16144" width="5.6640625" style="4" customWidth="1"/>
    <col min="16145" max="16145" width="1.33203125" style="4" customWidth="1"/>
    <col min="16146" max="16146" width="17.77734375" style="4" customWidth="1"/>
    <col min="16147" max="16383" width="8.88671875" style="4" bestFit="1" customWidth="1"/>
    <col min="16384" max="16384" width="8.88671875" style="4" customWidth="1"/>
  </cols>
  <sheetData>
    <row r="1" spans="1:258" ht="180" customHeight="1">
      <c r="A1" s="233" t="s">
        <v>0</v>
      </c>
      <c r="B1" s="233"/>
      <c r="C1" s="233"/>
      <c r="D1" s="233"/>
      <c r="E1" s="233"/>
      <c r="F1" s="233"/>
      <c r="G1" s="233"/>
      <c r="H1" s="233"/>
      <c r="I1" s="233"/>
      <c r="J1" s="233"/>
      <c r="K1" s="233"/>
      <c r="L1" s="233"/>
      <c r="M1" s="233"/>
      <c r="N1" s="233"/>
      <c r="O1" s="233"/>
      <c r="P1" s="233"/>
      <c r="Q1" s="233"/>
      <c r="R1" s="233"/>
      <c r="S1" s="233"/>
      <c r="T1" s="142"/>
      <c r="U1" s="3"/>
      <c r="V1" s="3"/>
      <c r="W1" s="3"/>
      <c r="X1" s="3"/>
      <c r="Y1" s="3"/>
      <c r="Z1" s="3"/>
      <c r="AA1" s="3"/>
      <c r="AB1" s="3"/>
      <c r="AC1" s="3"/>
      <c r="AD1" s="3"/>
      <c r="AE1" s="3"/>
      <c r="AF1" s="3"/>
      <c r="AG1" s="3"/>
      <c r="AH1" s="3"/>
      <c r="AI1" s="3"/>
      <c r="AJ1" s="3"/>
      <c r="AK1" s="3"/>
      <c r="AL1" s="3"/>
      <c r="AM1" s="3"/>
      <c r="AN1" s="3"/>
      <c r="AO1" s="3"/>
      <c r="AP1" s="3"/>
      <c r="AQ1" s="3"/>
      <c r="AR1" s="3"/>
      <c r="AS1" s="3"/>
      <c r="AT1" s="3"/>
      <c r="AU1" s="3"/>
      <c r="AV1" s="3"/>
      <c r="AW1" s="3"/>
      <c r="AX1" s="3"/>
      <c r="AY1" s="3"/>
      <c r="AZ1" s="3"/>
      <c r="BA1" s="3"/>
      <c r="BB1" s="3"/>
      <c r="BC1" s="3"/>
      <c r="BD1" s="3"/>
      <c r="BE1" s="3"/>
      <c r="BF1" s="3"/>
      <c r="BG1" s="3"/>
      <c r="BH1" s="3"/>
      <c r="BI1" s="3"/>
      <c r="BJ1" s="3"/>
      <c r="BK1" s="3"/>
      <c r="BL1" s="3"/>
      <c r="BM1" s="3"/>
      <c r="BN1" s="3"/>
      <c r="BO1" s="3"/>
      <c r="BP1" s="3"/>
      <c r="BQ1" s="3"/>
      <c r="BR1" s="3"/>
      <c r="BS1" s="3"/>
      <c r="BT1" s="3"/>
      <c r="BU1" s="3"/>
      <c r="BV1" s="3"/>
      <c r="BW1" s="3"/>
      <c r="BX1" s="3"/>
      <c r="BY1" s="3"/>
      <c r="BZ1" s="3"/>
      <c r="CA1" s="3"/>
      <c r="CB1" s="3"/>
      <c r="CC1" s="3"/>
      <c r="CD1" s="3"/>
      <c r="CE1" s="3"/>
      <c r="CF1" s="3"/>
      <c r="CG1" s="3"/>
      <c r="CH1" s="3"/>
      <c r="CI1" s="3"/>
      <c r="CJ1" s="3"/>
      <c r="CK1" s="3"/>
      <c r="CL1" s="3"/>
      <c r="CM1" s="3"/>
      <c r="CN1" s="3"/>
      <c r="CO1" s="3"/>
      <c r="CP1" s="3"/>
      <c r="CQ1" s="3"/>
      <c r="CR1" s="3"/>
      <c r="CS1" s="3"/>
      <c r="CT1" s="3"/>
      <c r="CU1" s="3"/>
      <c r="CV1" s="3"/>
      <c r="CW1" s="3"/>
      <c r="CX1" s="3"/>
      <c r="CY1" s="3"/>
      <c r="CZ1" s="3"/>
      <c r="DA1" s="3"/>
      <c r="DB1" s="3"/>
      <c r="DC1" s="3"/>
      <c r="DD1" s="3"/>
      <c r="DE1" s="3"/>
      <c r="DF1" s="3"/>
      <c r="DG1" s="3"/>
      <c r="DH1" s="3"/>
      <c r="DI1" s="3"/>
      <c r="DJ1" s="3"/>
      <c r="DK1" s="3"/>
      <c r="DL1" s="3"/>
      <c r="DM1" s="3"/>
      <c r="DN1" s="3"/>
      <c r="DO1" s="3"/>
      <c r="DP1" s="3"/>
      <c r="DQ1" s="3"/>
      <c r="DR1" s="3"/>
      <c r="DS1" s="3"/>
      <c r="DT1" s="3"/>
      <c r="DU1" s="3"/>
      <c r="DV1" s="3"/>
      <c r="DW1" s="3"/>
      <c r="DX1" s="3"/>
      <c r="DY1" s="3"/>
      <c r="DZ1" s="3"/>
      <c r="EA1" s="3"/>
      <c r="EB1" s="3"/>
      <c r="EC1" s="3"/>
      <c r="ED1" s="3"/>
      <c r="EE1" s="3"/>
      <c r="EF1" s="3"/>
      <c r="EG1" s="3"/>
      <c r="EH1" s="3"/>
      <c r="EI1" s="3"/>
      <c r="EJ1" s="3"/>
      <c r="EK1" s="3"/>
      <c r="EL1" s="3"/>
      <c r="EM1" s="3"/>
      <c r="EN1" s="3"/>
      <c r="EO1" s="3"/>
      <c r="EP1" s="3"/>
      <c r="EQ1" s="3"/>
      <c r="ER1" s="3"/>
      <c r="ES1" s="3"/>
      <c r="ET1" s="3"/>
      <c r="EU1" s="3"/>
      <c r="EV1" s="3"/>
      <c r="EW1" s="3"/>
      <c r="EX1" s="3"/>
      <c r="EY1" s="3"/>
      <c r="EZ1" s="3"/>
      <c r="FA1" s="3"/>
      <c r="FB1" s="3"/>
      <c r="FC1" s="3"/>
      <c r="FD1" s="3"/>
      <c r="FE1" s="3"/>
      <c r="FF1" s="3"/>
      <c r="FG1" s="3"/>
      <c r="FH1" s="3"/>
      <c r="FI1" s="3"/>
      <c r="FJ1" s="3"/>
      <c r="FK1" s="3"/>
      <c r="FL1" s="3"/>
      <c r="FM1" s="3"/>
      <c r="FN1" s="3"/>
      <c r="FO1" s="3"/>
      <c r="FP1" s="3"/>
      <c r="FQ1" s="3"/>
      <c r="FR1" s="3"/>
      <c r="FS1" s="3"/>
      <c r="FT1" s="3"/>
      <c r="FU1" s="3"/>
      <c r="FV1" s="3"/>
      <c r="FW1" s="3"/>
      <c r="FX1" s="3"/>
      <c r="FY1" s="3"/>
      <c r="FZ1" s="3"/>
      <c r="GA1" s="3"/>
      <c r="GB1" s="3"/>
      <c r="GC1" s="3"/>
      <c r="GD1" s="3"/>
      <c r="GE1" s="3"/>
      <c r="GF1" s="3"/>
      <c r="GG1" s="3"/>
      <c r="GH1" s="3"/>
      <c r="GI1" s="3"/>
      <c r="GJ1" s="3"/>
      <c r="GK1" s="3"/>
      <c r="GL1" s="3"/>
      <c r="GM1" s="3"/>
      <c r="GN1" s="3"/>
      <c r="GO1" s="3"/>
      <c r="GP1" s="3"/>
      <c r="GQ1" s="3"/>
      <c r="GR1" s="3"/>
      <c r="GS1" s="3"/>
      <c r="GT1" s="3"/>
      <c r="GU1" s="3"/>
      <c r="GV1" s="3"/>
      <c r="GW1" s="3"/>
      <c r="GX1" s="3"/>
      <c r="GY1" s="3"/>
      <c r="GZ1" s="3"/>
      <c r="HA1" s="3"/>
      <c r="HB1" s="3"/>
      <c r="HC1" s="3"/>
      <c r="HD1" s="3"/>
      <c r="HE1" s="3"/>
      <c r="HF1" s="3"/>
      <c r="HG1" s="3"/>
      <c r="HH1" s="3"/>
      <c r="HI1" s="3"/>
      <c r="HJ1" s="3"/>
      <c r="HK1" s="3"/>
      <c r="HL1" s="3"/>
      <c r="HM1" s="3"/>
      <c r="HN1" s="3"/>
      <c r="HO1" s="3"/>
      <c r="HP1" s="3"/>
      <c r="HQ1" s="3"/>
      <c r="HR1" s="3"/>
      <c r="HS1" s="3"/>
      <c r="HT1" s="3"/>
      <c r="HU1" s="3"/>
      <c r="HV1" s="3"/>
      <c r="HW1" s="3"/>
      <c r="HX1" s="3"/>
      <c r="HY1" s="3"/>
      <c r="HZ1" s="3"/>
      <c r="IA1" s="3"/>
      <c r="IB1" s="3"/>
      <c r="IC1" s="3"/>
      <c r="ID1" s="3"/>
      <c r="IE1" s="3"/>
      <c r="IF1" s="3"/>
      <c r="IG1" s="3"/>
      <c r="IH1" s="3"/>
      <c r="II1" s="3"/>
      <c r="IJ1" s="3"/>
      <c r="IK1" s="3"/>
      <c r="IL1" s="3"/>
      <c r="IM1" s="3"/>
      <c r="IN1" s="3"/>
      <c r="IO1" s="3"/>
      <c r="IP1" s="3"/>
      <c r="IQ1" s="3"/>
      <c r="IR1" s="3"/>
      <c r="IS1" s="3"/>
      <c r="IT1" s="3"/>
      <c r="IU1" s="3"/>
      <c r="IV1" s="3"/>
      <c r="IW1" s="3"/>
      <c r="IX1" s="3"/>
    </row>
    <row r="2" spans="1:258" ht="409.5" customHeight="1">
      <c r="A2" s="234" t="s">
        <v>1</v>
      </c>
      <c r="B2" s="234"/>
      <c r="C2" s="234"/>
      <c r="D2" s="234"/>
      <c r="E2" s="234"/>
      <c r="F2" s="234"/>
      <c r="G2" s="234"/>
      <c r="H2" s="234"/>
      <c r="I2" s="234"/>
      <c r="J2" s="234"/>
      <c r="K2" s="234"/>
      <c r="L2" s="234"/>
      <c r="M2" s="234"/>
      <c r="N2" s="234"/>
      <c r="O2" s="234"/>
      <c r="P2" s="234"/>
      <c r="Q2" s="234"/>
      <c r="R2" s="234"/>
      <c r="S2" s="234"/>
      <c r="T2" s="142"/>
      <c r="U2" s="3"/>
      <c r="V2" s="3"/>
      <c r="W2" s="3"/>
      <c r="X2" s="3"/>
      <c r="Y2" s="3"/>
      <c r="Z2" s="3"/>
      <c r="AA2" s="3"/>
      <c r="AB2" s="3"/>
      <c r="AC2" s="3"/>
      <c r="AD2" s="3"/>
      <c r="AE2" s="3"/>
      <c r="AF2" s="3"/>
      <c r="AG2" s="3"/>
      <c r="AH2" s="3"/>
      <c r="AI2" s="3"/>
      <c r="AJ2" s="3"/>
      <c r="AK2" s="3"/>
      <c r="AL2" s="3"/>
      <c r="AM2" s="3"/>
      <c r="AN2" s="3"/>
      <c r="AO2" s="3"/>
      <c r="AP2" s="3"/>
      <c r="AQ2" s="3"/>
      <c r="AR2" s="3"/>
      <c r="AS2" s="3"/>
      <c r="AT2" s="3"/>
      <c r="AU2" s="3"/>
      <c r="AV2" s="3"/>
      <c r="AW2" s="3"/>
      <c r="AX2" s="3"/>
      <c r="AY2" s="3"/>
      <c r="AZ2" s="3"/>
      <c r="BA2" s="3"/>
      <c r="BB2" s="3"/>
      <c r="BC2" s="3"/>
      <c r="BD2" s="3"/>
      <c r="BE2" s="3"/>
      <c r="BF2" s="3"/>
      <c r="BG2" s="3"/>
      <c r="BH2" s="3"/>
      <c r="BI2" s="3"/>
      <c r="BJ2" s="3"/>
      <c r="BK2" s="3"/>
      <c r="BL2" s="3"/>
      <c r="BM2" s="3"/>
      <c r="BN2" s="3"/>
      <c r="BO2" s="3"/>
      <c r="BP2" s="3"/>
      <c r="BQ2" s="3"/>
      <c r="BR2" s="3"/>
      <c r="BS2" s="3"/>
      <c r="BT2" s="3"/>
      <c r="BU2" s="3"/>
      <c r="BV2" s="3"/>
      <c r="BW2" s="3"/>
      <c r="BX2" s="3"/>
      <c r="BY2" s="3"/>
      <c r="BZ2" s="3"/>
      <c r="CA2" s="3"/>
      <c r="CB2" s="3"/>
      <c r="CC2" s="3"/>
      <c r="CD2" s="3"/>
      <c r="CE2" s="3"/>
      <c r="CF2" s="3"/>
      <c r="CG2" s="3"/>
      <c r="CH2" s="3"/>
      <c r="CI2" s="3"/>
      <c r="CJ2" s="3"/>
      <c r="CK2" s="3"/>
      <c r="CL2" s="3"/>
      <c r="CM2" s="3"/>
      <c r="CN2" s="3"/>
      <c r="CO2" s="3"/>
      <c r="CP2" s="3"/>
      <c r="CQ2" s="3"/>
      <c r="CR2" s="3"/>
      <c r="CS2" s="3"/>
      <c r="CT2" s="3"/>
      <c r="CU2" s="3"/>
      <c r="CV2" s="3"/>
      <c r="CW2" s="3"/>
      <c r="CX2" s="3"/>
      <c r="CY2" s="3"/>
      <c r="CZ2" s="3"/>
      <c r="DA2" s="3"/>
      <c r="DB2" s="3"/>
      <c r="DC2" s="3"/>
      <c r="DD2" s="3"/>
      <c r="DE2" s="3"/>
      <c r="DF2" s="3"/>
      <c r="DG2" s="3"/>
      <c r="DH2" s="3"/>
      <c r="DI2" s="3"/>
      <c r="DJ2" s="3"/>
      <c r="DK2" s="3"/>
      <c r="DL2" s="3"/>
      <c r="DM2" s="3"/>
      <c r="DN2" s="3"/>
      <c r="DO2" s="3"/>
      <c r="DP2" s="3"/>
      <c r="DQ2" s="3"/>
      <c r="DR2" s="3"/>
      <c r="DS2" s="3"/>
      <c r="DT2" s="3"/>
      <c r="DU2" s="3"/>
      <c r="DV2" s="3"/>
      <c r="DW2" s="3"/>
      <c r="DX2" s="3"/>
      <c r="DY2" s="3"/>
      <c r="DZ2" s="3"/>
      <c r="EA2" s="3"/>
      <c r="EB2" s="3"/>
      <c r="EC2" s="3"/>
      <c r="ED2" s="3"/>
      <c r="EE2" s="3"/>
      <c r="EF2" s="3"/>
      <c r="EG2" s="3"/>
      <c r="EH2" s="3"/>
      <c r="EI2" s="3"/>
      <c r="EJ2" s="3"/>
      <c r="EK2" s="3"/>
      <c r="EL2" s="3"/>
      <c r="EM2" s="3"/>
      <c r="EN2" s="3"/>
      <c r="EO2" s="3"/>
      <c r="EP2" s="3"/>
      <c r="EQ2" s="3"/>
      <c r="ER2" s="3"/>
      <c r="ES2" s="3"/>
      <c r="ET2" s="3"/>
      <c r="EU2" s="3"/>
      <c r="EV2" s="3"/>
      <c r="EW2" s="3"/>
      <c r="EX2" s="3"/>
      <c r="EY2" s="3"/>
      <c r="EZ2" s="3"/>
      <c r="FA2" s="3"/>
      <c r="FB2" s="3"/>
      <c r="FC2" s="3"/>
      <c r="FD2" s="3"/>
      <c r="FE2" s="3"/>
      <c r="FF2" s="3"/>
      <c r="FG2" s="3"/>
      <c r="FH2" s="3"/>
      <c r="FI2" s="3"/>
      <c r="FJ2" s="3"/>
      <c r="FK2" s="3"/>
      <c r="FL2" s="3"/>
      <c r="FM2" s="3"/>
      <c r="FN2" s="3"/>
      <c r="FO2" s="3"/>
      <c r="FP2" s="3"/>
      <c r="FQ2" s="3"/>
      <c r="FR2" s="3"/>
      <c r="FS2" s="3"/>
      <c r="FT2" s="3"/>
      <c r="FU2" s="3"/>
      <c r="FV2" s="3"/>
      <c r="FW2" s="3"/>
      <c r="FX2" s="3"/>
      <c r="FY2" s="3"/>
      <c r="FZ2" s="3"/>
      <c r="GA2" s="3"/>
      <c r="GB2" s="3"/>
      <c r="GC2" s="3"/>
      <c r="GD2" s="3"/>
      <c r="GE2" s="3"/>
      <c r="GF2" s="3"/>
      <c r="GG2" s="3"/>
      <c r="GH2" s="3"/>
      <c r="GI2" s="3"/>
      <c r="GJ2" s="3"/>
      <c r="GK2" s="3"/>
      <c r="GL2" s="3"/>
      <c r="GM2" s="3"/>
      <c r="GN2" s="3"/>
      <c r="GO2" s="3"/>
      <c r="GP2" s="3"/>
      <c r="GQ2" s="3"/>
      <c r="GR2" s="3"/>
      <c r="GS2" s="3"/>
      <c r="GT2" s="3"/>
      <c r="GU2" s="3"/>
      <c r="GV2" s="3"/>
      <c r="GW2" s="3"/>
      <c r="GX2" s="3"/>
      <c r="GY2" s="3"/>
      <c r="GZ2" s="3"/>
      <c r="HA2" s="3"/>
      <c r="HB2" s="3"/>
      <c r="HC2" s="3"/>
      <c r="HD2" s="3"/>
      <c r="HE2" s="3"/>
      <c r="HF2" s="3"/>
      <c r="HG2" s="3"/>
      <c r="HH2" s="3"/>
      <c r="HI2" s="3"/>
      <c r="HJ2" s="3"/>
      <c r="HK2" s="3"/>
      <c r="HL2" s="3"/>
      <c r="HM2" s="3"/>
      <c r="HN2" s="3"/>
      <c r="HO2" s="3"/>
      <c r="HP2" s="3"/>
      <c r="HQ2" s="3"/>
      <c r="HR2" s="3"/>
      <c r="HS2" s="3"/>
      <c r="HT2" s="3"/>
      <c r="HU2" s="3"/>
      <c r="HV2" s="3"/>
      <c r="HW2" s="3"/>
      <c r="HX2" s="3"/>
      <c r="HY2" s="3"/>
      <c r="HZ2" s="3"/>
      <c r="IA2" s="3"/>
      <c r="IB2" s="3"/>
      <c r="IC2" s="3"/>
      <c r="ID2" s="3"/>
      <c r="IE2" s="3"/>
      <c r="IF2" s="3"/>
      <c r="IG2" s="3"/>
      <c r="IH2" s="3"/>
      <c r="II2" s="3"/>
      <c r="IJ2" s="3"/>
      <c r="IK2" s="3"/>
      <c r="IL2" s="3"/>
      <c r="IM2" s="3"/>
      <c r="IN2" s="3"/>
      <c r="IO2" s="3"/>
      <c r="IP2" s="3"/>
      <c r="IQ2" s="3"/>
      <c r="IR2" s="3"/>
      <c r="IS2" s="3"/>
      <c r="IT2" s="3"/>
      <c r="IU2" s="3"/>
      <c r="IV2" s="3"/>
      <c r="IW2" s="3"/>
      <c r="IX2" s="3"/>
    </row>
    <row r="3" spans="1:258" ht="301.5" customHeight="1">
      <c r="A3" s="143"/>
      <c r="B3" s="143"/>
      <c r="C3" s="143"/>
      <c r="D3" s="143"/>
      <c r="E3" s="143"/>
      <c r="F3" s="143"/>
      <c r="G3" s="143"/>
      <c r="H3" s="143"/>
      <c r="I3" s="143"/>
      <c r="J3" s="143"/>
      <c r="K3" s="143"/>
      <c r="L3" s="143"/>
      <c r="M3" s="143"/>
      <c r="N3" s="143"/>
      <c r="O3" s="143"/>
      <c r="P3" s="143"/>
      <c r="Q3" s="143"/>
      <c r="R3" s="143"/>
      <c r="S3" s="143"/>
      <c r="T3" s="142"/>
      <c r="U3" s="3"/>
      <c r="V3" s="3"/>
      <c r="W3" s="3"/>
      <c r="X3" s="3"/>
      <c r="Y3" s="3"/>
      <c r="Z3" s="3"/>
      <c r="AA3" s="3"/>
      <c r="AB3" s="3"/>
      <c r="AC3" s="3"/>
      <c r="AD3" s="3"/>
      <c r="AE3" s="3"/>
      <c r="AF3" s="3"/>
      <c r="AG3" s="3"/>
      <c r="AH3" s="3"/>
      <c r="AI3" s="3"/>
      <c r="AJ3" s="3"/>
      <c r="AK3" s="3"/>
      <c r="AL3" s="3"/>
      <c r="AM3" s="3"/>
      <c r="AN3" s="3"/>
      <c r="AO3" s="3"/>
      <c r="AP3" s="3"/>
      <c r="AQ3" s="3"/>
      <c r="AR3" s="3"/>
      <c r="AS3" s="3"/>
      <c r="AT3" s="3"/>
      <c r="AU3" s="3"/>
      <c r="AV3" s="3"/>
      <c r="AW3" s="3"/>
      <c r="AX3" s="3"/>
      <c r="AY3" s="3"/>
      <c r="AZ3" s="3"/>
      <c r="BA3" s="3"/>
      <c r="BB3" s="3"/>
      <c r="BC3" s="3"/>
      <c r="BD3" s="3"/>
      <c r="BE3" s="3"/>
      <c r="BF3" s="3"/>
      <c r="BG3" s="3"/>
      <c r="BH3" s="3"/>
      <c r="BI3" s="3"/>
      <c r="BJ3" s="3"/>
      <c r="BK3" s="3"/>
      <c r="BL3" s="3"/>
      <c r="BM3" s="3"/>
      <c r="BN3" s="3"/>
      <c r="BO3" s="3"/>
      <c r="BP3" s="3"/>
      <c r="BQ3" s="3"/>
      <c r="BR3" s="3"/>
      <c r="BS3" s="3"/>
      <c r="BT3" s="3"/>
      <c r="BU3" s="3"/>
      <c r="BV3" s="3"/>
      <c r="BW3" s="3"/>
      <c r="BX3" s="3"/>
      <c r="BY3" s="3"/>
      <c r="BZ3" s="3"/>
      <c r="CA3" s="3"/>
      <c r="CB3" s="3"/>
      <c r="CC3" s="3"/>
      <c r="CD3" s="3"/>
      <c r="CE3" s="3"/>
      <c r="CF3" s="3"/>
      <c r="CG3" s="3"/>
      <c r="CH3" s="3"/>
      <c r="CI3" s="3"/>
      <c r="CJ3" s="3"/>
      <c r="CK3" s="3"/>
      <c r="CL3" s="3"/>
      <c r="CM3" s="3"/>
      <c r="CN3" s="3"/>
      <c r="CO3" s="3"/>
      <c r="CP3" s="3"/>
      <c r="CQ3" s="3"/>
      <c r="CR3" s="3"/>
      <c r="CS3" s="3"/>
      <c r="CT3" s="3"/>
      <c r="CU3" s="3"/>
      <c r="CV3" s="3"/>
      <c r="CW3" s="3"/>
      <c r="CX3" s="3"/>
      <c r="CY3" s="3"/>
      <c r="CZ3" s="3"/>
      <c r="DA3" s="3"/>
      <c r="DB3" s="3"/>
      <c r="DC3" s="3"/>
      <c r="DD3" s="3"/>
      <c r="DE3" s="3"/>
      <c r="DF3" s="3"/>
      <c r="DG3" s="3"/>
      <c r="DH3" s="3"/>
      <c r="DI3" s="3"/>
      <c r="DJ3" s="3"/>
      <c r="DK3" s="3"/>
      <c r="DL3" s="3"/>
      <c r="DM3" s="3"/>
      <c r="DN3" s="3"/>
      <c r="DO3" s="3"/>
      <c r="DP3" s="3"/>
      <c r="DQ3" s="3"/>
      <c r="DR3" s="3"/>
      <c r="DS3" s="3"/>
      <c r="DT3" s="3"/>
      <c r="DU3" s="3"/>
      <c r="DV3" s="3"/>
      <c r="DW3" s="3"/>
      <c r="DX3" s="3"/>
      <c r="DY3" s="3"/>
      <c r="DZ3" s="3"/>
      <c r="EA3" s="3"/>
      <c r="EB3" s="3"/>
      <c r="EC3" s="3"/>
      <c r="ED3" s="3"/>
      <c r="EE3" s="3"/>
      <c r="EF3" s="3"/>
      <c r="EG3" s="3"/>
      <c r="EH3" s="3"/>
      <c r="EI3" s="3"/>
      <c r="EJ3" s="3"/>
      <c r="EK3" s="3"/>
      <c r="EL3" s="3"/>
      <c r="EM3" s="3"/>
      <c r="EN3" s="3"/>
      <c r="EO3" s="3"/>
      <c r="EP3" s="3"/>
      <c r="EQ3" s="3"/>
      <c r="ER3" s="3"/>
      <c r="ES3" s="3"/>
      <c r="ET3" s="3"/>
      <c r="EU3" s="3"/>
      <c r="EV3" s="3"/>
      <c r="EW3" s="3"/>
      <c r="EX3" s="3"/>
      <c r="EY3" s="3"/>
      <c r="EZ3" s="3"/>
      <c r="FA3" s="3"/>
      <c r="FB3" s="3"/>
      <c r="FC3" s="3"/>
      <c r="FD3" s="3"/>
      <c r="FE3" s="3"/>
      <c r="FF3" s="3"/>
      <c r="FG3" s="3"/>
      <c r="FH3" s="3"/>
      <c r="FI3" s="3"/>
      <c r="FJ3" s="3"/>
      <c r="FK3" s="3"/>
      <c r="FL3" s="3"/>
      <c r="FM3" s="3"/>
      <c r="FN3" s="3"/>
      <c r="FO3" s="3"/>
      <c r="FP3" s="3"/>
      <c r="FQ3" s="3"/>
      <c r="FR3" s="3"/>
      <c r="FS3" s="3"/>
      <c r="FT3" s="3"/>
      <c r="FU3" s="3"/>
      <c r="FV3" s="3"/>
      <c r="FW3" s="3"/>
      <c r="FX3" s="3"/>
      <c r="FY3" s="3"/>
      <c r="FZ3" s="3"/>
      <c r="GA3" s="3"/>
      <c r="GB3" s="3"/>
      <c r="GC3" s="3"/>
      <c r="GD3" s="3"/>
      <c r="GE3" s="3"/>
      <c r="GF3" s="3"/>
      <c r="GG3" s="3"/>
      <c r="GH3" s="3"/>
      <c r="GI3" s="3"/>
      <c r="GJ3" s="3"/>
      <c r="GK3" s="3"/>
      <c r="GL3" s="3"/>
      <c r="GM3" s="3"/>
      <c r="GN3" s="3"/>
      <c r="GO3" s="3"/>
      <c r="GP3" s="3"/>
      <c r="GQ3" s="3"/>
      <c r="GR3" s="3"/>
      <c r="GS3" s="3"/>
      <c r="GT3" s="3"/>
      <c r="GU3" s="3"/>
      <c r="GV3" s="3"/>
      <c r="GW3" s="3"/>
      <c r="GX3" s="3"/>
      <c r="GY3" s="3"/>
      <c r="GZ3" s="3"/>
      <c r="HA3" s="3"/>
      <c r="HB3" s="3"/>
      <c r="HC3" s="3"/>
      <c r="HD3" s="3"/>
      <c r="HE3" s="3"/>
      <c r="HF3" s="3"/>
      <c r="HG3" s="3"/>
      <c r="HH3" s="3"/>
      <c r="HI3" s="3"/>
      <c r="HJ3" s="3"/>
      <c r="HK3" s="3"/>
      <c r="HL3" s="3"/>
      <c r="HM3" s="3"/>
      <c r="HN3" s="3"/>
      <c r="HO3" s="3"/>
      <c r="HP3" s="3"/>
      <c r="HQ3" s="3"/>
      <c r="HR3" s="3"/>
      <c r="HS3" s="3"/>
      <c r="HT3" s="3"/>
      <c r="HU3" s="3"/>
      <c r="HV3" s="3"/>
      <c r="HW3" s="3"/>
      <c r="HX3" s="3"/>
      <c r="HY3" s="3"/>
      <c r="HZ3" s="3"/>
      <c r="IA3" s="3"/>
      <c r="IB3" s="3"/>
      <c r="IC3" s="3"/>
      <c r="ID3" s="3"/>
      <c r="IE3" s="3"/>
      <c r="IF3" s="3"/>
      <c r="IG3" s="3"/>
      <c r="IH3" s="3"/>
      <c r="II3" s="3"/>
      <c r="IJ3" s="3"/>
      <c r="IK3" s="3"/>
      <c r="IL3" s="3"/>
      <c r="IM3" s="3"/>
      <c r="IN3" s="3"/>
      <c r="IO3" s="3"/>
      <c r="IP3" s="3"/>
      <c r="IQ3" s="3"/>
      <c r="IR3" s="3"/>
      <c r="IS3" s="3"/>
      <c r="IT3" s="3"/>
      <c r="IU3" s="3"/>
      <c r="IV3" s="3"/>
      <c r="IW3" s="3"/>
      <c r="IX3" s="3"/>
    </row>
    <row r="4" spans="1:258" ht="301.5" customHeight="1">
      <c r="A4" s="143"/>
      <c r="B4" s="143"/>
      <c r="C4" s="143"/>
      <c r="D4" s="143"/>
      <c r="E4" s="143"/>
      <c r="F4" s="143"/>
      <c r="G4" s="143"/>
      <c r="H4" s="143"/>
      <c r="I4" s="143"/>
      <c r="J4" s="143"/>
      <c r="K4" s="143"/>
      <c r="L4" s="143"/>
      <c r="M4" s="143"/>
      <c r="N4" s="143"/>
      <c r="O4" s="143"/>
      <c r="P4" s="143"/>
      <c r="Q4" s="143"/>
      <c r="R4" s="143"/>
      <c r="S4" s="143"/>
      <c r="T4" s="142"/>
      <c r="U4" s="3"/>
      <c r="V4" s="3"/>
      <c r="W4" s="3"/>
      <c r="X4" s="3"/>
      <c r="Y4" s="3"/>
      <c r="Z4" s="3"/>
      <c r="AA4" s="3"/>
      <c r="AB4" s="3"/>
      <c r="AC4" s="3"/>
      <c r="AD4" s="3"/>
      <c r="AE4" s="3"/>
      <c r="AF4" s="3"/>
      <c r="AG4" s="3"/>
      <c r="AH4" s="3"/>
      <c r="AI4" s="3"/>
      <c r="AJ4" s="3"/>
      <c r="AK4" s="3"/>
      <c r="AL4" s="3"/>
      <c r="AM4" s="3"/>
      <c r="AN4" s="3"/>
      <c r="AO4" s="3"/>
      <c r="AP4" s="3"/>
      <c r="AQ4" s="3"/>
      <c r="AR4" s="3"/>
      <c r="AS4" s="3"/>
      <c r="AT4" s="3"/>
      <c r="AU4" s="3"/>
      <c r="AV4" s="3"/>
      <c r="AW4" s="3"/>
      <c r="AX4" s="3"/>
      <c r="AY4" s="3"/>
      <c r="AZ4" s="3"/>
      <c r="BA4" s="3"/>
      <c r="BB4" s="3"/>
      <c r="BC4" s="3"/>
      <c r="BD4" s="3"/>
      <c r="BE4" s="3"/>
      <c r="BF4" s="3"/>
      <c r="BG4" s="3"/>
      <c r="BH4" s="3"/>
      <c r="BI4" s="3"/>
      <c r="BJ4" s="3"/>
      <c r="BK4" s="3"/>
      <c r="BL4" s="3"/>
      <c r="BM4" s="3"/>
      <c r="BN4" s="3"/>
      <c r="BO4" s="3"/>
      <c r="BP4" s="3"/>
      <c r="BQ4" s="3"/>
      <c r="BR4" s="3"/>
      <c r="BS4" s="3"/>
      <c r="BT4" s="3"/>
      <c r="BU4" s="3"/>
      <c r="BV4" s="3"/>
      <c r="BW4" s="3"/>
      <c r="BX4" s="3"/>
      <c r="BY4" s="3"/>
      <c r="BZ4" s="3"/>
      <c r="CA4" s="3"/>
      <c r="CB4" s="3"/>
      <c r="CC4" s="3"/>
      <c r="CD4" s="3"/>
      <c r="CE4" s="3"/>
      <c r="CF4" s="3"/>
      <c r="CG4" s="3"/>
      <c r="CH4" s="3"/>
      <c r="CI4" s="3"/>
      <c r="CJ4" s="3"/>
      <c r="CK4" s="3"/>
      <c r="CL4" s="3"/>
      <c r="CM4" s="3"/>
      <c r="CN4" s="3"/>
      <c r="CO4" s="3"/>
      <c r="CP4" s="3"/>
      <c r="CQ4" s="3"/>
      <c r="CR4" s="3"/>
      <c r="CS4" s="3"/>
      <c r="CT4" s="3"/>
      <c r="CU4" s="3"/>
      <c r="CV4" s="3"/>
      <c r="CW4" s="3"/>
      <c r="CX4" s="3"/>
      <c r="CY4" s="3"/>
      <c r="CZ4" s="3"/>
      <c r="DA4" s="3"/>
      <c r="DB4" s="3"/>
      <c r="DC4" s="3"/>
      <c r="DD4" s="3"/>
      <c r="DE4" s="3"/>
      <c r="DF4" s="3"/>
      <c r="DG4" s="3"/>
      <c r="DH4" s="3"/>
      <c r="DI4" s="3"/>
      <c r="DJ4" s="3"/>
      <c r="DK4" s="3"/>
      <c r="DL4" s="3"/>
      <c r="DM4" s="3"/>
      <c r="DN4" s="3"/>
      <c r="DO4" s="3"/>
      <c r="DP4" s="3"/>
      <c r="DQ4" s="3"/>
      <c r="DR4" s="3"/>
      <c r="DS4" s="3"/>
      <c r="DT4" s="3"/>
      <c r="DU4" s="3"/>
      <c r="DV4" s="3"/>
      <c r="DW4" s="3"/>
      <c r="DX4" s="3"/>
      <c r="DY4" s="3"/>
      <c r="DZ4" s="3"/>
      <c r="EA4" s="3"/>
      <c r="EB4" s="3"/>
      <c r="EC4" s="3"/>
      <c r="ED4" s="3"/>
      <c r="EE4" s="3"/>
      <c r="EF4" s="3"/>
      <c r="EG4" s="3"/>
      <c r="EH4" s="3"/>
      <c r="EI4" s="3"/>
      <c r="EJ4" s="3"/>
      <c r="EK4" s="3"/>
      <c r="EL4" s="3"/>
      <c r="EM4" s="3"/>
      <c r="EN4" s="3"/>
      <c r="EO4" s="3"/>
      <c r="EP4" s="3"/>
      <c r="EQ4" s="3"/>
      <c r="ER4" s="3"/>
      <c r="ES4" s="3"/>
      <c r="ET4" s="3"/>
      <c r="EU4" s="3"/>
      <c r="EV4" s="3"/>
      <c r="EW4" s="3"/>
      <c r="EX4" s="3"/>
      <c r="EY4" s="3"/>
      <c r="EZ4" s="3"/>
      <c r="FA4" s="3"/>
      <c r="FB4" s="3"/>
      <c r="FC4" s="3"/>
      <c r="FD4" s="3"/>
      <c r="FE4" s="3"/>
      <c r="FF4" s="3"/>
      <c r="FG4" s="3"/>
      <c r="FH4" s="3"/>
      <c r="FI4" s="3"/>
      <c r="FJ4" s="3"/>
      <c r="FK4" s="3"/>
      <c r="FL4" s="3"/>
      <c r="FM4" s="3"/>
      <c r="FN4" s="3"/>
      <c r="FO4" s="3"/>
      <c r="FP4" s="3"/>
      <c r="FQ4" s="3"/>
      <c r="FR4" s="3"/>
      <c r="FS4" s="3"/>
      <c r="FT4" s="3"/>
      <c r="FU4" s="3"/>
      <c r="FV4" s="3"/>
      <c r="FW4" s="3"/>
      <c r="FX4" s="3"/>
      <c r="FY4" s="3"/>
      <c r="FZ4" s="3"/>
      <c r="GA4" s="3"/>
      <c r="GB4" s="3"/>
      <c r="GC4" s="3"/>
      <c r="GD4" s="3"/>
      <c r="GE4" s="3"/>
      <c r="GF4" s="3"/>
      <c r="GG4" s="3"/>
      <c r="GH4" s="3"/>
      <c r="GI4" s="3"/>
      <c r="GJ4" s="3"/>
      <c r="GK4" s="3"/>
      <c r="GL4" s="3"/>
      <c r="GM4" s="3"/>
      <c r="GN4" s="3"/>
      <c r="GO4" s="3"/>
      <c r="GP4" s="3"/>
      <c r="GQ4" s="3"/>
      <c r="GR4" s="3"/>
      <c r="GS4" s="3"/>
      <c r="GT4" s="3"/>
      <c r="GU4" s="3"/>
      <c r="GV4" s="3"/>
      <c r="GW4" s="3"/>
      <c r="GX4" s="3"/>
      <c r="GY4" s="3"/>
      <c r="GZ4" s="3"/>
      <c r="HA4" s="3"/>
      <c r="HB4" s="3"/>
      <c r="HC4" s="3"/>
      <c r="HD4" s="3"/>
      <c r="HE4" s="3"/>
      <c r="HF4" s="3"/>
      <c r="HG4" s="3"/>
      <c r="HH4" s="3"/>
      <c r="HI4" s="3"/>
      <c r="HJ4" s="3"/>
      <c r="HK4" s="3"/>
      <c r="HL4" s="3"/>
      <c r="HM4" s="3"/>
      <c r="HN4" s="3"/>
      <c r="HO4" s="3"/>
      <c r="HP4" s="3"/>
      <c r="HQ4" s="3"/>
      <c r="HR4" s="3"/>
      <c r="HS4" s="3"/>
      <c r="HT4" s="3"/>
      <c r="HU4" s="3"/>
      <c r="HV4" s="3"/>
      <c r="HW4" s="3"/>
      <c r="HX4" s="3"/>
      <c r="HY4" s="3"/>
      <c r="HZ4" s="3"/>
      <c r="IA4" s="3"/>
      <c r="IB4" s="3"/>
      <c r="IC4" s="3"/>
      <c r="ID4" s="3"/>
      <c r="IE4" s="3"/>
      <c r="IF4" s="3"/>
      <c r="IG4" s="3"/>
      <c r="IH4" s="3"/>
      <c r="II4" s="3"/>
      <c r="IJ4" s="3"/>
      <c r="IK4" s="3"/>
      <c r="IL4" s="3"/>
      <c r="IM4" s="3"/>
      <c r="IN4" s="3"/>
      <c r="IO4" s="3"/>
      <c r="IP4" s="3"/>
      <c r="IQ4" s="3"/>
      <c r="IR4" s="3"/>
      <c r="IS4" s="3"/>
      <c r="IT4" s="3"/>
      <c r="IU4" s="3"/>
      <c r="IV4" s="3"/>
      <c r="IW4" s="3"/>
      <c r="IX4" s="3"/>
    </row>
    <row r="5" spans="1:258" ht="361.5" customHeight="1">
      <c r="A5" s="143"/>
      <c r="B5" s="143"/>
      <c r="C5" s="143"/>
      <c r="D5" s="143"/>
      <c r="E5" s="143"/>
      <c r="F5" s="143"/>
      <c r="G5" s="143"/>
      <c r="H5" s="143"/>
      <c r="I5" s="143"/>
      <c r="J5" s="143"/>
      <c r="K5" s="143"/>
      <c r="L5" s="143"/>
      <c r="M5" s="143"/>
      <c r="N5" s="143"/>
      <c r="O5" s="143"/>
      <c r="P5" s="143"/>
      <c r="Q5" s="143"/>
      <c r="R5" s="143"/>
      <c r="S5" s="143"/>
      <c r="T5" s="142"/>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c r="CA5" s="3"/>
      <c r="CB5" s="3"/>
      <c r="CC5" s="3"/>
      <c r="CD5" s="3"/>
      <c r="CE5" s="3"/>
      <c r="CF5" s="3"/>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3"/>
      <c r="IR5" s="3"/>
      <c r="IS5" s="3"/>
      <c r="IT5" s="3"/>
      <c r="IU5" s="3"/>
      <c r="IV5" s="3"/>
      <c r="IW5" s="3"/>
      <c r="IX5" s="3"/>
    </row>
    <row r="6" spans="1:258" ht="187.5" customHeight="1">
      <c r="A6" s="234" t="s">
        <v>2</v>
      </c>
      <c r="B6" s="234"/>
      <c r="C6" s="234"/>
      <c r="D6" s="234"/>
      <c r="E6" s="234"/>
      <c r="F6" s="234"/>
      <c r="G6" s="234"/>
      <c r="H6" s="234"/>
      <c r="I6" s="234"/>
      <c r="J6" s="234"/>
      <c r="K6" s="234"/>
      <c r="L6" s="234"/>
      <c r="M6" s="234"/>
      <c r="N6" s="234"/>
      <c r="O6" s="234"/>
      <c r="P6" s="234"/>
      <c r="Q6" s="234"/>
      <c r="R6" s="234"/>
      <c r="S6" s="234"/>
      <c r="T6" s="142"/>
      <c r="U6" s="3"/>
      <c r="V6" s="3"/>
      <c r="W6" s="3"/>
      <c r="X6" s="3"/>
      <c r="Y6" s="3"/>
      <c r="Z6" s="3"/>
      <c r="AA6" s="3"/>
      <c r="AB6" s="3"/>
      <c r="AC6" s="3"/>
      <c r="AD6" s="3"/>
      <c r="AE6" s="3"/>
      <c r="AF6" s="3"/>
      <c r="AG6" s="3"/>
      <c r="AH6" s="3"/>
      <c r="AI6" s="3"/>
      <c r="AJ6" s="3"/>
      <c r="AK6" s="3"/>
      <c r="AL6" s="3"/>
      <c r="AM6" s="3"/>
      <c r="AN6" s="3"/>
      <c r="AO6" s="3"/>
      <c r="AP6" s="3"/>
      <c r="AQ6" s="3"/>
      <c r="AR6" s="3"/>
      <c r="AS6" s="3"/>
      <c r="AT6" s="3"/>
      <c r="AU6" s="3"/>
      <c r="AV6" s="3"/>
      <c r="AW6" s="3"/>
      <c r="AX6" s="3"/>
      <c r="AY6" s="3"/>
      <c r="AZ6" s="3"/>
      <c r="BA6" s="3"/>
      <c r="BB6" s="3"/>
      <c r="BC6" s="3"/>
      <c r="BD6" s="3"/>
      <c r="BE6" s="3"/>
      <c r="BF6" s="3"/>
      <c r="BG6" s="3"/>
      <c r="BH6" s="3"/>
      <c r="BI6" s="3"/>
      <c r="BJ6" s="3"/>
      <c r="BK6" s="3"/>
      <c r="BL6" s="3"/>
      <c r="BM6" s="3"/>
      <c r="BN6" s="3"/>
      <c r="BO6" s="3"/>
      <c r="BP6" s="3"/>
      <c r="BQ6" s="3"/>
      <c r="BR6" s="3"/>
      <c r="BS6" s="3"/>
      <c r="BT6" s="3"/>
      <c r="BU6" s="3"/>
      <c r="BV6" s="3"/>
      <c r="BW6" s="3"/>
      <c r="BX6" s="3"/>
      <c r="BY6" s="3"/>
      <c r="BZ6" s="3"/>
      <c r="CA6" s="3"/>
      <c r="CB6" s="3"/>
      <c r="CC6" s="3"/>
      <c r="CD6" s="3"/>
      <c r="CE6" s="3"/>
      <c r="CF6" s="3"/>
      <c r="CG6" s="3"/>
      <c r="CH6" s="3"/>
      <c r="CI6" s="3"/>
      <c r="CJ6" s="3"/>
      <c r="CK6" s="3"/>
      <c r="CL6" s="3"/>
      <c r="CM6" s="3"/>
      <c r="CN6" s="3"/>
      <c r="CO6" s="3"/>
      <c r="CP6" s="3"/>
      <c r="CQ6" s="3"/>
      <c r="CR6" s="3"/>
      <c r="CS6" s="3"/>
      <c r="CT6" s="3"/>
      <c r="CU6" s="3"/>
      <c r="CV6" s="3"/>
      <c r="CW6" s="3"/>
      <c r="CX6" s="3"/>
      <c r="CY6" s="3"/>
      <c r="CZ6" s="3"/>
      <c r="DA6" s="3"/>
      <c r="DB6" s="3"/>
      <c r="DC6" s="3"/>
      <c r="DD6" s="3"/>
      <c r="DE6" s="3"/>
      <c r="DF6" s="3"/>
      <c r="DG6" s="3"/>
      <c r="DH6" s="3"/>
      <c r="DI6" s="3"/>
      <c r="DJ6" s="3"/>
      <c r="DK6" s="3"/>
      <c r="DL6" s="3"/>
      <c r="DM6" s="3"/>
      <c r="DN6" s="3"/>
      <c r="DO6" s="3"/>
      <c r="DP6" s="3"/>
      <c r="DQ6" s="3"/>
      <c r="DR6" s="3"/>
      <c r="DS6" s="3"/>
      <c r="DT6" s="3"/>
      <c r="DU6" s="3"/>
      <c r="DV6" s="3"/>
      <c r="DW6" s="3"/>
      <c r="DX6" s="3"/>
      <c r="DY6" s="3"/>
      <c r="DZ6" s="3"/>
      <c r="EA6" s="3"/>
      <c r="EB6" s="3"/>
      <c r="EC6" s="3"/>
      <c r="ED6" s="3"/>
      <c r="EE6" s="3"/>
      <c r="EF6" s="3"/>
      <c r="EG6" s="3"/>
      <c r="EH6" s="3"/>
      <c r="EI6" s="3"/>
      <c r="EJ6" s="3"/>
      <c r="EK6" s="3"/>
      <c r="EL6" s="3"/>
      <c r="EM6" s="3"/>
      <c r="EN6" s="3"/>
      <c r="EO6" s="3"/>
      <c r="EP6" s="3"/>
      <c r="EQ6" s="3"/>
      <c r="ER6" s="3"/>
      <c r="ES6" s="3"/>
      <c r="ET6" s="3"/>
      <c r="EU6" s="3"/>
      <c r="EV6" s="3"/>
      <c r="EW6" s="3"/>
      <c r="EX6" s="3"/>
      <c r="EY6" s="3"/>
      <c r="EZ6" s="3"/>
      <c r="FA6" s="3"/>
      <c r="FB6" s="3"/>
      <c r="FC6" s="3"/>
      <c r="FD6" s="3"/>
      <c r="FE6" s="3"/>
      <c r="FF6" s="3"/>
      <c r="FG6" s="3"/>
      <c r="FH6" s="3"/>
      <c r="FI6" s="3"/>
      <c r="FJ6" s="3"/>
      <c r="FK6" s="3"/>
      <c r="FL6" s="3"/>
      <c r="FM6" s="3"/>
      <c r="FN6" s="3"/>
      <c r="FO6" s="3"/>
      <c r="FP6" s="3"/>
      <c r="FQ6" s="3"/>
      <c r="FR6" s="3"/>
      <c r="FS6" s="3"/>
      <c r="FT6" s="3"/>
      <c r="FU6" s="3"/>
      <c r="FV6" s="3"/>
      <c r="FW6" s="3"/>
      <c r="FX6" s="3"/>
      <c r="FY6" s="3"/>
      <c r="FZ6" s="3"/>
      <c r="GA6" s="3"/>
      <c r="GB6" s="3"/>
      <c r="GC6" s="3"/>
      <c r="GD6" s="3"/>
      <c r="GE6" s="3"/>
      <c r="GF6" s="3"/>
      <c r="GG6" s="3"/>
      <c r="GH6" s="3"/>
      <c r="GI6" s="3"/>
      <c r="GJ6" s="3"/>
      <c r="GK6" s="3"/>
      <c r="GL6" s="3"/>
      <c r="GM6" s="3"/>
      <c r="GN6" s="3"/>
      <c r="GO6" s="3"/>
      <c r="GP6" s="3"/>
      <c r="GQ6" s="3"/>
      <c r="GR6" s="3"/>
      <c r="GS6" s="3"/>
      <c r="GT6" s="3"/>
      <c r="GU6" s="3"/>
      <c r="GV6" s="3"/>
      <c r="GW6" s="3"/>
      <c r="GX6" s="3"/>
      <c r="GY6" s="3"/>
      <c r="GZ6" s="3"/>
      <c r="HA6" s="3"/>
      <c r="HB6" s="3"/>
      <c r="HC6" s="3"/>
      <c r="HD6" s="3"/>
      <c r="HE6" s="3"/>
      <c r="HF6" s="3"/>
      <c r="HG6" s="3"/>
      <c r="HH6" s="3"/>
      <c r="HI6" s="3"/>
      <c r="HJ6" s="3"/>
      <c r="HK6" s="3"/>
      <c r="HL6" s="3"/>
      <c r="HM6" s="3"/>
      <c r="HN6" s="3"/>
      <c r="HO6" s="3"/>
      <c r="HP6" s="3"/>
      <c r="HQ6" s="3"/>
      <c r="HR6" s="3"/>
      <c r="HS6" s="3"/>
      <c r="HT6" s="3"/>
      <c r="HU6" s="3"/>
      <c r="HV6" s="3"/>
      <c r="HW6" s="3"/>
      <c r="HX6" s="3"/>
      <c r="HY6" s="3"/>
      <c r="HZ6" s="3"/>
      <c r="IA6" s="3"/>
      <c r="IB6" s="3"/>
      <c r="IC6" s="3"/>
      <c r="ID6" s="3"/>
      <c r="IE6" s="3"/>
      <c r="IF6" s="3"/>
      <c r="IG6" s="3"/>
      <c r="IH6" s="3"/>
      <c r="II6" s="3"/>
      <c r="IJ6" s="3"/>
      <c r="IK6" s="3"/>
      <c r="IL6" s="3"/>
      <c r="IM6" s="3"/>
      <c r="IN6" s="3"/>
      <c r="IO6" s="3"/>
      <c r="IP6" s="3"/>
      <c r="IQ6" s="3"/>
      <c r="IR6" s="3"/>
      <c r="IS6" s="3"/>
      <c r="IT6" s="3"/>
      <c r="IU6" s="3"/>
      <c r="IV6" s="3"/>
      <c r="IW6" s="3"/>
      <c r="IX6" s="3"/>
    </row>
    <row r="7" spans="1:258" ht="55.2">
      <c r="A7" s="143"/>
      <c r="B7" s="144" t="s">
        <v>3</v>
      </c>
      <c r="C7" s="145"/>
      <c r="D7" s="145" t="s">
        <v>4</v>
      </c>
      <c r="E7" s="144"/>
      <c r="F7" s="144"/>
      <c r="G7" s="144"/>
      <c r="H7" s="144"/>
      <c r="I7" s="144"/>
      <c r="J7" s="144"/>
      <c r="K7" s="144"/>
      <c r="L7" s="144"/>
      <c r="M7" s="144"/>
      <c r="N7" s="143"/>
      <c r="O7" s="143"/>
      <c r="P7" s="143"/>
      <c r="Q7" s="143"/>
      <c r="R7" s="143"/>
      <c r="S7" s="143"/>
      <c r="T7" s="142"/>
      <c r="U7" s="3"/>
      <c r="V7" s="3"/>
      <c r="W7" s="3"/>
      <c r="X7" s="3"/>
      <c r="Y7" s="3"/>
      <c r="Z7" s="3"/>
      <c r="AA7" s="3"/>
      <c r="AB7" s="3"/>
      <c r="AC7" s="3"/>
      <c r="AD7" s="3"/>
      <c r="AE7" s="3"/>
      <c r="AF7" s="3"/>
      <c r="AG7" s="3"/>
      <c r="AH7" s="3"/>
      <c r="AI7" s="3"/>
      <c r="AJ7" s="3"/>
      <c r="AK7" s="3"/>
      <c r="AL7" s="3"/>
      <c r="AM7" s="3"/>
      <c r="AN7" s="3"/>
      <c r="AO7" s="3"/>
      <c r="AP7" s="3"/>
      <c r="AQ7" s="3"/>
      <c r="AR7" s="3"/>
      <c r="AS7" s="3"/>
      <c r="AT7" s="3"/>
      <c r="AU7" s="3"/>
      <c r="AV7" s="3"/>
      <c r="AW7" s="3"/>
      <c r="AX7" s="3"/>
      <c r="AY7" s="3"/>
      <c r="AZ7" s="3"/>
      <c r="BA7" s="3"/>
      <c r="BB7" s="3"/>
      <c r="BC7" s="3"/>
      <c r="BD7" s="3"/>
      <c r="BE7" s="3"/>
      <c r="BF7" s="3"/>
      <c r="BG7" s="3"/>
      <c r="BH7" s="3"/>
      <c r="BI7" s="3"/>
      <c r="BJ7" s="3"/>
      <c r="BK7" s="3"/>
      <c r="BL7" s="3"/>
      <c r="BM7" s="3"/>
      <c r="BN7" s="3"/>
      <c r="BO7" s="3"/>
      <c r="BP7" s="3"/>
      <c r="BQ7" s="3"/>
      <c r="BR7" s="3"/>
      <c r="BS7" s="3"/>
      <c r="BT7" s="3"/>
      <c r="BU7" s="3"/>
      <c r="BV7" s="3"/>
      <c r="BW7" s="3"/>
      <c r="BX7" s="3"/>
      <c r="BY7" s="3"/>
      <c r="BZ7" s="3"/>
      <c r="CA7" s="3"/>
      <c r="CB7" s="3"/>
      <c r="CC7" s="3"/>
      <c r="CD7" s="3"/>
      <c r="CE7" s="3"/>
      <c r="CF7" s="3"/>
      <c r="CG7" s="3"/>
      <c r="CH7" s="3"/>
      <c r="CI7" s="3"/>
      <c r="CJ7" s="3"/>
      <c r="CK7" s="3"/>
      <c r="CL7" s="3"/>
      <c r="CM7" s="3"/>
      <c r="CN7" s="3"/>
      <c r="CO7" s="3"/>
      <c r="CP7" s="3"/>
      <c r="CQ7" s="3"/>
      <c r="CR7" s="3"/>
      <c r="CS7" s="3"/>
      <c r="CT7" s="3"/>
      <c r="CU7" s="3"/>
      <c r="CV7" s="3"/>
      <c r="CW7" s="3"/>
      <c r="CX7" s="3"/>
      <c r="CY7" s="3"/>
      <c r="CZ7" s="3"/>
      <c r="DA7" s="3"/>
      <c r="DB7" s="3"/>
      <c r="DC7" s="3"/>
      <c r="DD7" s="3"/>
      <c r="DE7" s="3"/>
      <c r="DF7" s="3"/>
      <c r="DG7" s="3"/>
      <c r="DH7" s="3"/>
      <c r="DI7" s="3"/>
      <c r="DJ7" s="3"/>
      <c r="DK7" s="3"/>
      <c r="DL7" s="3"/>
      <c r="DM7" s="3"/>
      <c r="DN7" s="3"/>
      <c r="DO7" s="3"/>
      <c r="DP7" s="3"/>
      <c r="DQ7" s="3"/>
      <c r="DR7" s="3"/>
      <c r="DS7" s="3"/>
      <c r="DT7" s="3"/>
      <c r="DU7" s="3"/>
      <c r="DV7" s="3"/>
      <c r="DW7" s="3"/>
      <c r="DX7" s="3"/>
      <c r="DY7" s="3"/>
      <c r="DZ7" s="3"/>
      <c r="EA7" s="3"/>
      <c r="EB7" s="3"/>
      <c r="EC7" s="3"/>
      <c r="ED7" s="3"/>
      <c r="EE7" s="3"/>
      <c r="EF7" s="3"/>
      <c r="EG7" s="3"/>
      <c r="EH7" s="3"/>
      <c r="EI7" s="3"/>
      <c r="EJ7" s="3"/>
      <c r="EK7" s="3"/>
      <c r="EL7" s="3"/>
      <c r="EM7" s="3"/>
      <c r="EN7" s="3"/>
      <c r="EO7" s="3"/>
      <c r="EP7" s="3"/>
      <c r="EQ7" s="3"/>
      <c r="ER7" s="3"/>
      <c r="ES7" s="3"/>
      <c r="ET7" s="3"/>
      <c r="EU7" s="3"/>
      <c r="EV7" s="3"/>
      <c r="EW7" s="3"/>
      <c r="EX7" s="3"/>
      <c r="EY7" s="3"/>
      <c r="EZ7" s="3"/>
      <c r="FA7" s="3"/>
      <c r="FB7" s="3"/>
      <c r="FC7" s="3"/>
      <c r="FD7" s="3"/>
      <c r="FE7" s="3"/>
      <c r="FF7" s="3"/>
      <c r="FG7" s="3"/>
      <c r="FH7" s="3"/>
      <c r="FI7" s="3"/>
      <c r="FJ7" s="3"/>
      <c r="FK7" s="3"/>
      <c r="FL7" s="3"/>
      <c r="FM7" s="3"/>
      <c r="FN7" s="3"/>
      <c r="FO7" s="3"/>
      <c r="FP7" s="3"/>
      <c r="FQ7" s="3"/>
      <c r="FR7" s="3"/>
      <c r="FS7" s="3"/>
      <c r="FT7" s="3"/>
      <c r="FU7" s="3"/>
      <c r="FV7" s="3"/>
      <c r="FW7" s="3"/>
      <c r="FX7" s="3"/>
      <c r="FY7" s="3"/>
      <c r="FZ7" s="3"/>
      <c r="GA7" s="3"/>
      <c r="GB7" s="3"/>
      <c r="GC7" s="3"/>
      <c r="GD7" s="3"/>
      <c r="GE7" s="3"/>
      <c r="GF7" s="3"/>
      <c r="GG7" s="3"/>
      <c r="GH7" s="3"/>
      <c r="GI7" s="3"/>
      <c r="GJ7" s="3"/>
      <c r="GK7" s="3"/>
      <c r="GL7" s="3"/>
      <c r="GM7" s="3"/>
      <c r="GN7" s="3"/>
      <c r="GO7" s="3"/>
      <c r="GP7" s="3"/>
      <c r="GQ7" s="3"/>
      <c r="GR7" s="3"/>
      <c r="GS7" s="3"/>
      <c r="GT7" s="3"/>
      <c r="GU7" s="3"/>
      <c r="GV7" s="3"/>
      <c r="GW7" s="3"/>
      <c r="GX7" s="3"/>
      <c r="GY7" s="3"/>
      <c r="GZ7" s="3"/>
      <c r="HA7" s="3"/>
      <c r="HB7" s="3"/>
      <c r="HC7" s="3"/>
      <c r="HD7" s="3"/>
      <c r="HE7" s="3"/>
      <c r="HF7" s="3"/>
      <c r="HG7" s="3"/>
      <c r="HH7" s="3"/>
      <c r="HI7" s="3"/>
      <c r="HJ7" s="3"/>
      <c r="HK7" s="3"/>
      <c r="HL7" s="3"/>
      <c r="HM7" s="3"/>
      <c r="HN7" s="3"/>
      <c r="HO7" s="3"/>
      <c r="HP7" s="3"/>
      <c r="HQ7" s="3"/>
      <c r="HR7" s="3"/>
      <c r="HS7" s="3"/>
      <c r="HT7" s="3"/>
      <c r="HU7" s="3"/>
      <c r="HV7" s="3"/>
      <c r="HW7" s="3"/>
      <c r="HX7" s="3"/>
      <c r="HY7" s="3"/>
      <c r="HZ7" s="3"/>
      <c r="IA7" s="3"/>
      <c r="IB7" s="3"/>
      <c r="IC7" s="3"/>
      <c r="ID7" s="3"/>
      <c r="IE7" s="3"/>
      <c r="IF7" s="3"/>
      <c r="IG7" s="3"/>
      <c r="IH7" s="3"/>
      <c r="II7" s="3"/>
      <c r="IJ7" s="3"/>
      <c r="IK7" s="3"/>
      <c r="IL7" s="3"/>
      <c r="IM7" s="3"/>
      <c r="IN7" s="3"/>
      <c r="IO7" s="3"/>
      <c r="IP7" s="3"/>
      <c r="IQ7" s="3"/>
      <c r="IR7" s="3"/>
      <c r="IS7" s="3"/>
      <c r="IT7" s="3"/>
      <c r="IU7" s="3"/>
      <c r="IV7" s="3"/>
      <c r="IW7" s="3"/>
      <c r="IX7" s="3"/>
    </row>
    <row r="8" spans="1:258" ht="55.2">
      <c r="A8" s="143"/>
      <c r="B8" s="144" t="s">
        <v>5</v>
      </c>
      <c r="C8" s="145"/>
      <c r="D8" s="145" t="s">
        <v>6</v>
      </c>
      <c r="E8" s="144"/>
      <c r="F8" s="144"/>
      <c r="G8" s="144"/>
      <c r="H8" s="144"/>
      <c r="I8" s="144"/>
      <c r="J8" s="144"/>
      <c r="K8" s="144"/>
      <c r="L8" s="144"/>
      <c r="M8" s="144"/>
      <c r="N8" s="143"/>
      <c r="O8" s="143"/>
      <c r="P8" s="143"/>
      <c r="Q8" s="143"/>
      <c r="R8" s="143"/>
      <c r="S8" s="143"/>
      <c r="T8" s="142"/>
      <c r="U8" s="3"/>
      <c r="V8" s="3"/>
      <c r="W8" s="3"/>
      <c r="X8" s="3"/>
      <c r="Y8" s="3"/>
      <c r="Z8" s="3"/>
      <c r="AA8" s="3"/>
      <c r="AB8" s="3"/>
      <c r="AC8" s="3"/>
      <c r="AD8" s="3"/>
      <c r="AE8" s="3"/>
      <c r="AF8" s="3"/>
      <c r="AG8" s="3"/>
      <c r="AH8" s="3"/>
      <c r="AI8" s="3"/>
      <c r="AJ8" s="3"/>
      <c r="AK8" s="3"/>
      <c r="AL8" s="3"/>
      <c r="AM8" s="3"/>
      <c r="AN8" s="3"/>
      <c r="AO8" s="3"/>
      <c r="AP8" s="3"/>
      <c r="AQ8" s="3"/>
      <c r="AR8" s="3"/>
      <c r="AS8" s="3"/>
      <c r="AT8" s="3"/>
      <c r="AU8" s="3"/>
      <c r="AV8" s="3"/>
      <c r="AW8" s="3"/>
      <c r="AX8" s="3"/>
      <c r="AY8" s="3"/>
      <c r="AZ8" s="3"/>
      <c r="BA8" s="3"/>
      <c r="BB8" s="3"/>
      <c r="BC8" s="3"/>
      <c r="BD8" s="3"/>
      <c r="BE8" s="3"/>
      <c r="BF8" s="3"/>
      <c r="BG8" s="3"/>
      <c r="BH8" s="3"/>
      <c r="BI8" s="3"/>
      <c r="BJ8" s="3"/>
      <c r="BK8" s="3"/>
      <c r="BL8" s="3"/>
      <c r="BM8" s="3"/>
      <c r="BN8" s="3"/>
      <c r="BO8" s="3"/>
      <c r="BP8" s="3"/>
      <c r="BQ8" s="3"/>
      <c r="BR8" s="3"/>
      <c r="BS8" s="3"/>
      <c r="BT8" s="3"/>
      <c r="BU8" s="3"/>
      <c r="BV8" s="3"/>
      <c r="BW8" s="3"/>
      <c r="BX8" s="3"/>
      <c r="BY8" s="3"/>
      <c r="BZ8" s="3"/>
      <c r="CA8" s="3"/>
      <c r="CB8" s="3"/>
      <c r="CC8" s="3"/>
      <c r="CD8" s="3"/>
      <c r="CE8" s="3"/>
      <c r="CF8" s="3"/>
      <c r="CG8" s="3"/>
      <c r="CH8" s="3"/>
      <c r="CI8" s="3"/>
      <c r="CJ8" s="3"/>
      <c r="CK8" s="3"/>
      <c r="CL8" s="3"/>
      <c r="CM8" s="3"/>
      <c r="CN8" s="3"/>
      <c r="CO8" s="3"/>
      <c r="CP8" s="3"/>
      <c r="CQ8" s="3"/>
      <c r="CR8" s="3"/>
      <c r="CS8" s="3"/>
      <c r="CT8" s="3"/>
      <c r="CU8" s="3"/>
      <c r="CV8" s="3"/>
      <c r="CW8" s="3"/>
      <c r="CX8" s="3"/>
      <c r="CY8" s="3"/>
      <c r="CZ8" s="3"/>
      <c r="DA8" s="3"/>
      <c r="DB8" s="3"/>
      <c r="DC8" s="3"/>
      <c r="DD8" s="3"/>
      <c r="DE8" s="3"/>
      <c r="DF8" s="3"/>
      <c r="DG8" s="3"/>
      <c r="DH8" s="3"/>
      <c r="DI8" s="3"/>
      <c r="DJ8" s="3"/>
      <c r="DK8" s="3"/>
      <c r="DL8" s="3"/>
      <c r="DM8" s="3"/>
      <c r="DN8" s="3"/>
      <c r="DO8" s="3"/>
      <c r="DP8" s="3"/>
      <c r="DQ8" s="3"/>
      <c r="DR8" s="3"/>
      <c r="DS8" s="3"/>
      <c r="DT8" s="3"/>
      <c r="DU8" s="3"/>
      <c r="DV8" s="3"/>
      <c r="DW8" s="3"/>
      <c r="DX8" s="3"/>
      <c r="DY8" s="3"/>
      <c r="DZ8" s="3"/>
      <c r="EA8" s="3"/>
      <c r="EB8" s="3"/>
      <c r="EC8" s="3"/>
      <c r="ED8" s="3"/>
      <c r="EE8" s="3"/>
      <c r="EF8" s="3"/>
      <c r="EG8" s="3"/>
      <c r="EH8" s="3"/>
      <c r="EI8" s="3"/>
      <c r="EJ8" s="3"/>
      <c r="EK8" s="3"/>
      <c r="EL8" s="3"/>
      <c r="EM8" s="3"/>
      <c r="EN8" s="3"/>
      <c r="EO8" s="3"/>
      <c r="EP8" s="3"/>
      <c r="EQ8" s="3"/>
      <c r="ER8" s="3"/>
      <c r="ES8" s="3"/>
      <c r="ET8" s="3"/>
      <c r="EU8" s="3"/>
      <c r="EV8" s="3"/>
      <c r="EW8" s="3"/>
      <c r="EX8" s="3"/>
      <c r="EY8" s="3"/>
      <c r="EZ8" s="3"/>
      <c r="FA8" s="3"/>
      <c r="FB8" s="3"/>
      <c r="FC8" s="3"/>
      <c r="FD8" s="3"/>
      <c r="FE8" s="3"/>
      <c r="FF8" s="3"/>
      <c r="FG8" s="3"/>
      <c r="FH8" s="3"/>
      <c r="FI8" s="3"/>
      <c r="FJ8" s="3"/>
      <c r="FK8" s="3"/>
      <c r="FL8" s="3"/>
      <c r="FM8" s="3"/>
      <c r="FN8" s="3"/>
      <c r="FO8" s="3"/>
      <c r="FP8" s="3"/>
      <c r="FQ8" s="3"/>
      <c r="FR8" s="3"/>
      <c r="FS8" s="3"/>
      <c r="FT8" s="3"/>
      <c r="FU8" s="3"/>
      <c r="FV8" s="3"/>
      <c r="FW8" s="3"/>
      <c r="FX8" s="3"/>
      <c r="FY8" s="3"/>
      <c r="FZ8" s="3"/>
      <c r="GA8" s="3"/>
      <c r="GB8" s="3"/>
      <c r="GC8" s="3"/>
      <c r="GD8" s="3"/>
      <c r="GE8" s="3"/>
      <c r="GF8" s="3"/>
      <c r="GG8" s="3"/>
      <c r="GH8" s="3"/>
      <c r="GI8" s="3"/>
      <c r="GJ8" s="3"/>
      <c r="GK8" s="3"/>
      <c r="GL8" s="3"/>
      <c r="GM8" s="3"/>
      <c r="GN8" s="3"/>
      <c r="GO8" s="3"/>
      <c r="GP8" s="3"/>
      <c r="GQ8" s="3"/>
      <c r="GR8" s="3"/>
      <c r="GS8" s="3"/>
      <c r="GT8" s="3"/>
      <c r="GU8" s="3"/>
      <c r="GV8" s="3"/>
      <c r="GW8" s="3"/>
      <c r="GX8" s="3"/>
      <c r="GY8" s="3"/>
      <c r="GZ8" s="3"/>
      <c r="HA8" s="3"/>
      <c r="HB8" s="3"/>
      <c r="HC8" s="3"/>
      <c r="HD8" s="3"/>
      <c r="HE8" s="3"/>
      <c r="HF8" s="3"/>
      <c r="HG8" s="3"/>
      <c r="HH8" s="3"/>
      <c r="HI8" s="3"/>
      <c r="HJ8" s="3"/>
      <c r="HK8" s="3"/>
      <c r="HL8" s="3"/>
      <c r="HM8" s="3"/>
      <c r="HN8" s="3"/>
      <c r="HO8" s="3"/>
      <c r="HP8" s="3"/>
      <c r="HQ8" s="3"/>
      <c r="HR8" s="3"/>
      <c r="HS8" s="3"/>
      <c r="HT8" s="3"/>
      <c r="HU8" s="3"/>
      <c r="HV8" s="3"/>
      <c r="HW8" s="3"/>
      <c r="HX8" s="3"/>
      <c r="HY8" s="3"/>
      <c r="HZ8" s="3"/>
      <c r="IA8" s="3"/>
      <c r="IB8" s="3"/>
      <c r="IC8" s="3"/>
      <c r="ID8" s="3"/>
      <c r="IE8" s="3"/>
      <c r="IF8" s="3"/>
      <c r="IG8" s="3"/>
      <c r="IH8" s="3"/>
      <c r="II8" s="3"/>
      <c r="IJ8" s="3"/>
      <c r="IK8" s="3"/>
      <c r="IL8" s="3"/>
      <c r="IM8" s="3"/>
      <c r="IN8" s="3"/>
      <c r="IO8" s="3"/>
      <c r="IP8" s="3"/>
      <c r="IQ8" s="3"/>
      <c r="IR8" s="3"/>
      <c r="IS8" s="3"/>
      <c r="IT8" s="3"/>
      <c r="IU8" s="3"/>
      <c r="IV8" s="3"/>
      <c r="IW8" s="3"/>
      <c r="IX8" s="3"/>
    </row>
    <row r="9" spans="1:258" ht="55.2">
      <c r="A9" s="143"/>
      <c r="B9" s="144" t="s">
        <v>7</v>
      </c>
      <c r="C9" s="145"/>
      <c r="D9" s="145" t="s">
        <v>8</v>
      </c>
      <c r="E9" s="144"/>
      <c r="F9" s="144"/>
      <c r="G9" s="144"/>
      <c r="H9" s="144"/>
      <c r="I9" s="144"/>
      <c r="J9" s="144"/>
      <c r="K9" s="144"/>
      <c r="L9" s="144"/>
      <c r="M9" s="144"/>
      <c r="N9" s="143"/>
      <c r="O9" s="143"/>
      <c r="P9" s="143"/>
      <c r="Q9" s="143"/>
      <c r="R9" s="143"/>
      <c r="S9" s="143"/>
      <c r="T9" s="142"/>
      <c r="U9" s="3"/>
      <c r="V9" s="3"/>
      <c r="W9" s="3"/>
      <c r="X9" s="3"/>
      <c r="Y9" s="3"/>
      <c r="Z9" s="3"/>
      <c r="AA9" s="3"/>
      <c r="AB9" s="3"/>
      <c r="AC9" s="3"/>
      <c r="AD9" s="3"/>
      <c r="AE9" s="3"/>
      <c r="AF9" s="3"/>
      <c r="AG9" s="3"/>
      <c r="AH9" s="3"/>
      <c r="AI9" s="3"/>
      <c r="AJ9" s="3"/>
      <c r="AK9" s="3"/>
      <c r="AL9" s="3"/>
      <c r="AM9" s="3"/>
      <c r="AN9" s="3"/>
      <c r="AO9" s="3"/>
      <c r="AP9" s="3"/>
      <c r="AQ9" s="3"/>
      <c r="AR9" s="3"/>
      <c r="AS9" s="3"/>
      <c r="AT9" s="3"/>
      <c r="AU9" s="3"/>
      <c r="AV9" s="3"/>
      <c r="AW9" s="3"/>
      <c r="AX9" s="3"/>
      <c r="AY9" s="3"/>
      <c r="AZ9" s="3"/>
      <c r="BA9" s="3"/>
      <c r="BB9" s="3"/>
      <c r="BC9" s="3"/>
      <c r="BD9" s="3"/>
      <c r="BE9" s="3"/>
      <c r="BF9" s="3"/>
      <c r="BG9" s="3"/>
      <c r="BH9" s="3"/>
      <c r="BI9" s="3"/>
      <c r="BJ9" s="3"/>
      <c r="BK9" s="3"/>
      <c r="BL9" s="3"/>
      <c r="BM9" s="3"/>
      <c r="BN9" s="3"/>
      <c r="BO9" s="3"/>
      <c r="BP9" s="3"/>
      <c r="BQ9" s="3"/>
      <c r="BR9" s="3"/>
      <c r="BS9" s="3"/>
      <c r="BT9" s="3"/>
      <c r="BU9" s="3"/>
      <c r="BV9" s="3"/>
      <c r="BW9" s="3"/>
      <c r="BX9" s="3"/>
      <c r="BY9" s="3"/>
      <c r="BZ9" s="3"/>
      <c r="CA9" s="3"/>
      <c r="CB9" s="3"/>
      <c r="CC9" s="3"/>
      <c r="CD9" s="3"/>
      <c r="CE9" s="3"/>
      <c r="CF9" s="3"/>
      <c r="CG9" s="3"/>
      <c r="CH9" s="3"/>
      <c r="CI9" s="3"/>
      <c r="CJ9" s="3"/>
      <c r="CK9" s="3"/>
      <c r="CL9" s="3"/>
      <c r="CM9" s="3"/>
      <c r="CN9" s="3"/>
      <c r="CO9" s="3"/>
      <c r="CP9" s="3"/>
      <c r="CQ9" s="3"/>
      <c r="CR9" s="3"/>
      <c r="CS9" s="3"/>
      <c r="CT9" s="3"/>
      <c r="CU9" s="3"/>
      <c r="CV9" s="3"/>
      <c r="CW9" s="3"/>
      <c r="CX9" s="3"/>
      <c r="CY9" s="3"/>
      <c r="CZ9" s="3"/>
      <c r="DA9" s="3"/>
      <c r="DB9" s="3"/>
      <c r="DC9" s="3"/>
      <c r="DD9" s="3"/>
      <c r="DE9" s="3"/>
      <c r="DF9" s="3"/>
      <c r="DG9" s="3"/>
      <c r="DH9" s="3"/>
      <c r="DI9" s="3"/>
      <c r="DJ9" s="3"/>
      <c r="DK9" s="3"/>
      <c r="DL9" s="3"/>
      <c r="DM9" s="3"/>
      <c r="DN9" s="3"/>
      <c r="DO9" s="3"/>
      <c r="DP9" s="3"/>
      <c r="DQ9" s="3"/>
      <c r="DR9" s="3"/>
      <c r="DS9" s="3"/>
      <c r="DT9" s="3"/>
      <c r="DU9" s="3"/>
      <c r="DV9" s="3"/>
      <c r="DW9" s="3"/>
      <c r="DX9" s="3"/>
      <c r="DY9" s="3"/>
      <c r="DZ9" s="3"/>
      <c r="EA9" s="3"/>
      <c r="EB9" s="3"/>
      <c r="EC9" s="3"/>
      <c r="ED9" s="3"/>
      <c r="EE9" s="3"/>
      <c r="EF9" s="3"/>
      <c r="EG9" s="3"/>
      <c r="EH9" s="3"/>
      <c r="EI9" s="3"/>
      <c r="EJ9" s="3"/>
      <c r="EK9" s="3"/>
      <c r="EL9" s="3"/>
      <c r="EM9" s="3"/>
      <c r="EN9" s="3"/>
      <c r="EO9" s="3"/>
      <c r="EP9" s="3"/>
      <c r="EQ9" s="3"/>
      <c r="ER9" s="3"/>
      <c r="ES9" s="3"/>
      <c r="ET9" s="3"/>
      <c r="EU9" s="3"/>
      <c r="EV9" s="3"/>
      <c r="EW9" s="3"/>
      <c r="EX9" s="3"/>
      <c r="EY9" s="3"/>
      <c r="EZ9" s="3"/>
      <c r="FA9" s="3"/>
      <c r="FB9" s="3"/>
      <c r="FC9" s="3"/>
      <c r="FD9" s="3"/>
      <c r="FE9" s="3"/>
      <c r="FF9" s="3"/>
      <c r="FG9" s="3"/>
      <c r="FH9" s="3"/>
      <c r="FI9" s="3"/>
      <c r="FJ9" s="3"/>
      <c r="FK9" s="3"/>
      <c r="FL9" s="3"/>
      <c r="FM9" s="3"/>
      <c r="FN9" s="3"/>
      <c r="FO9" s="3"/>
      <c r="FP9" s="3"/>
      <c r="FQ9" s="3"/>
      <c r="FR9" s="3"/>
      <c r="FS9" s="3"/>
      <c r="FT9" s="3"/>
      <c r="FU9" s="3"/>
      <c r="FV9" s="3"/>
      <c r="FW9" s="3"/>
      <c r="FX9" s="3"/>
      <c r="FY9" s="3"/>
      <c r="FZ9" s="3"/>
      <c r="GA9" s="3"/>
      <c r="GB9" s="3"/>
      <c r="GC9" s="3"/>
      <c r="GD9" s="3"/>
      <c r="GE9" s="3"/>
      <c r="GF9" s="3"/>
      <c r="GG9" s="3"/>
      <c r="GH9" s="3"/>
      <c r="GI9" s="3"/>
      <c r="GJ9" s="3"/>
      <c r="GK9" s="3"/>
      <c r="GL9" s="3"/>
      <c r="GM9" s="3"/>
      <c r="GN9" s="3"/>
      <c r="GO9" s="3"/>
      <c r="GP9" s="3"/>
      <c r="GQ9" s="3"/>
      <c r="GR9" s="3"/>
      <c r="GS9" s="3"/>
      <c r="GT9" s="3"/>
      <c r="GU9" s="3"/>
      <c r="GV9" s="3"/>
      <c r="GW9" s="3"/>
      <c r="GX9" s="3"/>
      <c r="GY9" s="3"/>
      <c r="GZ9" s="3"/>
      <c r="HA9" s="3"/>
      <c r="HB9" s="3"/>
      <c r="HC9" s="3"/>
      <c r="HD9" s="3"/>
      <c r="HE9" s="3"/>
      <c r="HF9" s="3"/>
      <c r="HG9" s="3"/>
      <c r="HH9" s="3"/>
      <c r="HI9" s="3"/>
      <c r="HJ9" s="3"/>
      <c r="HK9" s="3"/>
      <c r="HL9" s="3"/>
      <c r="HM9" s="3"/>
      <c r="HN9" s="3"/>
      <c r="HO9" s="3"/>
      <c r="HP9" s="3"/>
      <c r="HQ9" s="3"/>
      <c r="HR9" s="3"/>
      <c r="HS9" s="3"/>
      <c r="HT9" s="3"/>
      <c r="HU9" s="3"/>
      <c r="HV9" s="3"/>
      <c r="HW9" s="3"/>
      <c r="HX9" s="3"/>
      <c r="HY9" s="3"/>
      <c r="HZ9" s="3"/>
      <c r="IA9" s="3"/>
      <c r="IB9" s="3"/>
      <c r="IC9" s="3"/>
      <c r="ID9" s="3"/>
      <c r="IE9" s="3"/>
      <c r="IF9" s="3"/>
      <c r="IG9" s="3"/>
      <c r="IH9" s="3"/>
      <c r="II9" s="3"/>
      <c r="IJ9" s="3"/>
      <c r="IK9" s="3"/>
      <c r="IL9" s="3"/>
      <c r="IM9" s="3"/>
      <c r="IN9" s="3"/>
      <c r="IO9" s="3"/>
      <c r="IP9" s="3"/>
      <c r="IQ9" s="3"/>
      <c r="IR9" s="3"/>
      <c r="IS9" s="3"/>
      <c r="IT9" s="3"/>
      <c r="IU9" s="3"/>
      <c r="IV9" s="3"/>
      <c r="IW9" s="3"/>
      <c r="IX9" s="3"/>
    </row>
    <row r="10" spans="1:258" ht="55.2">
      <c r="A10" s="143"/>
      <c r="B10" s="144" t="s">
        <v>9</v>
      </c>
      <c r="C10" s="145"/>
      <c r="D10" s="145" t="s">
        <v>10</v>
      </c>
      <c r="E10" s="144"/>
      <c r="F10" s="144"/>
      <c r="G10" s="144"/>
      <c r="H10" s="144"/>
      <c r="I10" s="144"/>
      <c r="J10" s="144"/>
      <c r="K10" s="144"/>
      <c r="L10" s="144"/>
      <c r="M10" s="144"/>
      <c r="N10" s="143"/>
      <c r="O10" s="143"/>
      <c r="P10" s="143"/>
      <c r="Q10" s="143"/>
      <c r="R10" s="143"/>
      <c r="S10" s="143"/>
      <c r="T10" s="142"/>
      <c r="U10" s="3"/>
      <c r="V10" s="3"/>
      <c r="W10" s="3"/>
      <c r="X10" s="3"/>
      <c r="Y10" s="3"/>
      <c r="Z10" s="3"/>
      <c r="AA10" s="3"/>
      <c r="AB10" s="3"/>
      <c r="AC10" s="3"/>
      <c r="AD10" s="3"/>
      <c r="AE10" s="3"/>
      <c r="AF10" s="3"/>
      <c r="AG10" s="3"/>
      <c r="AH10" s="3"/>
      <c r="AI10" s="3"/>
      <c r="AJ10" s="3"/>
      <c r="AK10" s="3"/>
      <c r="AL10" s="3"/>
      <c r="AM10" s="3"/>
      <c r="AN10" s="3"/>
      <c r="AO10" s="3"/>
      <c r="AP10" s="3"/>
      <c r="AQ10" s="3"/>
      <c r="AR10" s="3"/>
      <c r="AS10" s="3"/>
      <c r="AT10" s="3"/>
      <c r="AU10" s="3"/>
      <c r="AV10" s="3"/>
      <c r="AW10" s="3"/>
      <c r="AX10" s="3"/>
      <c r="AY10" s="3"/>
      <c r="AZ10" s="3"/>
      <c r="BA10" s="3"/>
      <c r="BB10" s="3"/>
      <c r="BC10" s="3"/>
      <c r="BD10" s="3"/>
      <c r="BE10" s="3"/>
      <c r="BF10" s="3"/>
      <c r="BG10" s="3"/>
      <c r="BH10" s="3"/>
      <c r="BI10" s="3"/>
      <c r="BJ10" s="3"/>
      <c r="BK10" s="3"/>
      <c r="BL10" s="3"/>
      <c r="BM10" s="3"/>
      <c r="BN10" s="3"/>
      <c r="BO10" s="3"/>
      <c r="BP10" s="3"/>
      <c r="BQ10" s="3"/>
      <c r="BR10" s="3"/>
      <c r="BS10" s="3"/>
      <c r="BT10" s="3"/>
      <c r="BU10" s="3"/>
      <c r="BV10" s="3"/>
      <c r="BW10" s="3"/>
      <c r="BX10" s="3"/>
      <c r="BY10" s="3"/>
      <c r="BZ10" s="3"/>
      <c r="CA10" s="3"/>
      <c r="CB10" s="3"/>
      <c r="CC10" s="3"/>
      <c r="CD10" s="3"/>
      <c r="CE10" s="3"/>
      <c r="CF10" s="3"/>
      <c r="CG10" s="3"/>
      <c r="CH10" s="3"/>
      <c r="CI10" s="3"/>
      <c r="CJ10" s="3"/>
      <c r="CK10" s="3"/>
      <c r="CL10" s="3"/>
      <c r="CM10" s="3"/>
      <c r="CN10" s="3"/>
      <c r="CO10" s="3"/>
      <c r="CP10" s="3"/>
      <c r="CQ10" s="3"/>
      <c r="CR10" s="3"/>
      <c r="CS10" s="3"/>
      <c r="CT10" s="3"/>
      <c r="CU10" s="3"/>
      <c r="CV10" s="3"/>
      <c r="CW10" s="3"/>
      <c r="CX10" s="3"/>
      <c r="CY10" s="3"/>
      <c r="CZ10" s="3"/>
      <c r="DA10" s="3"/>
      <c r="DB10" s="3"/>
      <c r="DC10" s="3"/>
      <c r="DD10" s="3"/>
      <c r="DE10" s="3"/>
      <c r="DF10" s="3"/>
      <c r="DG10" s="3"/>
      <c r="DH10" s="3"/>
      <c r="DI10" s="3"/>
      <c r="DJ10" s="3"/>
      <c r="DK10" s="3"/>
      <c r="DL10" s="3"/>
      <c r="DM10" s="3"/>
      <c r="DN10" s="3"/>
      <c r="DO10" s="3"/>
      <c r="DP10" s="3"/>
      <c r="DQ10" s="3"/>
      <c r="DR10" s="3"/>
      <c r="DS10" s="3"/>
      <c r="DT10" s="3"/>
      <c r="DU10" s="3"/>
      <c r="DV10" s="3"/>
      <c r="DW10" s="3"/>
      <c r="DX10" s="3"/>
      <c r="DY10" s="3"/>
      <c r="DZ10" s="3"/>
      <c r="EA10" s="3"/>
      <c r="EB10" s="3"/>
      <c r="EC10" s="3"/>
      <c r="ED10" s="3"/>
      <c r="EE10" s="3"/>
      <c r="EF10" s="3"/>
      <c r="EG10" s="3"/>
      <c r="EH10" s="3"/>
      <c r="EI10" s="3"/>
      <c r="EJ10" s="3"/>
      <c r="EK10" s="3"/>
      <c r="EL10" s="3"/>
      <c r="EM10" s="3"/>
      <c r="EN10" s="3"/>
      <c r="EO10" s="3"/>
      <c r="EP10" s="3"/>
      <c r="EQ10" s="3"/>
      <c r="ER10" s="3"/>
      <c r="ES10" s="3"/>
      <c r="ET10" s="3"/>
      <c r="EU10" s="3"/>
      <c r="EV10" s="3"/>
      <c r="EW10" s="3"/>
      <c r="EX10" s="3"/>
      <c r="EY10" s="3"/>
      <c r="EZ10" s="3"/>
      <c r="FA10" s="3"/>
      <c r="FB10" s="3"/>
      <c r="FC10" s="3"/>
      <c r="FD10" s="3"/>
      <c r="FE10" s="3"/>
      <c r="FF10" s="3"/>
      <c r="FG10" s="3"/>
      <c r="FH10" s="3"/>
      <c r="FI10" s="3"/>
      <c r="FJ10" s="3"/>
      <c r="FK10" s="3"/>
      <c r="FL10" s="3"/>
      <c r="FM10" s="3"/>
      <c r="FN10" s="3"/>
      <c r="FO10" s="3"/>
      <c r="FP10" s="3"/>
      <c r="FQ10" s="3"/>
      <c r="FR10" s="3"/>
      <c r="FS10" s="3"/>
      <c r="FT10" s="3"/>
      <c r="FU10" s="3"/>
      <c r="FV10" s="3"/>
      <c r="FW10" s="3"/>
      <c r="FX10" s="3"/>
      <c r="FY10" s="3"/>
      <c r="FZ10" s="3"/>
      <c r="GA10" s="3"/>
      <c r="GB10" s="3"/>
      <c r="GC10" s="3"/>
      <c r="GD10" s="3"/>
      <c r="GE10" s="3"/>
      <c r="GF10" s="3"/>
      <c r="GG10" s="3"/>
      <c r="GH10" s="3"/>
      <c r="GI10" s="3"/>
      <c r="GJ10" s="3"/>
      <c r="GK10" s="3"/>
      <c r="GL10" s="3"/>
      <c r="GM10" s="3"/>
      <c r="GN10" s="3"/>
      <c r="GO10" s="3"/>
      <c r="GP10" s="3"/>
      <c r="GQ10" s="3"/>
      <c r="GR10" s="3"/>
      <c r="GS10" s="3"/>
      <c r="GT10" s="3"/>
      <c r="GU10" s="3"/>
      <c r="GV10" s="3"/>
      <c r="GW10" s="3"/>
      <c r="GX10" s="3"/>
      <c r="GY10" s="3"/>
      <c r="GZ10" s="3"/>
      <c r="HA10" s="3"/>
      <c r="HB10" s="3"/>
      <c r="HC10" s="3"/>
      <c r="HD10" s="3"/>
      <c r="HE10" s="3"/>
      <c r="HF10" s="3"/>
      <c r="HG10" s="3"/>
      <c r="HH10" s="3"/>
      <c r="HI10" s="3"/>
      <c r="HJ10" s="3"/>
      <c r="HK10" s="3"/>
      <c r="HL10" s="3"/>
      <c r="HM10" s="3"/>
      <c r="HN10" s="3"/>
      <c r="HO10" s="3"/>
      <c r="HP10" s="3"/>
      <c r="HQ10" s="3"/>
      <c r="HR10" s="3"/>
      <c r="HS10" s="3"/>
      <c r="HT10" s="3"/>
      <c r="HU10" s="3"/>
      <c r="HV10" s="3"/>
      <c r="HW10" s="3"/>
      <c r="HX10" s="3"/>
      <c r="HY10" s="3"/>
      <c r="HZ10" s="3"/>
      <c r="IA10" s="3"/>
      <c r="IB10" s="3"/>
      <c r="IC10" s="3"/>
      <c r="ID10" s="3"/>
      <c r="IE10" s="3"/>
      <c r="IF10" s="3"/>
      <c r="IG10" s="3"/>
      <c r="IH10" s="3"/>
      <c r="II10" s="3"/>
      <c r="IJ10" s="3"/>
      <c r="IK10" s="3"/>
      <c r="IL10" s="3"/>
      <c r="IM10" s="3"/>
      <c r="IN10" s="3"/>
      <c r="IO10" s="3"/>
      <c r="IP10" s="3"/>
      <c r="IQ10" s="3"/>
      <c r="IR10" s="3"/>
      <c r="IS10" s="3"/>
      <c r="IT10" s="3"/>
      <c r="IU10" s="3"/>
      <c r="IV10" s="3"/>
      <c r="IW10" s="3"/>
      <c r="IX10" s="3"/>
    </row>
    <row r="11" spans="1:258" s="6" customFormat="1" ht="64.5" customHeight="1">
      <c r="A11" s="144"/>
      <c r="B11" s="146" t="s">
        <v>11</v>
      </c>
      <c r="C11" s="144"/>
      <c r="D11" s="144"/>
      <c r="E11" s="144"/>
      <c r="F11" s="144"/>
      <c r="G11" s="144"/>
      <c r="H11" s="144"/>
      <c r="I11" s="144"/>
      <c r="J11" s="144"/>
      <c r="K11" s="144"/>
      <c r="L11" s="144"/>
      <c r="M11" s="144"/>
      <c r="N11" s="144"/>
      <c r="O11" s="144"/>
      <c r="P11" s="144"/>
      <c r="Q11" s="144"/>
      <c r="R11" s="144"/>
      <c r="S11" s="144"/>
      <c r="T11" s="147"/>
      <c r="U11" s="5"/>
      <c r="V11" s="5"/>
      <c r="W11" s="5"/>
      <c r="X11" s="5"/>
      <c r="Y11" s="5"/>
      <c r="Z11" s="5"/>
      <c r="AA11" s="5"/>
      <c r="AB11" s="5"/>
      <c r="AC11" s="5"/>
      <c r="AD11" s="5"/>
      <c r="AE11" s="5"/>
      <c r="AF11" s="5"/>
      <c r="AG11" s="5"/>
      <c r="AH11" s="5"/>
      <c r="AI11" s="5"/>
      <c r="AJ11" s="5"/>
      <c r="AK11" s="5"/>
      <c r="AL11" s="5"/>
      <c r="AM11" s="5"/>
      <c r="AN11" s="5"/>
      <c r="AO11" s="5"/>
      <c r="AP11" s="5"/>
      <c r="AQ11" s="5"/>
      <c r="AR11" s="5"/>
      <c r="AS11" s="5"/>
      <c r="AT11" s="5"/>
      <c r="AU11" s="5"/>
      <c r="AV11" s="5"/>
      <c r="AW11" s="5"/>
      <c r="AX11" s="5"/>
      <c r="AY11" s="5"/>
      <c r="AZ11" s="5"/>
      <c r="BA11" s="5"/>
      <c r="BB11" s="5"/>
      <c r="BC11" s="5"/>
      <c r="BD11" s="5"/>
      <c r="BE11" s="5"/>
      <c r="BF11" s="5"/>
      <c r="BG11" s="5"/>
      <c r="BH11" s="5"/>
      <c r="BI11" s="5"/>
      <c r="BJ11" s="5"/>
      <c r="BK11" s="5"/>
      <c r="BL11" s="5"/>
      <c r="BM11" s="5"/>
      <c r="BN11" s="5"/>
      <c r="BO11" s="5"/>
      <c r="BP11" s="5"/>
      <c r="BQ11" s="5"/>
      <c r="BR11" s="5"/>
      <c r="BS11" s="5"/>
      <c r="BT11" s="5"/>
      <c r="BU11" s="5"/>
      <c r="BV11" s="5"/>
      <c r="BW11" s="5"/>
      <c r="BX11" s="5"/>
      <c r="BY11" s="5"/>
      <c r="BZ11" s="5"/>
      <c r="CA11" s="5"/>
      <c r="CB11" s="5"/>
      <c r="CC11" s="5"/>
      <c r="CD11" s="5"/>
      <c r="CE11" s="5"/>
      <c r="CF11" s="5"/>
      <c r="CG11" s="5"/>
      <c r="CH11" s="5"/>
      <c r="CI11" s="5"/>
      <c r="CJ11" s="5"/>
      <c r="CK11" s="5"/>
      <c r="CL11" s="5"/>
      <c r="CM11" s="5"/>
      <c r="CN11" s="5"/>
      <c r="CO11" s="5"/>
      <c r="CP11" s="5"/>
      <c r="CQ11" s="5"/>
      <c r="CR11" s="5"/>
      <c r="CS11" s="5"/>
      <c r="CT11" s="5"/>
      <c r="CU11" s="5"/>
      <c r="CV11" s="5"/>
      <c r="CW11" s="5"/>
      <c r="CX11" s="5"/>
      <c r="CY11" s="5"/>
      <c r="CZ11" s="5"/>
      <c r="DA11" s="5"/>
      <c r="DB11" s="5"/>
      <c r="DC11" s="5"/>
      <c r="DD11" s="5"/>
      <c r="DE11" s="5"/>
      <c r="DF11" s="5"/>
      <c r="DG11" s="5"/>
      <c r="DH11" s="5"/>
      <c r="DI11" s="5"/>
      <c r="DJ11" s="5"/>
      <c r="DK11" s="5"/>
      <c r="DL11" s="5"/>
      <c r="DM11" s="5"/>
      <c r="DN11" s="5"/>
      <c r="DO11" s="5"/>
      <c r="DP11" s="5"/>
      <c r="DQ11" s="5"/>
      <c r="DR11" s="5"/>
      <c r="DS11" s="5"/>
      <c r="DT11" s="5"/>
      <c r="DU11" s="5"/>
      <c r="DV11" s="5"/>
      <c r="DW11" s="5"/>
      <c r="DX11" s="5"/>
      <c r="DY11" s="5"/>
      <c r="DZ11" s="5"/>
      <c r="EA11" s="5"/>
      <c r="EB11" s="5"/>
      <c r="EC11" s="5"/>
      <c r="ED11" s="5"/>
      <c r="EE11" s="5"/>
      <c r="EF11" s="5"/>
      <c r="EG11" s="5"/>
      <c r="EH11" s="5"/>
      <c r="EI11" s="5"/>
      <c r="EJ11" s="5"/>
      <c r="EK11" s="5"/>
      <c r="EL11" s="5"/>
      <c r="EM11" s="5"/>
      <c r="EN11" s="5"/>
      <c r="EO11" s="5"/>
      <c r="EP11" s="5"/>
      <c r="EQ11" s="5"/>
      <c r="ER11" s="5"/>
      <c r="ES11" s="5"/>
      <c r="ET11" s="5"/>
      <c r="EU11" s="5"/>
      <c r="EV11" s="5"/>
      <c r="EW11" s="5"/>
      <c r="EX11" s="5"/>
      <c r="EY11" s="5"/>
      <c r="EZ11" s="5"/>
      <c r="FA11" s="5"/>
      <c r="FB11" s="5"/>
      <c r="FC11" s="5"/>
      <c r="FD11" s="5"/>
      <c r="FE11" s="5"/>
      <c r="FF11" s="5"/>
      <c r="FG11" s="5"/>
      <c r="FH11" s="5"/>
      <c r="FI11" s="5"/>
      <c r="FJ11" s="5"/>
      <c r="FK11" s="5"/>
      <c r="FL11" s="5"/>
      <c r="FM11" s="5"/>
      <c r="FN11" s="5"/>
      <c r="FO11" s="5"/>
      <c r="FP11" s="5"/>
      <c r="FQ11" s="5"/>
      <c r="FR11" s="5"/>
      <c r="FS11" s="5"/>
      <c r="FT11" s="5"/>
      <c r="FU11" s="5"/>
      <c r="FV11" s="5"/>
      <c r="FW11" s="5"/>
      <c r="FX11" s="5"/>
      <c r="FY11" s="5"/>
      <c r="FZ11" s="5"/>
      <c r="GA11" s="5"/>
      <c r="GB11" s="5"/>
      <c r="GC11" s="5"/>
      <c r="GD11" s="5"/>
      <c r="GE11" s="5"/>
      <c r="GF11" s="5"/>
      <c r="GG11" s="5"/>
      <c r="GH11" s="5"/>
      <c r="GI11" s="5"/>
      <c r="GJ11" s="5"/>
      <c r="GK11" s="5"/>
      <c r="GL11" s="5"/>
      <c r="GM11" s="5"/>
      <c r="GN11" s="5"/>
      <c r="GO11" s="5"/>
      <c r="GP11" s="5"/>
      <c r="GQ11" s="5"/>
      <c r="GR11" s="5"/>
      <c r="GS11" s="5"/>
      <c r="GT11" s="5"/>
      <c r="GU11" s="5"/>
      <c r="GV11" s="5"/>
      <c r="GW11" s="5"/>
      <c r="GX11" s="5"/>
      <c r="GY11" s="5"/>
      <c r="GZ11" s="5"/>
      <c r="HA11" s="5"/>
      <c r="HB11" s="5"/>
      <c r="HC11" s="5"/>
      <c r="HD11" s="5"/>
      <c r="HE11" s="5"/>
      <c r="HF11" s="5"/>
      <c r="HG11" s="5"/>
      <c r="HH11" s="5"/>
      <c r="HI11" s="5"/>
      <c r="HJ11" s="5"/>
      <c r="HK11" s="5"/>
      <c r="HL11" s="5"/>
      <c r="HM11" s="5"/>
      <c r="HN11" s="5"/>
      <c r="HO11" s="5"/>
      <c r="HP11" s="5"/>
      <c r="HQ11" s="5"/>
      <c r="HR11" s="5"/>
      <c r="HS11" s="5"/>
      <c r="HT11" s="5"/>
      <c r="HU11" s="5"/>
      <c r="HV11" s="5"/>
      <c r="HW11" s="5"/>
      <c r="HX11" s="5"/>
      <c r="HY11" s="5"/>
      <c r="HZ11" s="5"/>
      <c r="IA11" s="5"/>
      <c r="IB11" s="5"/>
      <c r="IC11" s="5"/>
      <c r="ID11" s="5"/>
      <c r="IE11" s="5"/>
      <c r="IF11" s="5"/>
      <c r="IG11" s="5"/>
      <c r="IH11" s="5"/>
      <c r="II11" s="5"/>
      <c r="IJ11" s="5"/>
      <c r="IK11" s="5"/>
      <c r="IL11" s="5"/>
      <c r="IM11" s="5"/>
      <c r="IN11" s="5"/>
      <c r="IO11" s="5"/>
      <c r="IP11" s="5"/>
      <c r="IQ11" s="5"/>
      <c r="IR11" s="5"/>
      <c r="IS11" s="5"/>
      <c r="IT11" s="5"/>
      <c r="IU11" s="5"/>
      <c r="IV11" s="5"/>
      <c r="IW11" s="5"/>
      <c r="IX11" s="5"/>
    </row>
    <row r="12" spans="1:258" ht="64.5" customHeight="1">
      <c r="A12" s="143"/>
      <c r="B12" s="143"/>
      <c r="C12" s="143"/>
      <c r="D12" s="143"/>
      <c r="E12" s="143"/>
      <c r="F12" s="143"/>
      <c r="G12" s="143"/>
      <c r="H12" s="143"/>
      <c r="I12" s="143"/>
      <c r="J12" s="143"/>
      <c r="K12" s="143"/>
      <c r="L12" s="143"/>
      <c r="M12" s="143"/>
      <c r="N12" s="143"/>
      <c r="O12" s="143"/>
      <c r="P12" s="143"/>
      <c r="Q12" s="143"/>
      <c r="R12" s="143"/>
      <c r="S12" s="143"/>
      <c r="T12" s="142"/>
      <c r="U12" s="3"/>
      <c r="V12" s="3"/>
      <c r="W12" s="3"/>
      <c r="X12" s="3"/>
      <c r="Y12" s="3"/>
      <c r="Z12" s="3"/>
      <c r="AA12" s="3"/>
      <c r="AB12" s="3"/>
      <c r="AC12" s="3"/>
      <c r="AD12" s="3"/>
      <c r="AE12" s="3"/>
      <c r="AF12" s="3"/>
      <c r="AG12" s="3"/>
      <c r="AH12" s="3"/>
      <c r="AI12" s="3"/>
      <c r="AJ12" s="3"/>
      <c r="AK12" s="3"/>
      <c r="AL12" s="3"/>
      <c r="AM12" s="3"/>
      <c r="AN12" s="3"/>
      <c r="AO12" s="3"/>
      <c r="AP12" s="3"/>
      <c r="AQ12" s="3"/>
      <c r="AR12" s="3"/>
      <c r="AS12" s="3"/>
      <c r="AT12" s="3"/>
      <c r="AU12" s="3"/>
      <c r="AV12" s="3"/>
      <c r="AW12" s="3"/>
      <c r="AX12" s="3"/>
      <c r="AY12" s="3"/>
      <c r="AZ12" s="3"/>
      <c r="BA12" s="3"/>
      <c r="BB12" s="3"/>
      <c r="BC12" s="3"/>
      <c r="BD12" s="3"/>
      <c r="BE12" s="3"/>
      <c r="BF12" s="3"/>
      <c r="BG12" s="3"/>
      <c r="BH12" s="3"/>
      <c r="BI12" s="3"/>
      <c r="BJ12" s="3"/>
      <c r="BK12" s="3"/>
      <c r="BL12" s="3"/>
      <c r="BM12" s="3"/>
      <c r="BN12" s="3"/>
      <c r="BO12" s="3"/>
      <c r="BP12" s="3"/>
      <c r="BQ12" s="3"/>
      <c r="BR12" s="3"/>
      <c r="BS12" s="3"/>
      <c r="BT12" s="3"/>
      <c r="BU12" s="3"/>
      <c r="BV12" s="3"/>
      <c r="BW12" s="3"/>
      <c r="BX12" s="3"/>
      <c r="BY12" s="3"/>
      <c r="BZ12" s="3"/>
      <c r="CA12" s="3"/>
      <c r="CB12" s="3"/>
      <c r="CC12" s="3"/>
      <c r="CD12" s="3"/>
      <c r="CE12" s="3"/>
      <c r="CF12" s="3"/>
      <c r="CG12" s="3"/>
      <c r="CH12" s="3"/>
      <c r="CI12" s="3"/>
      <c r="CJ12" s="3"/>
      <c r="CK12" s="3"/>
      <c r="CL12" s="3"/>
      <c r="CM12" s="3"/>
      <c r="CN12" s="3"/>
      <c r="CO12" s="3"/>
      <c r="CP12" s="3"/>
      <c r="CQ12" s="3"/>
      <c r="CR12" s="3"/>
      <c r="CS12" s="3"/>
      <c r="CT12" s="3"/>
      <c r="CU12" s="3"/>
      <c r="CV12" s="3"/>
      <c r="CW12" s="3"/>
      <c r="CX12" s="3"/>
      <c r="CY12" s="3"/>
      <c r="CZ12" s="3"/>
      <c r="DA12" s="3"/>
      <c r="DB12" s="3"/>
      <c r="DC12" s="3"/>
      <c r="DD12" s="3"/>
      <c r="DE12" s="3"/>
      <c r="DF12" s="3"/>
      <c r="DG12" s="3"/>
      <c r="DH12" s="3"/>
      <c r="DI12" s="3"/>
      <c r="DJ12" s="3"/>
      <c r="DK12" s="3"/>
      <c r="DL12" s="3"/>
      <c r="DM12" s="3"/>
      <c r="DN12" s="3"/>
      <c r="DO12" s="3"/>
      <c r="DP12" s="3"/>
      <c r="DQ12" s="3"/>
      <c r="DR12" s="3"/>
      <c r="DS12" s="3"/>
      <c r="DT12" s="3"/>
      <c r="DU12" s="3"/>
      <c r="DV12" s="3"/>
      <c r="DW12" s="3"/>
      <c r="DX12" s="3"/>
      <c r="DY12" s="3"/>
      <c r="DZ12" s="3"/>
      <c r="EA12" s="3"/>
      <c r="EB12" s="3"/>
      <c r="EC12" s="3"/>
      <c r="ED12" s="3"/>
      <c r="EE12" s="3"/>
      <c r="EF12" s="3"/>
      <c r="EG12" s="3"/>
      <c r="EH12" s="3"/>
      <c r="EI12" s="3"/>
      <c r="EJ12" s="3"/>
      <c r="EK12" s="3"/>
      <c r="EL12" s="3"/>
      <c r="EM12" s="3"/>
      <c r="EN12" s="3"/>
      <c r="EO12" s="3"/>
      <c r="EP12" s="3"/>
      <c r="EQ12" s="3"/>
      <c r="ER12" s="3"/>
      <c r="ES12" s="3"/>
      <c r="ET12" s="3"/>
      <c r="EU12" s="3"/>
      <c r="EV12" s="3"/>
      <c r="EW12" s="3"/>
      <c r="EX12" s="3"/>
      <c r="EY12" s="3"/>
      <c r="EZ12" s="3"/>
      <c r="FA12" s="3"/>
      <c r="FB12" s="3"/>
      <c r="FC12" s="3"/>
      <c r="FD12" s="3"/>
      <c r="FE12" s="3"/>
      <c r="FF12" s="3"/>
      <c r="FG12" s="3"/>
      <c r="FH12" s="3"/>
      <c r="FI12" s="3"/>
      <c r="FJ12" s="3"/>
      <c r="FK12" s="3"/>
      <c r="FL12" s="3"/>
      <c r="FM12" s="3"/>
      <c r="FN12" s="3"/>
      <c r="FO12" s="3"/>
      <c r="FP12" s="3"/>
      <c r="FQ12" s="3"/>
      <c r="FR12" s="3"/>
      <c r="FS12" s="3"/>
      <c r="FT12" s="3"/>
      <c r="FU12" s="3"/>
      <c r="FV12" s="3"/>
      <c r="FW12" s="3"/>
      <c r="FX12" s="3"/>
      <c r="FY12" s="3"/>
      <c r="FZ12" s="3"/>
      <c r="GA12" s="3"/>
      <c r="GB12" s="3"/>
      <c r="GC12" s="3"/>
      <c r="GD12" s="3"/>
      <c r="GE12" s="3"/>
      <c r="GF12" s="3"/>
      <c r="GG12" s="3"/>
      <c r="GH12" s="3"/>
      <c r="GI12" s="3"/>
      <c r="GJ12" s="3"/>
      <c r="GK12" s="3"/>
      <c r="GL12" s="3"/>
      <c r="GM12" s="3"/>
      <c r="GN12" s="3"/>
      <c r="GO12" s="3"/>
      <c r="GP12" s="3"/>
      <c r="GQ12" s="3"/>
      <c r="GR12" s="3"/>
      <c r="GS12" s="3"/>
      <c r="GT12" s="3"/>
      <c r="GU12" s="3"/>
      <c r="GV12" s="3"/>
      <c r="GW12" s="3"/>
      <c r="GX12" s="3"/>
      <c r="GY12" s="3"/>
      <c r="GZ12" s="3"/>
      <c r="HA12" s="3"/>
      <c r="HB12" s="3"/>
      <c r="HC12" s="3"/>
      <c r="HD12" s="3"/>
      <c r="HE12" s="3"/>
      <c r="HF12" s="3"/>
      <c r="HG12" s="3"/>
      <c r="HH12" s="3"/>
      <c r="HI12" s="3"/>
      <c r="HJ12" s="3"/>
      <c r="HK12" s="3"/>
      <c r="HL12" s="3"/>
      <c r="HM12" s="3"/>
      <c r="HN12" s="3"/>
      <c r="HO12" s="3"/>
      <c r="HP12" s="3"/>
      <c r="HQ12" s="3"/>
      <c r="HR12" s="3"/>
      <c r="HS12" s="3"/>
      <c r="HT12" s="3"/>
      <c r="HU12" s="3"/>
      <c r="HV12" s="3"/>
      <c r="HW12" s="3"/>
      <c r="HX12" s="3"/>
      <c r="HY12" s="3"/>
      <c r="HZ12" s="3"/>
      <c r="IA12" s="3"/>
      <c r="IB12" s="3"/>
      <c r="IC12" s="3"/>
      <c r="ID12" s="3"/>
      <c r="IE12" s="3"/>
      <c r="IF12" s="3"/>
      <c r="IG12" s="3"/>
      <c r="IH12" s="3"/>
      <c r="II12" s="3"/>
      <c r="IJ12" s="3"/>
      <c r="IK12" s="3"/>
      <c r="IL12" s="3"/>
      <c r="IM12" s="3"/>
      <c r="IN12" s="3"/>
      <c r="IO12" s="3"/>
      <c r="IP12" s="3"/>
      <c r="IQ12" s="3"/>
      <c r="IR12" s="3"/>
      <c r="IS12" s="3"/>
      <c r="IT12" s="3"/>
      <c r="IU12" s="3"/>
      <c r="IV12" s="3"/>
      <c r="IW12" s="3"/>
      <c r="IX12" s="3"/>
    </row>
    <row r="13" spans="1:258" ht="301.5" customHeight="1">
      <c r="A13" s="143"/>
      <c r="B13" s="143"/>
      <c r="C13" s="143"/>
      <c r="D13" s="143"/>
      <c r="E13" s="143"/>
      <c r="F13" s="143"/>
      <c r="G13" s="143"/>
      <c r="H13" s="143"/>
      <c r="I13" s="143"/>
      <c r="J13" s="143"/>
      <c r="K13" s="143"/>
      <c r="L13" s="143"/>
      <c r="M13" s="143"/>
      <c r="N13" s="143"/>
      <c r="O13" s="143"/>
      <c r="P13" s="143"/>
      <c r="Q13" s="143"/>
      <c r="R13" s="143"/>
      <c r="S13" s="143"/>
      <c r="T13" s="142"/>
      <c r="U13" s="3"/>
      <c r="V13" s="3"/>
      <c r="W13" s="3"/>
      <c r="X13" s="3"/>
      <c r="Y13" s="3"/>
      <c r="Z13" s="3"/>
      <c r="AA13" s="3"/>
      <c r="AB13" s="3"/>
      <c r="AC13" s="3"/>
      <c r="AD13" s="3"/>
      <c r="AE13" s="3"/>
      <c r="AF13" s="3"/>
      <c r="AG13" s="3"/>
      <c r="AH13" s="3"/>
      <c r="AI13" s="3"/>
      <c r="AJ13" s="3"/>
      <c r="AK13" s="3"/>
      <c r="AL13" s="3"/>
      <c r="AM13" s="3"/>
      <c r="AN13" s="3"/>
      <c r="AO13" s="3"/>
      <c r="AP13" s="3"/>
      <c r="AQ13" s="3"/>
      <c r="AR13" s="3"/>
      <c r="AS13" s="3"/>
      <c r="AT13" s="3"/>
      <c r="AU13" s="3"/>
      <c r="AV13" s="3"/>
      <c r="AW13" s="3"/>
      <c r="AX13" s="3"/>
      <c r="AY13" s="3"/>
      <c r="AZ13" s="3"/>
      <c r="BA13" s="3"/>
      <c r="BB13" s="3"/>
      <c r="BC13" s="3"/>
      <c r="BD13" s="3"/>
      <c r="BE13" s="3"/>
      <c r="BF13" s="3"/>
      <c r="BG13" s="3"/>
      <c r="BH13" s="3"/>
      <c r="BI13" s="3"/>
      <c r="BJ13" s="3"/>
      <c r="BK13" s="3"/>
      <c r="BL13" s="3"/>
      <c r="BM13" s="3"/>
      <c r="BN13" s="3"/>
      <c r="BO13" s="3"/>
      <c r="BP13" s="3"/>
      <c r="BQ13" s="3"/>
      <c r="BR13" s="3"/>
      <c r="BS13" s="3"/>
      <c r="BT13" s="3"/>
      <c r="BU13" s="3"/>
      <c r="BV13" s="3"/>
      <c r="BW13" s="3"/>
      <c r="BX13" s="3"/>
      <c r="BY13" s="3"/>
      <c r="BZ13" s="3"/>
      <c r="CA13" s="3"/>
      <c r="CB13" s="3"/>
      <c r="CC13" s="3"/>
      <c r="CD13" s="3"/>
      <c r="CE13" s="3"/>
      <c r="CF13" s="3"/>
      <c r="CG13" s="3"/>
      <c r="CH13" s="3"/>
      <c r="CI13" s="3"/>
      <c r="CJ13" s="3"/>
      <c r="CK13" s="3"/>
      <c r="CL13" s="3"/>
      <c r="CM13" s="3"/>
      <c r="CN13" s="3"/>
      <c r="CO13" s="3"/>
      <c r="CP13" s="3"/>
      <c r="CQ13" s="3"/>
      <c r="CR13" s="3"/>
      <c r="CS13" s="3"/>
      <c r="CT13" s="3"/>
      <c r="CU13" s="3"/>
      <c r="CV13" s="3"/>
      <c r="CW13" s="3"/>
      <c r="CX13" s="3"/>
      <c r="CY13" s="3"/>
      <c r="CZ13" s="3"/>
      <c r="DA13" s="3"/>
      <c r="DB13" s="3"/>
      <c r="DC13" s="3"/>
      <c r="DD13" s="3"/>
      <c r="DE13" s="3"/>
      <c r="DF13" s="3"/>
      <c r="DG13" s="3"/>
      <c r="DH13" s="3"/>
      <c r="DI13" s="3"/>
      <c r="DJ13" s="3"/>
      <c r="DK13" s="3"/>
      <c r="DL13" s="3"/>
      <c r="DM13" s="3"/>
      <c r="DN13" s="3"/>
      <c r="DO13" s="3"/>
      <c r="DP13" s="3"/>
      <c r="DQ13" s="3"/>
      <c r="DR13" s="3"/>
      <c r="DS13" s="3"/>
      <c r="DT13" s="3"/>
      <c r="DU13" s="3"/>
      <c r="DV13" s="3"/>
      <c r="DW13" s="3"/>
      <c r="DX13" s="3"/>
      <c r="DY13" s="3"/>
      <c r="DZ13" s="3"/>
      <c r="EA13" s="3"/>
      <c r="EB13" s="3"/>
      <c r="EC13" s="3"/>
      <c r="ED13" s="3"/>
      <c r="EE13" s="3"/>
      <c r="EF13" s="3"/>
      <c r="EG13" s="3"/>
      <c r="EH13" s="3"/>
      <c r="EI13" s="3"/>
      <c r="EJ13" s="3"/>
      <c r="EK13" s="3"/>
      <c r="EL13" s="3"/>
      <c r="EM13" s="3"/>
      <c r="EN13" s="3"/>
      <c r="EO13" s="3"/>
      <c r="EP13" s="3"/>
      <c r="EQ13" s="3"/>
      <c r="ER13" s="3"/>
      <c r="ES13" s="3"/>
      <c r="ET13" s="3"/>
      <c r="EU13" s="3"/>
      <c r="EV13" s="3"/>
      <c r="EW13" s="3"/>
      <c r="EX13" s="3"/>
      <c r="EY13" s="3"/>
      <c r="EZ13" s="3"/>
      <c r="FA13" s="3"/>
      <c r="FB13" s="3"/>
      <c r="FC13" s="3"/>
      <c r="FD13" s="3"/>
      <c r="FE13" s="3"/>
      <c r="FF13" s="3"/>
      <c r="FG13" s="3"/>
      <c r="FH13" s="3"/>
      <c r="FI13" s="3"/>
      <c r="FJ13" s="3"/>
      <c r="FK13" s="3"/>
      <c r="FL13" s="3"/>
      <c r="FM13" s="3"/>
      <c r="FN13" s="3"/>
      <c r="FO13" s="3"/>
      <c r="FP13" s="3"/>
      <c r="FQ13" s="3"/>
      <c r="FR13" s="3"/>
      <c r="FS13" s="3"/>
      <c r="FT13" s="3"/>
      <c r="FU13" s="3"/>
      <c r="FV13" s="3"/>
      <c r="FW13" s="3"/>
      <c r="FX13" s="3"/>
      <c r="FY13" s="3"/>
      <c r="FZ13" s="3"/>
      <c r="GA13" s="3"/>
      <c r="GB13" s="3"/>
      <c r="GC13" s="3"/>
      <c r="GD13" s="3"/>
      <c r="GE13" s="3"/>
      <c r="GF13" s="3"/>
      <c r="GG13" s="3"/>
      <c r="GH13" s="3"/>
      <c r="GI13" s="3"/>
      <c r="GJ13" s="3"/>
      <c r="GK13" s="3"/>
      <c r="GL13" s="3"/>
      <c r="GM13" s="3"/>
      <c r="GN13" s="3"/>
      <c r="GO13" s="3"/>
      <c r="GP13" s="3"/>
      <c r="GQ13" s="3"/>
      <c r="GR13" s="3"/>
      <c r="GS13" s="3"/>
      <c r="GT13" s="3"/>
      <c r="GU13" s="3"/>
      <c r="GV13" s="3"/>
      <c r="GW13" s="3"/>
      <c r="GX13" s="3"/>
      <c r="GY13" s="3"/>
      <c r="GZ13" s="3"/>
      <c r="HA13" s="3"/>
      <c r="HB13" s="3"/>
      <c r="HC13" s="3"/>
      <c r="HD13" s="3"/>
      <c r="HE13" s="3"/>
      <c r="HF13" s="3"/>
      <c r="HG13" s="3"/>
      <c r="HH13" s="3"/>
      <c r="HI13" s="3"/>
      <c r="HJ13" s="3"/>
      <c r="HK13" s="3"/>
      <c r="HL13" s="3"/>
      <c r="HM13" s="3"/>
      <c r="HN13" s="3"/>
      <c r="HO13" s="3"/>
      <c r="HP13" s="3"/>
      <c r="HQ13" s="3"/>
      <c r="HR13" s="3"/>
      <c r="HS13" s="3"/>
      <c r="HT13" s="3"/>
      <c r="HU13" s="3"/>
      <c r="HV13" s="3"/>
      <c r="HW13" s="3"/>
      <c r="HX13" s="3"/>
      <c r="HY13" s="3"/>
      <c r="HZ13" s="3"/>
      <c r="IA13" s="3"/>
      <c r="IB13" s="3"/>
      <c r="IC13" s="3"/>
      <c r="ID13" s="3"/>
      <c r="IE13" s="3"/>
      <c r="IF13" s="3"/>
      <c r="IG13" s="3"/>
      <c r="IH13" s="3"/>
      <c r="II13" s="3"/>
      <c r="IJ13" s="3"/>
      <c r="IK13" s="3"/>
      <c r="IL13" s="3"/>
      <c r="IM13" s="3"/>
      <c r="IN13" s="3"/>
      <c r="IO13" s="3"/>
      <c r="IP13" s="3"/>
      <c r="IQ13" s="3"/>
      <c r="IR13" s="3"/>
      <c r="IS13" s="3"/>
      <c r="IT13" s="3"/>
      <c r="IU13" s="3"/>
      <c r="IV13" s="3"/>
      <c r="IW13" s="3"/>
      <c r="IX13" s="3"/>
    </row>
    <row r="14" spans="1:258" ht="370.5" customHeight="1">
      <c r="A14" s="143"/>
      <c r="B14" s="143"/>
      <c r="C14" s="143"/>
      <c r="D14" s="143"/>
      <c r="E14" s="143"/>
      <c r="F14" s="143"/>
      <c r="G14" s="143"/>
      <c r="H14" s="143"/>
      <c r="I14" s="143"/>
      <c r="J14" s="143"/>
      <c r="K14" s="143"/>
      <c r="L14" s="143"/>
      <c r="M14" s="143"/>
      <c r="N14" s="143"/>
      <c r="O14" s="143"/>
      <c r="P14" s="143"/>
      <c r="Q14" s="143"/>
      <c r="R14" s="143"/>
      <c r="S14" s="143"/>
      <c r="T14" s="142"/>
      <c r="U14" s="3"/>
      <c r="V14" s="3"/>
      <c r="W14" s="3"/>
      <c r="X14" s="3"/>
      <c r="Y14" s="3"/>
      <c r="Z14" s="3"/>
      <c r="AA14" s="3"/>
      <c r="AB14" s="3"/>
      <c r="AC14" s="3"/>
      <c r="AD14" s="3"/>
      <c r="AE14" s="3"/>
      <c r="AF14" s="3"/>
      <c r="AG14" s="3"/>
      <c r="AH14" s="3"/>
      <c r="AI14" s="3"/>
      <c r="AJ14" s="3"/>
      <c r="AK14" s="3"/>
      <c r="AL14" s="3"/>
      <c r="AM14" s="3"/>
      <c r="AN14" s="3"/>
      <c r="AO14" s="3"/>
      <c r="AP14" s="3"/>
      <c r="AQ14" s="3"/>
      <c r="AR14" s="3"/>
      <c r="AS14" s="3"/>
      <c r="AT14" s="3"/>
      <c r="AU14" s="3"/>
      <c r="AV14" s="3"/>
      <c r="AW14" s="3"/>
      <c r="AX14" s="3"/>
      <c r="AY14" s="3"/>
      <c r="AZ14" s="3"/>
      <c r="BA14" s="3"/>
      <c r="BB14" s="3"/>
      <c r="BC14" s="3"/>
      <c r="BD14" s="3"/>
      <c r="BE14" s="3"/>
      <c r="BF14" s="3"/>
      <c r="BG14" s="3"/>
      <c r="BH14" s="3"/>
      <c r="BI14" s="3"/>
      <c r="BJ14" s="3"/>
      <c r="BK14" s="3"/>
      <c r="BL14" s="3"/>
      <c r="BM14" s="3"/>
      <c r="BN14" s="3"/>
      <c r="BO14" s="3"/>
      <c r="BP14" s="3"/>
      <c r="BQ14" s="3"/>
      <c r="BR14" s="3"/>
      <c r="BS14" s="3"/>
      <c r="BT14" s="3"/>
      <c r="BU14" s="3"/>
      <c r="BV14" s="3"/>
      <c r="BW14" s="3"/>
      <c r="BX14" s="3"/>
      <c r="BY14" s="3"/>
      <c r="BZ14" s="3"/>
      <c r="CA14" s="3"/>
      <c r="CB14" s="3"/>
      <c r="CC14" s="3"/>
      <c r="CD14" s="3"/>
      <c r="CE14" s="3"/>
      <c r="CF14" s="3"/>
      <c r="CG14" s="3"/>
      <c r="CH14" s="3"/>
      <c r="CI14" s="3"/>
      <c r="CJ14" s="3"/>
      <c r="CK14" s="3"/>
      <c r="CL14" s="3"/>
      <c r="CM14" s="3"/>
      <c r="CN14" s="3"/>
      <c r="CO14" s="3"/>
      <c r="CP14" s="3"/>
      <c r="CQ14" s="3"/>
      <c r="CR14" s="3"/>
      <c r="CS14" s="3"/>
      <c r="CT14" s="3"/>
      <c r="CU14" s="3"/>
      <c r="CV14" s="3"/>
      <c r="CW14" s="3"/>
      <c r="CX14" s="3"/>
      <c r="CY14" s="3"/>
      <c r="CZ14" s="3"/>
      <c r="DA14" s="3"/>
      <c r="DB14" s="3"/>
      <c r="DC14" s="3"/>
      <c r="DD14" s="3"/>
      <c r="DE14" s="3"/>
      <c r="DF14" s="3"/>
      <c r="DG14" s="3"/>
      <c r="DH14" s="3"/>
      <c r="DI14" s="3"/>
      <c r="DJ14" s="3"/>
      <c r="DK14" s="3"/>
      <c r="DL14" s="3"/>
      <c r="DM14" s="3"/>
      <c r="DN14" s="3"/>
      <c r="DO14" s="3"/>
      <c r="DP14" s="3"/>
      <c r="DQ14" s="3"/>
      <c r="DR14" s="3"/>
      <c r="DS14" s="3"/>
      <c r="DT14" s="3"/>
      <c r="DU14" s="3"/>
      <c r="DV14" s="3"/>
      <c r="DW14" s="3"/>
      <c r="DX14" s="3"/>
      <c r="DY14" s="3"/>
      <c r="DZ14" s="3"/>
      <c r="EA14" s="3"/>
      <c r="EB14" s="3"/>
      <c r="EC14" s="3"/>
      <c r="ED14" s="3"/>
      <c r="EE14" s="3"/>
      <c r="EF14" s="3"/>
      <c r="EG14" s="3"/>
      <c r="EH14" s="3"/>
      <c r="EI14" s="3"/>
      <c r="EJ14" s="3"/>
      <c r="EK14" s="3"/>
      <c r="EL14" s="3"/>
      <c r="EM14" s="3"/>
      <c r="EN14" s="3"/>
      <c r="EO14" s="3"/>
      <c r="EP14" s="3"/>
      <c r="EQ14" s="3"/>
      <c r="ER14" s="3"/>
      <c r="ES14" s="3"/>
      <c r="ET14" s="3"/>
      <c r="EU14" s="3"/>
      <c r="EV14" s="3"/>
      <c r="EW14" s="3"/>
      <c r="EX14" s="3"/>
      <c r="EY14" s="3"/>
      <c r="EZ14" s="3"/>
      <c r="FA14" s="3"/>
      <c r="FB14" s="3"/>
      <c r="FC14" s="3"/>
      <c r="FD14" s="3"/>
      <c r="FE14" s="3"/>
      <c r="FF14" s="3"/>
      <c r="FG14" s="3"/>
      <c r="FH14" s="3"/>
      <c r="FI14" s="3"/>
      <c r="FJ14" s="3"/>
      <c r="FK14" s="3"/>
      <c r="FL14" s="3"/>
      <c r="FM14" s="3"/>
      <c r="FN14" s="3"/>
      <c r="FO14" s="3"/>
      <c r="FP14" s="3"/>
      <c r="FQ14" s="3"/>
      <c r="FR14" s="3"/>
      <c r="FS14" s="3"/>
      <c r="FT14" s="3"/>
      <c r="FU14" s="3"/>
      <c r="FV14" s="3"/>
      <c r="FW14" s="3"/>
      <c r="FX14" s="3"/>
      <c r="FY14" s="3"/>
      <c r="FZ14" s="3"/>
      <c r="GA14" s="3"/>
      <c r="GB14" s="3"/>
      <c r="GC14" s="3"/>
      <c r="GD14" s="3"/>
      <c r="GE14" s="3"/>
      <c r="GF14" s="3"/>
      <c r="GG14" s="3"/>
      <c r="GH14" s="3"/>
      <c r="GI14" s="3"/>
      <c r="GJ14" s="3"/>
      <c r="GK14" s="3"/>
      <c r="GL14" s="3"/>
      <c r="GM14" s="3"/>
      <c r="GN14" s="3"/>
      <c r="GO14" s="3"/>
      <c r="GP14" s="3"/>
      <c r="GQ14" s="3"/>
      <c r="GR14" s="3"/>
      <c r="GS14" s="3"/>
      <c r="GT14" s="3"/>
      <c r="GU14" s="3"/>
      <c r="GV14" s="3"/>
      <c r="GW14" s="3"/>
      <c r="GX14" s="3"/>
      <c r="GY14" s="3"/>
      <c r="GZ14" s="3"/>
      <c r="HA14" s="3"/>
      <c r="HB14" s="3"/>
      <c r="HC14" s="3"/>
      <c r="HD14" s="3"/>
      <c r="HE14" s="3"/>
      <c r="HF14" s="3"/>
      <c r="HG14" s="3"/>
      <c r="HH14" s="3"/>
      <c r="HI14" s="3"/>
      <c r="HJ14" s="3"/>
      <c r="HK14" s="3"/>
      <c r="HL14" s="3"/>
      <c r="HM14" s="3"/>
      <c r="HN14" s="3"/>
      <c r="HO14" s="3"/>
      <c r="HP14" s="3"/>
      <c r="HQ14" s="3"/>
      <c r="HR14" s="3"/>
      <c r="HS14" s="3"/>
      <c r="HT14" s="3"/>
      <c r="HU14" s="3"/>
      <c r="HV14" s="3"/>
      <c r="HW14" s="3"/>
      <c r="HX14" s="3"/>
      <c r="HY14" s="3"/>
      <c r="HZ14" s="3"/>
      <c r="IA14" s="3"/>
      <c r="IB14" s="3"/>
      <c r="IC14" s="3"/>
      <c r="ID14" s="3"/>
      <c r="IE14" s="3"/>
      <c r="IF14" s="3"/>
      <c r="IG14" s="3"/>
      <c r="IH14" s="3"/>
      <c r="II14" s="3"/>
      <c r="IJ14" s="3"/>
      <c r="IK14" s="3"/>
      <c r="IL14" s="3"/>
      <c r="IM14" s="3"/>
      <c r="IN14" s="3"/>
      <c r="IO14" s="3"/>
      <c r="IP14" s="3"/>
      <c r="IQ14" s="3"/>
      <c r="IR14" s="3"/>
      <c r="IS14" s="3"/>
      <c r="IT14" s="3"/>
      <c r="IU14" s="3"/>
      <c r="IV14" s="3"/>
      <c r="IW14" s="3"/>
      <c r="IX14" s="3"/>
    </row>
    <row r="15" spans="1:258" ht="301.5" customHeight="1" thickBot="1">
      <c r="A15" s="143"/>
      <c r="B15" s="143"/>
      <c r="C15" s="143"/>
      <c r="D15" s="143"/>
      <c r="E15" s="143"/>
      <c r="F15" s="143"/>
      <c r="G15" s="143"/>
      <c r="H15" s="143"/>
      <c r="I15" s="143"/>
      <c r="J15" s="143"/>
      <c r="K15" s="143"/>
      <c r="L15" s="143"/>
      <c r="M15" s="143"/>
      <c r="N15" s="143"/>
      <c r="O15" s="143"/>
      <c r="P15" s="143"/>
      <c r="Q15" s="143"/>
      <c r="R15" s="143"/>
      <c r="S15" s="143"/>
      <c r="T15" s="142"/>
      <c r="U15" s="3"/>
      <c r="V15" s="3"/>
      <c r="W15" s="3"/>
      <c r="X15" s="3"/>
      <c r="Y15" s="3"/>
      <c r="Z15" s="3"/>
      <c r="AA15" s="3"/>
      <c r="AB15" s="3"/>
      <c r="AC15" s="3"/>
      <c r="AD15" s="3"/>
      <c r="AE15" s="3"/>
      <c r="AF15" s="3"/>
      <c r="AG15" s="3"/>
      <c r="AH15" s="3"/>
      <c r="AI15" s="3"/>
      <c r="AJ15" s="3"/>
      <c r="AK15" s="3"/>
      <c r="AL15" s="3"/>
      <c r="AM15" s="3"/>
      <c r="AN15" s="3"/>
      <c r="AO15" s="3"/>
      <c r="AP15" s="3"/>
      <c r="AQ15" s="3"/>
      <c r="AR15" s="3"/>
      <c r="AS15" s="3"/>
      <c r="AT15" s="3"/>
      <c r="AU15" s="3"/>
      <c r="AV15" s="3"/>
      <c r="AW15" s="3"/>
      <c r="AX15" s="3"/>
      <c r="AY15" s="3"/>
      <c r="AZ15" s="3"/>
      <c r="BA15" s="3"/>
      <c r="BB15" s="3"/>
      <c r="BC15" s="3"/>
      <c r="BD15" s="3"/>
      <c r="BE15" s="3"/>
      <c r="BF15" s="3"/>
      <c r="BG15" s="3"/>
      <c r="BH15" s="3"/>
      <c r="BI15" s="3"/>
      <c r="BJ15" s="3"/>
      <c r="BK15" s="3"/>
      <c r="BL15" s="3"/>
      <c r="BM15" s="3"/>
      <c r="BN15" s="3"/>
      <c r="BO15" s="3"/>
      <c r="BP15" s="3"/>
      <c r="BQ15" s="3"/>
      <c r="BR15" s="3"/>
      <c r="BS15" s="3"/>
      <c r="BT15" s="3"/>
      <c r="BU15" s="3"/>
      <c r="BV15" s="3"/>
      <c r="BW15" s="3"/>
      <c r="BX15" s="3"/>
      <c r="BY15" s="3"/>
      <c r="BZ15" s="3"/>
      <c r="CA15" s="3"/>
      <c r="CB15" s="3"/>
      <c r="CC15" s="3"/>
      <c r="CD15" s="3"/>
      <c r="CE15" s="3"/>
      <c r="CF15" s="3"/>
      <c r="CG15" s="3"/>
      <c r="CH15" s="3"/>
      <c r="CI15" s="3"/>
      <c r="CJ15" s="3"/>
      <c r="CK15" s="3"/>
      <c r="CL15" s="3"/>
      <c r="CM15" s="3"/>
      <c r="CN15" s="3"/>
      <c r="CO15" s="3"/>
      <c r="CP15" s="3"/>
      <c r="CQ15" s="3"/>
      <c r="CR15" s="3"/>
      <c r="CS15" s="3"/>
      <c r="CT15" s="3"/>
      <c r="CU15" s="3"/>
      <c r="CV15" s="3"/>
      <c r="CW15" s="3"/>
      <c r="CX15" s="3"/>
      <c r="CY15" s="3"/>
      <c r="CZ15" s="3"/>
      <c r="DA15" s="3"/>
      <c r="DB15" s="3"/>
      <c r="DC15" s="3"/>
      <c r="DD15" s="3"/>
      <c r="DE15" s="3"/>
      <c r="DF15" s="3"/>
      <c r="DG15" s="3"/>
      <c r="DH15" s="3"/>
      <c r="DI15" s="3"/>
      <c r="DJ15" s="3"/>
      <c r="DK15" s="3"/>
      <c r="DL15" s="3"/>
      <c r="DM15" s="3"/>
      <c r="DN15" s="3"/>
      <c r="DO15" s="3"/>
      <c r="DP15" s="3"/>
      <c r="DQ15" s="3"/>
      <c r="DR15" s="3"/>
      <c r="DS15" s="3"/>
      <c r="DT15" s="3"/>
      <c r="DU15" s="3"/>
      <c r="DV15" s="3"/>
      <c r="DW15" s="3"/>
      <c r="DX15" s="3"/>
      <c r="DY15" s="3"/>
      <c r="DZ15" s="3"/>
      <c r="EA15" s="3"/>
      <c r="EB15" s="3"/>
      <c r="EC15" s="3"/>
      <c r="ED15" s="3"/>
      <c r="EE15" s="3"/>
      <c r="EF15" s="3"/>
      <c r="EG15" s="3"/>
      <c r="EH15" s="3"/>
      <c r="EI15" s="3"/>
      <c r="EJ15" s="3"/>
      <c r="EK15" s="3"/>
      <c r="EL15" s="3"/>
      <c r="EM15" s="3"/>
      <c r="EN15" s="3"/>
      <c r="EO15" s="3"/>
      <c r="EP15" s="3"/>
      <c r="EQ15" s="3"/>
      <c r="ER15" s="3"/>
      <c r="ES15" s="3"/>
      <c r="ET15" s="3"/>
      <c r="EU15" s="3"/>
      <c r="EV15" s="3"/>
      <c r="EW15" s="3"/>
      <c r="EX15" s="3"/>
      <c r="EY15" s="3"/>
      <c r="EZ15" s="3"/>
      <c r="FA15" s="3"/>
      <c r="FB15" s="3"/>
      <c r="FC15" s="3"/>
      <c r="FD15" s="3"/>
      <c r="FE15" s="3"/>
      <c r="FF15" s="3"/>
      <c r="FG15" s="3"/>
      <c r="FH15" s="3"/>
      <c r="FI15" s="3"/>
      <c r="FJ15" s="3"/>
      <c r="FK15" s="3"/>
      <c r="FL15" s="3"/>
      <c r="FM15" s="3"/>
      <c r="FN15" s="3"/>
      <c r="FO15" s="3"/>
      <c r="FP15" s="3"/>
      <c r="FQ15" s="3"/>
      <c r="FR15" s="3"/>
      <c r="FS15" s="3"/>
      <c r="FT15" s="3"/>
      <c r="FU15" s="3"/>
      <c r="FV15" s="3"/>
      <c r="FW15" s="3"/>
      <c r="FX15" s="3"/>
      <c r="FY15" s="3"/>
      <c r="FZ15" s="3"/>
      <c r="GA15" s="3"/>
      <c r="GB15" s="3"/>
      <c r="GC15" s="3"/>
      <c r="GD15" s="3"/>
      <c r="GE15" s="3"/>
      <c r="GF15" s="3"/>
      <c r="GG15" s="3"/>
      <c r="GH15" s="3"/>
      <c r="GI15" s="3"/>
      <c r="GJ15" s="3"/>
      <c r="GK15" s="3"/>
      <c r="GL15" s="3"/>
      <c r="GM15" s="3"/>
      <c r="GN15" s="3"/>
      <c r="GO15" s="3"/>
      <c r="GP15" s="3"/>
      <c r="GQ15" s="3"/>
      <c r="GR15" s="3"/>
      <c r="GS15" s="3"/>
      <c r="GT15" s="3"/>
      <c r="GU15" s="3"/>
      <c r="GV15" s="3"/>
      <c r="GW15" s="3"/>
      <c r="GX15" s="3"/>
      <c r="GY15" s="3"/>
      <c r="GZ15" s="3"/>
      <c r="HA15" s="3"/>
      <c r="HB15" s="3"/>
      <c r="HC15" s="3"/>
      <c r="HD15" s="3"/>
      <c r="HE15" s="3"/>
      <c r="HF15" s="3"/>
      <c r="HG15" s="3"/>
      <c r="HH15" s="3"/>
      <c r="HI15" s="3"/>
      <c r="HJ15" s="3"/>
      <c r="HK15" s="3"/>
      <c r="HL15" s="3"/>
      <c r="HM15" s="3"/>
      <c r="HN15" s="3"/>
      <c r="HO15" s="3"/>
      <c r="HP15" s="3"/>
      <c r="HQ15" s="3"/>
      <c r="HR15" s="3"/>
      <c r="HS15" s="3"/>
      <c r="HT15" s="3"/>
      <c r="HU15" s="3"/>
      <c r="HV15" s="3"/>
      <c r="HW15" s="3"/>
      <c r="HX15" s="3"/>
      <c r="HY15" s="3"/>
      <c r="HZ15" s="3"/>
      <c r="IA15" s="3"/>
      <c r="IB15" s="3"/>
      <c r="IC15" s="3"/>
      <c r="ID15" s="3"/>
      <c r="IE15" s="3"/>
      <c r="IF15" s="3"/>
      <c r="IG15" s="3"/>
      <c r="IH15" s="3"/>
      <c r="II15" s="3"/>
      <c r="IJ15" s="3"/>
      <c r="IK15" s="3"/>
      <c r="IL15" s="3"/>
      <c r="IM15" s="3"/>
      <c r="IN15" s="3"/>
      <c r="IO15" s="3"/>
      <c r="IP15" s="3"/>
      <c r="IQ15" s="3"/>
      <c r="IR15" s="3"/>
      <c r="IS15" s="3"/>
      <c r="IT15" s="3"/>
      <c r="IU15" s="3"/>
      <c r="IV15" s="3"/>
      <c r="IW15" s="3"/>
      <c r="IX15" s="3"/>
    </row>
    <row r="16" spans="1:258" ht="135" customHeight="1" thickBot="1">
      <c r="A16" s="148"/>
      <c r="B16" s="149" t="s">
        <v>12</v>
      </c>
      <c r="C16" s="150"/>
      <c r="D16" s="150"/>
      <c r="E16" s="150"/>
      <c r="F16" s="150"/>
      <c r="G16" s="150"/>
      <c r="H16" s="150"/>
      <c r="I16" s="204" t="e">
        <f>IF(#REF! = "","",#REF!)</f>
        <v>#REF!</v>
      </c>
      <c r="J16" s="150"/>
      <c r="K16" s="150"/>
      <c r="L16" s="148"/>
      <c r="M16" s="151"/>
      <c r="N16" s="235" t="s">
        <v>13</v>
      </c>
      <c r="O16" s="236"/>
      <c r="P16" s="237"/>
      <c r="Q16" s="148"/>
      <c r="R16" s="148"/>
      <c r="S16" s="206" t="s">
        <v>14</v>
      </c>
      <c r="T16" s="142"/>
      <c r="U16" s="3"/>
      <c r="V16" s="3"/>
      <c r="W16" s="3"/>
      <c r="X16" s="3"/>
      <c r="Y16" s="3"/>
      <c r="Z16" s="3"/>
      <c r="AA16" s="3"/>
      <c r="AB16" s="3"/>
      <c r="AC16" s="3"/>
      <c r="AD16" s="3"/>
      <c r="AE16" s="3"/>
      <c r="AF16" s="3"/>
      <c r="AG16" s="3"/>
      <c r="AH16" s="3"/>
      <c r="AI16" s="3"/>
      <c r="AJ16" s="3"/>
      <c r="AK16" s="3"/>
      <c r="AL16" s="3"/>
      <c r="AM16" s="3"/>
      <c r="AN16" s="3"/>
      <c r="AO16" s="3"/>
      <c r="AP16" s="3"/>
      <c r="AQ16" s="3"/>
      <c r="AR16" s="3"/>
      <c r="AS16" s="3"/>
      <c r="AT16" s="3"/>
      <c r="AU16" s="3"/>
      <c r="AV16" s="3"/>
      <c r="AW16" s="3"/>
      <c r="AX16" s="3"/>
      <c r="AY16" s="3"/>
      <c r="AZ16" s="3"/>
      <c r="BA16" s="3"/>
      <c r="BB16" s="3"/>
      <c r="BC16" s="3"/>
      <c r="BD16" s="3"/>
      <c r="BE16" s="3"/>
      <c r="BF16" s="3"/>
      <c r="BG16" s="3"/>
      <c r="BH16" s="3"/>
      <c r="BI16" s="3"/>
      <c r="BJ16" s="3"/>
      <c r="BK16" s="3"/>
      <c r="BL16" s="3"/>
      <c r="BM16" s="3"/>
      <c r="BN16" s="3"/>
      <c r="BO16" s="3"/>
      <c r="BP16" s="3"/>
      <c r="BQ16" s="3"/>
      <c r="BR16" s="3"/>
      <c r="BS16" s="3"/>
      <c r="BT16" s="3"/>
      <c r="BU16" s="3"/>
      <c r="BV16" s="3"/>
      <c r="BW16" s="3"/>
      <c r="BX16" s="3"/>
      <c r="BY16" s="3"/>
      <c r="BZ16" s="3"/>
      <c r="CA16" s="3"/>
      <c r="CB16" s="3"/>
      <c r="CC16" s="3"/>
      <c r="CD16" s="3"/>
      <c r="CE16" s="3"/>
      <c r="CF16" s="3"/>
      <c r="CG16" s="3"/>
      <c r="CH16" s="3"/>
      <c r="CI16" s="3"/>
      <c r="CJ16" s="3"/>
      <c r="CK16" s="3"/>
      <c r="CL16" s="3"/>
      <c r="CM16" s="3"/>
      <c r="CN16" s="3"/>
      <c r="CO16" s="3"/>
      <c r="CP16" s="3"/>
      <c r="CQ16" s="3"/>
      <c r="CR16" s="3"/>
      <c r="CS16" s="3"/>
      <c r="CT16" s="3"/>
      <c r="CU16" s="3"/>
      <c r="CV16" s="3"/>
      <c r="CW16" s="3"/>
      <c r="CX16" s="3"/>
      <c r="CY16" s="3"/>
      <c r="CZ16" s="3"/>
      <c r="DA16" s="3"/>
      <c r="DB16" s="3"/>
      <c r="DC16" s="3"/>
      <c r="DD16" s="3"/>
      <c r="DE16" s="3"/>
      <c r="DF16" s="3"/>
      <c r="DG16" s="3"/>
      <c r="DH16" s="3"/>
      <c r="DI16" s="3"/>
      <c r="DJ16" s="3"/>
      <c r="DK16" s="3"/>
      <c r="DL16" s="3"/>
      <c r="DM16" s="3"/>
      <c r="DN16" s="3"/>
      <c r="DO16" s="3"/>
      <c r="DP16" s="3"/>
      <c r="DQ16" s="3"/>
      <c r="DR16" s="3"/>
      <c r="DS16" s="3"/>
      <c r="DT16" s="3"/>
      <c r="DU16" s="3"/>
      <c r="DV16" s="3"/>
      <c r="DW16" s="3"/>
      <c r="DX16" s="3"/>
      <c r="DY16" s="3"/>
      <c r="DZ16" s="3"/>
      <c r="EA16" s="3"/>
      <c r="EB16" s="3"/>
      <c r="EC16" s="3"/>
      <c r="ED16" s="3"/>
      <c r="EE16" s="3"/>
      <c r="EF16" s="3"/>
      <c r="EG16" s="3"/>
      <c r="EH16" s="3"/>
      <c r="EI16" s="3"/>
      <c r="EJ16" s="3"/>
      <c r="EK16" s="3"/>
      <c r="EL16" s="3"/>
      <c r="EM16" s="3"/>
      <c r="EN16" s="3"/>
      <c r="EO16" s="3"/>
      <c r="EP16" s="3"/>
      <c r="EQ16" s="3"/>
      <c r="ER16" s="3"/>
      <c r="ES16" s="3"/>
      <c r="ET16" s="3"/>
      <c r="EU16" s="3"/>
      <c r="EV16" s="3"/>
      <c r="EW16" s="3"/>
      <c r="EX16" s="3"/>
      <c r="EY16" s="3"/>
      <c r="EZ16" s="3"/>
      <c r="FA16" s="3"/>
      <c r="FB16" s="3"/>
      <c r="FC16" s="3"/>
      <c r="FD16" s="3"/>
      <c r="FE16" s="3"/>
      <c r="FF16" s="3"/>
      <c r="FG16" s="3"/>
      <c r="FH16" s="3"/>
      <c r="FI16" s="3"/>
      <c r="FJ16" s="3"/>
      <c r="FK16" s="3"/>
      <c r="FL16" s="3"/>
      <c r="FM16" s="3"/>
      <c r="FN16" s="3"/>
      <c r="FO16" s="3"/>
      <c r="FP16" s="3"/>
      <c r="FQ16" s="3"/>
      <c r="FR16" s="3"/>
      <c r="FS16" s="3"/>
      <c r="FT16" s="3"/>
      <c r="FU16" s="3"/>
      <c r="FV16" s="3"/>
      <c r="FW16" s="3"/>
      <c r="FX16" s="3"/>
      <c r="FY16" s="3"/>
      <c r="FZ16" s="3"/>
      <c r="GA16" s="3"/>
      <c r="GB16" s="3"/>
      <c r="GC16" s="3"/>
      <c r="GD16" s="3"/>
      <c r="GE16" s="3"/>
      <c r="GF16" s="3"/>
      <c r="GG16" s="3"/>
      <c r="GH16" s="3"/>
      <c r="GI16" s="3"/>
      <c r="GJ16" s="3"/>
      <c r="GK16" s="3"/>
      <c r="GL16" s="3"/>
      <c r="GM16" s="3"/>
      <c r="GN16" s="3"/>
      <c r="GO16" s="3"/>
      <c r="GP16" s="3"/>
      <c r="GQ16" s="3"/>
      <c r="GR16" s="3"/>
      <c r="GS16" s="3"/>
      <c r="GT16" s="3"/>
      <c r="GU16" s="3"/>
      <c r="GV16" s="3"/>
      <c r="GW16" s="3"/>
      <c r="GX16" s="3"/>
      <c r="GY16" s="3"/>
      <c r="GZ16" s="3"/>
      <c r="HA16" s="3"/>
      <c r="HB16" s="3"/>
      <c r="HC16" s="3"/>
      <c r="HD16" s="3"/>
      <c r="HE16" s="3"/>
      <c r="HF16" s="3"/>
      <c r="HG16" s="3"/>
      <c r="HH16" s="3"/>
      <c r="HI16" s="3"/>
      <c r="HJ16" s="3"/>
      <c r="HK16" s="3"/>
      <c r="HL16" s="3"/>
      <c r="HM16" s="3"/>
      <c r="HN16" s="3"/>
      <c r="HO16" s="3"/>
      <c r="HP16" s="3"/>
      <c r="HQ16" s="3"/>
      <c r="HR16" s="3"/>
      <c r="HS16" s="3"/>
      <c r="HT16" s="3"/>
      <c r="HU16" s="3"/>
      <c r="HV16" s="3"/>
      <c r="HW16" s="3"/>
      <c r="HX16" s="3"/>
      <c r="HY16" s="3"/>
      <c r="HZ16" s="3"/>
      <c r="IA16" s="3"/>
      <c r="IB16" s="3"/>
      <c r="IC16" s="3"/>
      <c r="ID16" s="3"/>
      <c r="IE16" s="3"/>
      <c r="IF16" s="3"/>
      <c r="IG16" s="3"/>
      <c r="IH16" s="3"/>
      <c r="II16" s="3"/>
      <c r="IJ16" s="3"/>
      <c r="IK16" s="3"/>
      <c r="IL16" s="3"/>
      <c r="IM16" s="3"/>
      <c r="IN16" s="3"/>
      <c r="IO16" s="3"/>
      <c r="IP16" s="3"/>
      <c r="IQ16" s="3"/>
      <c r="IR16" s="3"/>
      <c r="IS16" s="3"/>
      <c r="IT16" s="3"/>
      <c r="IU16" s="3"/>
      <c r="IV16" s="3"/>
      <c r="IW16" s="3"/>
      <c r="IX16" s="3"/>
    </row>
    <row r="17" spans="1:258" ht="39" customHeight="1">
      <c r="A17" s="148"/>
      <c r="B17" s="148"/>
      <c r="C17" s="148"/>
      <c r="D17" s="148"/>
      <c r="E17" s="148"/>
      <c r="F17" s="148"/>
      <c r="G17" s="148"/>
      <c r="H17" s="148"/>
      <c r="I17" s="148"/>
      <c r="J17" s="148"/>
      <c r="K17" s="148"/>
      <c r="L17" s="148"/>
      <c r="M17" s="152"/>
      <c r="N17" s="153" t="s">
        <v>15</v>
      </c>
      <c r="O17" s="152"/>
      <c r="P17" s="152"/>
      <c r="Q17" s="148"/>
      <c r="R17" s="148"/>
      <c r="S17" s="148"/>
      <c r="T17" s="142"/>
      <c r="U17" s="3"/>
      <c r="V17" s="3"/>
      <c r="W17" s="3"/>
      <c r="X17" s="3"/>
      <c r="Y17" s="3"/>
      <c r="Z17" s="3"/>
      <c r="AA17" s="3"/>
      <c r="AB17" s="3"/>
      <c r="AC17" s="3"/>
      <c r="AD17" s="3"/>
      <c r="AE17" s="3"/>
      <c r="AF17" s="3"/>
      <c r="AG17" s="3"/>
      <c r="AH17" s="3"/>
      <c r="AI17" s="3"/>
      <c r="AJ17" s="3"/>
      <c r="AK17" s="3"/>
      <c r="AL17" s="3"/>
      <c r="AM17" s="3"/>
      <c r="AN17" s="3"/>
      <c r="AO17" s="3"/>
      <c r="AP17" s="3"/>
      <c r="AQ17" s="3"/>
      <c r="AR17" s="3"/>
      <c r="AS17" s="3"/>
      <c r="AT17" s="3"/>
      <c r="AU17" s="3"/>
      <c r="AV17" s="3"/>
      <c r="AW17" s="3"/>
      <c r="AX17" s="3"/>
      <c r="AY17" s="3"/>
      <c r="AZ17" s="3"/>
      <c r="BA17" s="3"/>
      <c r="BB17" s="3"/>
      <c r="BC17" s="3"/>
      <c r="BD17" s="3"/>
      <c r="BE17" s="3"/>
      <c r="BF17" s="3"/>
      <c r="BG17" s="3"/>
      <c r="BH17" s="3"/>
      <c r="BI17" s="3"/>
      <c r="BJ17" s="3"/>
      <c r="BK17" s="3"/>
      <c r="BL17" s="3"/>
      <c r="BM17" s="3"/>
      <c r="BN17" s="3"/>
      <c r="BO17" s="3"/>
      <c r="BP17" s="3"/>
      <c r="BQ17" s="3"/>
      <c r="BR17" s="3"/>
      <c r="BS17" s="3"/>
      <c r="BT17" s="3"/>
      <c r="BU17" s="3"/>
      <c r="BV17" s="3"/>
      <c r="BW17" s="3"/>
      <c r="BX17" s="3"/>
      <c r="BY17" s="3"/>
      <c r="BZ17" s="3"/>
      <c r="CA17" s="3"/>
      <c r="CB17" s="3"/>
      <c r="CC17" s="3"/>
      <c r="CD17" s="3"/>
      <c r="CE17" s="3"/>
      <c r="CF17" s="3"/>
      <c r="CG17" s="3"/>
      <c r="CH17" s="3"/>
      <c r="CI17" s="3"/>
      <c r="CJ17" s="3"/>
      <c r="CK17" s="3"/>
      <c r="CL17" s="3"/>
      <c r="CM17" s="3"/>
      <c r="CN17" s="3"/>
      <c r="CO17" s="3"/>
      <c r="CP17" s="3"/>
      <c r="CQ17" s="3"/>
      <c r="CR17" s="3"/>
      <c r="CS17" s="3"/>
      <c r="CT17" s="3"/>
      <c r="CU17" s="3"/>
      <c r="CV17" s="3"/>
      <c r="CW17" s="3"/>
      <c r="CX17" s="3"/>
      <c r="CY17" s="3"/>
      <c r="CZ17" s="3"/>
      <c r="DA17" s="3"/>
      <c r="DB17" s="3"/>
      <c r="DC17" s="3"/>
      <c r="DD17" s="3"/>
      <c r="DE17" s="3"/>
      <c r="DF17" s="3"/>
      <c r="DG17" s="3"/>
      <c r="DH17" s="3"/>
      <c r="DI17" s="3"/>
      <c r="DJ17" s="3"/>
      <c r="DK17" s="3"/>
      <c r="DL17" s="3"/>
      <c r="DM17" s="3"/>
      <c r="DN17" s="3"/>
      <c r="DO17" s="3"/>
      <c r="DP17" s="3"/>
      <c r="DQ17" s="3"/>
      <c r="DR17" s="3"/>
      <c r="DS17" s="3"/>
      <c r="DT17" s="3"/>
      <c r="DU17" s="3"/>
      <c r="DV17" s="3"/>
      <c r="DW17" s="3"/>
      <c r="DX17" s="3"/>
      <c r="DY17" s="3"/>
      <c r="DZ17" s="3"/>
      <c r="EA17" s="3"/>
      <c r="EB17" s="3"/>
      <c r="EC17" s="3"/>
      <c r="ED17" s="3"/>
      <c r="EE17" s="3"/>
      <c r="EF17" s="3"/>
      <c r="EG17" s="3"/>
      <c r="EH17" s="3"/>
      <c r="EI17" s="3"/>
      <c r="EJ17" s="3"/>
      <c r="EK17" s="3"/>
      <c r="EL17" s="3"/>
      <c r="EM17" s="3"/>
      <c r="EN17" s="3"/>
      <c r="EO17" s="3"/>
      <c r="EP17" s="3"/>
      <c r="EQ17" s="3"/>
      <c r="ER17" s="3"/>
      <c r="ES17" s="3"/>
      <c r="ET17" s="3"/>
      <c r="EU17" s="3"/>
      <c r="EV17" s="3"/>
      <c r="EW17" s="3"/>
      <c r="EX17" s="3"/>
      <c r="EY17" s="3"/>
      <c r="EZ17" s="3"/>
      <c r="FA17" s="3"/>
      <c r="FB17" s="3"/>
      <c r="FC17" s="3"/>
      <c r="FD17" s="3"/>
      <c r="FE17" s="3"/>
      <c r="FF17" s="3"/>
      <c r="FG17" s="3"/>
      <c r="FH17" s="3"/>
      <c r="FI17" s="3"/>
      <c r="FJ17" s="3"/>
      <c r="FK17" s="3"/>
      <c r="FL17" s="3"/>
      <c r="FM17" s="3"/>
      <c r="FN17" s="3"/>
      <c r="FO17" s="3"/>
      <c r="FP17" s="3"/>
      <c r="FQ17" s="3"/>
      <c r="FR17" s="3"/>
      <c r="FS17" s="3"/>
      <c r="FT17" s="3"/>
      <c r="FU17" s="3"/>
      <c r="FV17" s="3"/>
      <c r="FW17" s="3"/>
      <c r="FX17" s="3"/>
      <c r="FY17" s="3"/>
      <c r="FZ17" s="3"/>
      <c r="GA17" s="3"/>
      <c r="GB17" s="3"/>
      <c r="GC17" s="3"/>
      <c r="GD17" s="3"/>
      <c r="GE17" s="3"/>
      <c r="GF17" s="3"/>
      <c r="GG17" s="3"/>
      <c r="GH17" s="3"/>
      <c r="GI17" s="3"/>
      <c r="GJ17" s="3"/>
      <c r="GK17" s="3"/>
      <c r="GL17" s="3"/>
      <c r="GM17" s="3"/>
      <c r="GN17" s="3"/>
      <c r="GO17" s="3"/>
      <c r="GP17" s="3"/>
      <c r="GQ17" s="3"/>
      <c r="GR17" s="3"/>
      <c r="GS17" s="3"/>
      <c r="GT17" s="3"/>
      <c r="GU17" s="3"/>
      <c r="GV17" s="3"/>
      <c r="GW17" s="3"/>
      <c r="GX17" s="3"/>
      <c r="GY17" s="3"/>
      <c r="GZ17" s="3"/>
      <c r="HA17" s="3"/>
      <c r="HB17" s="3"/>
      <c r="HC17" s="3"/>
      <c r="HD17" s="3"/>
      <c r="HE17" s="3"/>
      <c r="HF17" s="3"/>
      <c r="HG17" s="3"/>
      <c r="HH17" s="3"/>
      <c r="HI17" s="3"/>
      <c r="HJ17" s="3"/>
      <c r="HK17" s="3"/>
      <c r="HL17" s="3"/>
      <c r="HM17" s="3"/>
      <c r="HN17" s="3"/>
      <c r="HO17" s="3"/>
      <c r="HP17" s="3"/>
      <c r="HQ17" s="3"/>
      <c r="HR17" s="3"/>
      <c r="HS17" s="3"/>
      <c r="HT17" s="3"/>
      <c r="HU17" s="3"/>
      <c r="HV17" s="3"/>
      <c r="HW17" s="3"/>
      <c r="HX17" s="3"/>
      <c r="HY17" s="3"/>
      <c r="HZ17" s="3"/>
      <c r="IA17" s="3"/>
      <c r="IB17" s="3"/>
      <c r="IC17" s="3"/>
      <c r="ID17" s="3"/>
      <c r="IE17" s="3"/>
      <c r="IF17" s="3"/>
      <c r="IG17" s="3"/>
      <c r="IH17" s="3"/>
      <c r="II17" s="3"/>
      <c r="IJ17" s="3"/>
      <c r="IK17" s="3"/>
      <c r="IL17" s="3"/>
      <c r="IM17" s="3"/>
      <c r="IN17" s="3"/>
      <c r="IO17" s="3"/>
      <c r="IP17" s="3"/>
      <c r="IQ17" s="3"/>
      <c r="IR17" s="3"/>
      <c r="IS17" s="3"/>
      <c r="IT17" s="3"/>
      <c r="IU17" s="3"/>
      <c r="IV17" s="3"/>
      <c r="IW17" s="3"/>
      <c r="IX17" s="3"/>
    </row>
    <row r="18" spans="1:258" s="1" customFormat="1" ht="7.95" customHeight="1" thickBot="1">
      <c r="A18" s="7"/>
      <c r="B18" s="7"/>
      <c r="C18" s="7"/>
      <c r="D18" s="7"/>
      <c r="E18" s="7"/>
      <c r="F18" s="7"/>
      <c r="G18" s="7"/>
      <c r="H18" s="7"/>
      <c r="I18" s="7"/>
      <c r="J18" s="7"/>
      <c r="K18" s="7"/>
      <c r="L18" s="8"/>
      <c r="M18" s="9"/>
      <c r="N18" s="10"/>
      <c r="O18" s="9"/>
      <c r="P18" s="9"/>
      <c r="Q18" s="154"/>
      <c r="R18" s="154"/>
      <c r="S18" s="154"/>
      <c r="T18" s="127"/>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2"/>
      <c r="BK18" s="2"/>
      <c r="BL18" s="2"/>
      <c r="BM18" s="2"/>
      <c r="BN18" s="2"/>
      <c r="BO18" s="2"/>
      <c r="BP18" s="2"/>
      <c r="BQ18" s="2"/>
      <c r="BR18" s="2"/>
      <c r="BS18" s="2"/>
      <c r="BT18" s="2"/>
      <c r="BU18" s="2"/>
      <c r="BV18" s="2"/>
      <c r="BW18" s="2"/>
      <c r="BX18" s="2"/>
      <c r="BY18" s="2"/>
      <c r="BZ18" s="2"/>
      <c r="CA18" s="2"/>
      <c r="CB18" s="2"/>
      <c r="CC18" s="2"/>
      <c r="CD18" s="2"/>
      <c r="CE18" s="2"/>
      <c r="CF18" s="2"/>
      <c r="CG18" s="2"/>
      <c r="CH18" s="2"/>
      <c r="CI18" s="2"/>
      <c r="CJ18" s="2"/>
      <c r="CK18" s="2"/>
      <c r="CL18" s="2"/>
      <c r="CM18" s="2"/>
      <c r="CN18" s="2"/>
      <c r="CO18" s="2"/>
      <c r="CP18" s="2"/>
      <c r="CQ18" s="2"/>
      <c r="CR18" s="2"/>
      <c r="CS18" s="2"/>
      <c r="CT18" s="2"/>
      <c r="CU18" s="2"/>
      <c r="CV18" s="2"/>
      <c r="CW18" s="2"/>
      <c r="CX18" s="2"/>
      <c r="CY18" s="2"/>
      <c r="CZ18" s="2"/>
      <c r="DA18" s="2"/>
      <c r="DB18" s="2"/>
      <c r="DC18" s="2"/>
      <c r="DD18" s="2"/>
      <c r="DE18" s="2"/>
      <c r="DF18" s="2"/>
      <c r="DG18" s="2"/>
      <c r="DH18" s="2"/>
      <c r="DI18" s="2"/>
      <c r="DJ18" s="2"/>
      <c r="DK18" s="2"/>
      <c r="DL18" s="2"/>
      <c r="DM18" s="2"/>
      <c r="DN18" s="2"/>
      <c r="DO18" s="2"/>
      <c r="DP18" s="2"/>
      <c r="DQ18" s="2"/>
      <c r="DR18" s="2"/>
      <c r="DS18" s="2"/>
      <c r="DT18" s="2"/>
      <c r="DU18" s="2"/>
      <c r="DV18" s="2"/>
      <c r="DW18" s="2"/>
      <c r="DX18" s="2"/>
      <c r="DY18" s="2"/>
      <c r="DZ18" s="2"/>
      <c r="EA18" s="2"/>
      <c r="EB18" s="2"/>
      <c r="EC18" s="2"/>
      <c r="ED18" s="2"/>
      <c r="EE18" s="2"/>
      <c r="EF18" s="2"/>
      <c r="EG18" s="2"/>
      <c r="EH18" s="2"/>
      <c r="EI18" s="2"/>
      <c r="EJ18" s="2"/>
      <c r="EK18" s="2"/>
      <c r="EL18" s="2"/>
      <c r="EM18" s="2"/>
      <c r="EN18" s="2"/>
      <c r="EO18" s="2"/>
      <c r="EP18" s="2"/>
      <c r="EQ18" s="2"/>
      <c r="ER18" s="2"/>
      <c r="ES18" s="2"/>
      <c r="ET18" s="2"/>
      <c r="EU18" s="2"/>
      <c r="EV18" s="2"/>
      <c r="EW18" s="2"/>
      <c r="EX18" s="2"/>
      <c r="EY18" s="2"/>
      <c r="EZ18" s="2"/>
      <c r="FA18" s="2"/>
      <c r="FB18" s="2"/>
      <c r="FC18" s="2"/>
      <c r="FD18" s="2"/>
      <c r="FE18" s="2"/>
      <c r="FF18" s="2"/>
      <c r="FG18" s="2"/>
      <c r="FH18" s="2"/>
      <c r="FI18" s="2"/>
      <c r="FJ18" s="2"/>
      <c r="FK18" s="2"/>
      <c r="FL18" s="2"/>
      <c r="FM18" s="2"/>
      <c r="FN18" s="2"/>
      <c r="FO18" s="2"/>
      <c r="FP18" s="2"/>
      <c r="FQ18" s="2"/>
      <c r="FR18" s="2"/>
      <c r="FS18" s="2"/>
      <c r="FT18" s="2"/>
      <c r="FU18" s="2"/>
      <c r="FV18" s="2"/>
      <c r="FW18" s="2"/>
      <c r="FX18" s="2"/>
      <c r="FY18" s="2"/>
      <c r="FZ18" s="2"/>
      <c r="GA18" s="2"/>
      <c r="GB18" s="2"/>
      <c r="GC18" s="2"/>
      <c r="GD18" s="2"/>
      <c r="GE18" s="2"/>
      <c r="GF18" s="2"/>
      <c r="GG18" s="2"/>
      <c r="GH18" s="2"/>
      <c r="GI18" s="2"/>
      <c r="GJ18" s="2"/>
      <c r="GK18" s="2"/>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2"/>
      <c r="IF18" s="2"/>
      <c r="IG18" s="2"/>
      <c r="IH18" s="2"/>
      <c r="II18" s="2"/>
      <c r="IJ18" s="2"/>
      <c r="IK18" s="2"/>
      <c r="IL18" s="2"/>
      <c r="IM18" s="2"/>
      <c r="IN18" s="2"/>
      <c r="IO18" s="2"/>
      <c r="IP18" s="2"/>
      <c r="IQ18" s="2"/>
      <c r="IR18" s="2"/>
      <c r="IS18" s="2"/>
      <c r="IT18" s="2"/>
      <c r="IU18" s="2"/>
      <c r="IV18" s="2"/>
      <c r="IW18" s="2"/>
      <c r="IX18" s="2"/>
    </row>
    <row r="19" spans="1:258" s="6" customFormat="1" ht="69.900000000000006" customHeight="1" thickBot="1">
      <c r="A19" s="238" t="s">
        <v>16</v>
      </c>
      <c r="B19" s="239"/>
      <c r="C19" s="239"/>
      <c r="D19" s="239"/>
      <c r="E19" s="239"/>
      <c r="F19" s="239"/>
      <c r="G19" s="239"/>
      <c r="H19" s="239"/>
      <c r="I19" s="239"/>
      <c r="J19" s="239"/>
      <c r="K19" s="239"/>
      <c r="L19" s="239"/>
      <c r="M19" s="239"/>
      <c r="N19" s="239"/>
      <c r="O19" s="239"/>
      <c r="P19" s="240"/>
      <c r="Q19" s="155"/>
      <c r="R19" s="13"/>
      <c r="S19" s="241" t="s">
        <v>17</v>
      </c>
      <c r="T19" s="156"/>
    </row>
    <row r="20" spans="1:258" s="6" customFormat="1" ht="69.900000000000006" customHeight="1" thickBot="1">
      <c r="A20" s="242" t="s">
        <v>18</v>
      </c>
      <c r="B20" s="243"/>
      <c r="C20" s="243"/>
      <c r="D20" s="243"/>
      <c r="E20" s="243"/>
      <c r="F20" s="243"/>
      <c r="G20" s="243"/>
      <c r="H20" s="243"/>
      <c r="I20" s="243"/>
      <c r="J20" s="243"/>
      <c r="K20" s="243"/>
      <c r="L20" s="243"/>
      <c r="M20" s="243"/>
      <c r="N20" s="243"/>
      <c r="O20" s="243"/>
      <c r="P20" s="244"/>
      <c r="Q20" s="155"/>
      <c r="R20" s="13"/>
      <c r="S20" s="241"/>
      <c r="T20" s="156"/>
    </row>
    <row r="21" spans="1:258" s="14" customFormat="1" ht="345" customHeight="1" thickTop="1" thickBot="1">
      <c r="A21" s="212" t="s">
        <v>19</v>
      </c>
      <c r="B21" s="213"/>
      <c r="C21" s="213"/>
      <c r="D21" s="213"/>
      <c r="E21" s="213"/>
      <c r="F21" s="213"/>
      <c r="G21" s="213"/>
      <c r="H21" s="213"/>
      <c r="I21" s="213"/>
      <c r="J21" s="213"/>
      <c r="K21" s="213"/>
      <c r="L21" s="214"/>
      <c r="M21" s="213"/>
      <c r="N21" s="213"/>
      <c r="O21" s="11" t="s">
        <v>20</v>
      </c>
      <c r="P21" s="12" t="s">
        <v>21</v>
      </c>
      <c r="Q21" s="129"/>
      <c r="R21" s="13"/>
      <c r="S21" s="130"/>
      <c r="T21" s="156"/>
    </row>
    <row r="22" spans="1:258" s="14" customFormat="1" ht="242.4" customHeight="1" thickTop="1" thickBot="1">
      <c r="A22" s="215" t="s">
        <v>22</v>
      </c>
      <c r="B22" s="216"/>
      <c r="C22" s="216"/>
      <c r="D22" s="216"/>
      <c r="E22" s="216"/>
      <c r="F22" s="216"/>
      <c r="G22" s="216"/>
      <c r="H22" s="216"/>
      <c r="I22" s="216"/>
      <c r="J22" s="216"/>
      <c r="K22" s="216"/>
      <c r="L22" s="217"/>
      <c r="M22" s="216"/>
      <c r="N22" s="216"/>
      <c r="O22" s="11" t="s">
        <v>20</v>
      </c>
      <c r="P22" s="12" t="s">
        <v>21</v>
      </c>
      <c r="Q22" s="129"/>
      <c r="R22" s="13"/>
      <c r="S22" s="130"/>
      <c r="T22" s="156"/>
    </row>
    <row r="23" spans="1:258" s="14" customFormat="1" ht="228.6" customHeight="1" thickTop="1" thickBot="1">
      <c r="A23" s="218" t="s">
        <v>23</v>
      </c>
      <c r="B23" s="219"/>
      <c r="C23" s="219"/>
      <c r="D23" s="219"/>
      <c r="E23" s="219"/>
      <c r="F23" s="219"/>
      <c r="G23" s="219"/>
      <c r="H23" s="219"/>
      <c r="I23" s="219"/>
      <c r="J23" s="219"/>
      <c r="K23" s="219"/>
      <c r="L23" s="220"/>
      <c r="M23" s="219"/>
      <c r="N23" s="15" t="s">
        <v>24</v>
      </c>
      <c r="O23" s="16" t="s">
        <v>20</v>
      </c>
      <c r="P23" s="132" t="s">
        <v>21</v>
      </c>
      <c r="Q23" s="129"/>
      <c r="R23" s="13"/>
      <c r="S23" s="130"/>
      <c r="T23" s="156"/>
    </row>
    <row r="24" spans="1:258" s="6" customFormat="1" ht="69.900000000000006" customHeight="1" thickTop="1">
      <c r="A24" s="221" t="s">
        <v>25</v>
      </c>
      <c r="B24" s="222"/>
      <c r="C24" s="222"/>
      <c r="D24" s="222"/>
      <c r="E24" s="222"/>
      <c r="F24" s="222"/>
      <c r="G24" s="222"/>
      <c r="H24" s="222"/>
      <c r="I24" s="222"/>
      <c r="J24" s="222"/>
      <c r="K24" s="222"/>
      <c r="L24" s="223"/>
      <c r="M24" s="222"/>
      <c r="N24" s="222"/>
      <c r="O24" s="222"/>
      <c r="P24" s="224"/>
      <c r="Q24" s="155"/>
      <c r="R24" s="13"/>
      <c r="S24" s="157"/>
      <c r="T24" s="156"/>
    </row>
    <row r="25" spans="1:258" s="14" customFormat="1" ht="75" customHeight="1">
      <c r="A25" s="225"/>
      <c r="B25" s="226"/>
      <c r="C25" s="226"/>
      <c r="D25" s="226"/>
      <c r="E25" s="226"/>
      <c r="F25" s="226"/>
      <c r="G25" s="226"/>
      <c r="H25" s="226"/>
      <c r="I25" s="226"/>
      <c r="J25" s="226"/>
      <c r="K25" s="226"/>
      <c r="L25" s="227"/>
      <c r="M25" s="226"/>
      <c r="N25" s="226"/>
      <c r="O25" s="226"/>
      <c r="P25" s="228"/>
      <c r="Q25" s="129"/>
      <c r="R25" s="13"/>
      <c r="S25" s="17"/>
      <c r="T25" s="156"/>
    </row>
    <row r="26" spans="1:258" s="14" customFormat="1" ht="75" customHeight="1" thickBot="1">
      <c r="A26" s="229"/>
      <c r="B26" s="230"/>
      <c r="C26" s="230"/>
      <c r="D26" s="230"/>
      <c r="E26" s="230"/>
      <c r="F26" s="230"/>
      <c r="G26" s="230"/>
      <c r="H26" s="230"/>
      <c r="I26" s="230"/>
      <c r="J26" s="230"/>
      <c r="K26" s="230"/>
      <c r="L26" s="231"/>
      <c r="M26" s="230"/>
      <c r="N26" s="230"/>
      <c r="O26" s="230"/>
      <c r="P26" s="232"/>
      <c r="Q26" s="129"/>
      <c r="R26" s="13"/>
      <c r="S26" s="17"/>
      <c r="T26" s="156"/>
    </row>
    <row r="27" spans="1:258" s="6" customFormat="1" ht="69.900000000000006" customHeight="1" thickBot="1">
      <c r="A27" s="245" t="s">
        <v>26</v>
      </c>
      <c r="B27" s="246"/>
      <c r="C27" s="246"/>
      <c r="D27" s="246"/>
      <c r="E27" s="246"/>
      <c r="F27" s="246"/>
      <c r="G27" s="246"/>
      <c r="H27" s="246"/>
      <c r="I27" s="246"/>
      <c r="J27" s="246"/>
      <c r="K27" s="246"/>
      <c r="L27" s="247"/>
      <c r="M27" s="246"/>
      <c r="N27" s="246"/>
      <c r="O27" s="246"/>
      <c r="P27" s="248"/>
      <c r="Q27" s="155"/>
      <c r="R27" s="13"/>
      <c r="S27" s="13"/>
      <c r="T27" s="156"/>
    </row>
    <row r="28" spans="1:258" s="14" customFormat="1" ht="165.75" customHeight="1" thickTop="1" thickBot="1">
      <c r="A28" s="212" t="s">
        <v>27</v>
      </c>
      <c r="B28" s="213"/>
      <c r="C28" s="213"/>
      <c r="D28" s="213"/>
      <c r="E28" s="213"/>
      <c r="F28" s="213"/>
      <c r="G28" s="213"/>
      <c r="H28" s="213"/>
      <c r="I28" s="213"/>
      <c r="J28" s="213"/>
      <c r="K28" s="213"/>
      <c r="L28" s="214"/>
      <c r="M28" s="213"/>
      <c r="N28" s="213"/>
      <c r="O28" s="11" t="s">
        <v>20</v>
      </c>
      <c r="P28" s="12" t="s">
        <v>21</v>
      </c>
      <c r="Q28" s="129"/>
      <c r="R28" s="13"/>
      <c r="S28" s="130"/>
      <c r="T28" s="156"/>
    </row>
    <row r="29" spans="1:258" s="14" customFormat="1" ht="140.1" customHeight="1" thickTop="1" thickBot="1">
      <c r="A29" s="215" t="s">
        <v>28</v>
      </c>
      <c r="B29" s="216"/>
      <c r="C29" s="216"/>
      <c r="D29" s="216"/>
      <c r="E29" s="216"/>
      <c r="F29" s="216"/>
      <c r="G29" s="216"/>
      <c r="H29" s="216"/>
      <c r="I29" s="216"/>
      <c r="J29" s="216"/>
      <c r="K29" s="216"/>
      <c r="L29" s="217"/>
      <c r="M29" s="216"/>
      <c r="N29" s="216"/>
      <c r="O29" s="11" t="s">
        <v>20</v>
      </c>
      <c r="P29" s="12" t="s">
        <v>21</v>
      </c>
      <c r="Q29" s="129"/>
      <c r="R29" s="13"/>
      <c r="S29" s="130"/>
      <c r="T29" s="156"/>
    </row>
    <row r="30" spans="1:258" s="14" customFormat="1" ht="140.1" customHeight="1" thickTop="1" thickBot="1">
      <c r="A30" s="215" t="s">
        <v>29</v>
      </c>
      <c r="B30" s="216"/>
      <c r="C30" s="216"/>
      <c r="D30" s="216"/>
      <c r="E30" s="216"/>
      <c r="F30" s="216"/>
      <c r="G30" s="216"/>
      <c r="H30" s="216"/>
      <c r="I30" s="216"/>
      <c r="J30" s="216"/>
      <c r="K30" s="216"/>
      <c r="L30" s="217"/>
      <c r="M30" s="216"/>
      <c r="N30" s="216"/>
      <c r="O30" s="11" t="s">
        <v>20</v>
      </c>
      <c r="P30" s="12" t="s">
        <v>21</v>
      </c>
      <c r="Q30" s="129"/>
      <c r="R30" s="13"/>
      <c r="S30" s="130"/>
      <c r="T30" s="156"/>
    </row>
    <row r="31" spans="1:258" s="14" customFormat="1" ht="319.5" customHeight="1" thickTop="1" thickBot="1">
      <c r="A31" s="215" t="s">
        <v>30</v>
      </c>
      <c r="B31" s="216"/>
      <c r="C31" s="216"/>
      <c r="D31" s="216"/>
      <c r="E31" s="216"/>
      <c r="F31" s="216"/>
      <c r="G31" s="216"/>
      <c r="H31" s="216"/>
      <c r="I31" s="216"/>
      <c r="J31" s="216"/>
      <c r="K31" s="216"/>
      <c r="L31" s="217"/>
      <c r="M31" s="216"/>
      <c r="N31" s="216"/>
      <c r="O31" s="18" t="s">
        <v>20</v>
      </c>
      <c r="P31" s="19" t="s">
        <v>21</v>
      </c>
      <c r="Q31" s="129"/>
      <c r="R31" s="13"/>
      <c r="S31" s="130"/>
      <c r="T31" s="156"/>
    </row>
    <row r="32" spans="1:258" s="14" customFormat="1" ht="132" customHeight="1" thickTop="1" thickBot="1">
      <c r="A32" s="218" t="s">
        <v>31</v>
      </c>
      <c r="B32" s="219"/>
      <c r="C32" s="219"/>
      <c r="D32" s="219"/>
      <c r="E32" s="219"/>
      <c r="F32" s="219"/>
      <c r="G32" s="219"/>
      <c r="H32" s="219"/>
      <c r="I32" s="219"/>
      <c r="J32" s="219"/>
      <c r="K32" s="219"/>
      <c r="L32" s="220"/>
      <c r="M32" s="219"/>
      <c r="N32" s="219"/>
      <c r="O32" s="16" t="s">
        <v>20</v>
      </c>
      <c r="P32" s="132" t="s">
        <v>21</v>
      </c>
      <c r="Q32" s="129"/>
      <c r="R32" s="13"/>
      <c r="S32" s="130"/>
      <c r="T32" s="156"/>
    </row>
    <row r="33" spans="1:56" s="6" customFormat="1" ht="69.900000000000006" customHeight="1" thickTop="1">
      <c r="A33" s="221" t="s">
        <v>25</v>
      </c>
      <c r="B33" s="222"/>
      <c r="C33" s="222"/>
      <c r="D33" s="222"/>
      <c r="E33" s="222"/>
      <c r="F33" s="222"/>
      <c r="G33" s="222"/>
      <c r="H33" s="222"/>
      <c r="I33" s="222"/>
      <c r="J33" s="222"/>
      <c r="K33" s="222"/>
      <c r="L33" s="223"/>
      <c r="M33" s="222"/>
      <c r="N33" s="222"/>
      <c r="O33" s="222"/>
      <c r="P33" s="224"/>
      <c r="Q33" s="155"/>
      <c r="R33" s="13"/>
      <c r="S33" s="157"/>
      <c r="T33" s="156"/>
    </row>
    <row r="34" spans="1:56" s="14" customFormat="1" ht="75" customHeight="1">
      <c r="A34" s="225"/>
      <c r="B34" s="226"/>
      <c r="C34" s="226"/>
      <c r="D34" s="226"/>
      <c r="E34" s="226"/>
      <c r="F34" s="226"/>
      <c r="G34" s="226"/>
      <c r="H34" s="226"/>
      <c r="I34" s="226"/>
      <c r="J34" s="226"/>
      <c r="K34" s="226"/>
      <c r="L34" s="227"/>
      <c r="M34" s="226"/>
      <c r="N34" s="226"/>
      <c r="O34" s="226"/>
      <c r="P34" s="228"/>
      <c r="Q34" s="129"/>
      <c r="R34" s="13"/>
      <c r="S34" s="17"/>
      <c r="T34" s="156"/>
    </row>
    <row r="35" spans="1:56" s="14" customFormat="1" ht="75" customHeight="1" thickBot="1">
      <c r="A35" s="229"/>
      <c r="B35" s="230"/>
      <c r="C35" s="230"/>
      <c r="D35" s="230"/>
      <c r="E35" s="230"/>
      <c r="F35" s="230"/>
      <c r="G35" s="230"/>
      <c r="H35" s="230"/>
      <c r="I35" s="230"/>
      <c r="J35" s="230"/>
      <c r="K35" s="230"/>
      <c r="L35" s="231"/>
      <c r="M35" s="230"/>
      <c r="N35" s="230"/>
      <c r="O35" s="230"/>
      <c r="P35" s="232"/>
      <c r="Q35" s="129"/>
      <c r="R35" s="13"/>
      <c r="S35" s="17"/>
      <c r="T35" s="156"/>
    </row>
    <row r="36" spans="1:56" s="6" customFormat="1" ht="69.900000000000006" customHeight="1" thickBot="1">
      <c r="A36" s="245" t="s">
        <v>32</v>
      </c>
      <c r="B36" s="246"/>
      <c r="C36" s="246"/>
      <c r="D36" s="246"/>
      <c r="E36" s="246"/>
      <c r="F36" s="246"/>
      <c r="G36" s="246"/>
      <c r="H36" s="246"/>
      <c r="I36" s="246"/>
      <c r="J36" s="246"/>
      <c r="K36" s="246"/>
      <c r="L36" s="247"/>
      <c r="M36" s="246"/>
      <c r="N36" s="246"/>
      <c r="O36" s="246"/>
      <c r="P36" s="248"/>
      <c r="Q36" s="129"/>
      <c r="R36" s="13"/>
      <c r="S36" s="22"/>
      <c r="T36" s="156"/>
      <c r="U36" s="20"/>
      <c r="V36" s="20"/>
      <c r="W36" s="20"/>
      <c r="X36" s="20"/>
      <c r="Y36" s="20"/>
      <c r="Z36" s="20"/>
      <c r="AA36" s="20"/>
      <c r="AB36" s="20"/>
      <c r="AC36" s="20"/>
      <c r="AD36" s="20"/>
      <c r="AE36" s="20"/>
      <c r="AF36" s="20"/>
      <c r="AG36" s="20"/>
      <c r="AH36" s="20"/>
      <c r="AI36" s="20"/>
      <c r="AJ36" s="20"/>
      <c r="AK36" s="20"/>
      <c r="AL36" s="20"/>
      <c r="AM36" s="20"/>
      <c r="AN36" s="20"/>
      <c r="AO36" s="20"/>
      <c r="AP36" s="20"/>
      <c r="AQ36" s="20"/>
      <c r="AR36" s="20"/>
      <c r="AS36" s="20"/>
      <c r="AT36" s="20"/>
      <c r="AU36" s="20"/>
      <c r="AV36" s="20"/>
      <c r="AW36" s="20"/>
      <c r="AX36" s="20"/>
      <c r="AY36" s="20"/>
      <c r="AZ36" s="20"/>
      <c r="BA36" s="20"/>
      <c r="BB36" s="20"/>
      <c r="BC36" s="20"/>
      <c r="BD36" s="20"/>
    </row>
    <row r="37" spans="1:56" s="14" customFormat="1" ht="409.6" customHeight="1" thickTop="1" thickBot="1">
      <c r="A37" s="249" t="s">
        <v>33</v>
      </c>
      <c r="B37" s="250"/>
      <c r="C37" s="250"/>
      <c r="D37" s="250"/>
      <c r="E37" s="250"/>
      <c r="F37" s="250"/>
      <c r="G37" s="250"/>
      <c r="H37" s="250"/>
      <c r="I37" s="250"/>
      <c r="J37" s="250"/>
      <c r="K37" s="250"/>
      <c r="L37" s="251"/>
      <c r="M37" s="250"/>
      <c r="N37" s="250"/>
      <c r="O37" s="254" t="s">
        <v>20</v>
      </c>
      <c r="P37" s="256" t="s">
        <v>21</v>
      </c>
      <c r="Q37" s="129"/>
      <c r="R37" s="13"/>
      <c r="S37" s="259"/>
      <c r="T37" s="50"/>
      <c r="U37" s="21"/>
      <c r="V37" s="21"/>
      <c r="W37" s="21"/>
      <c r="X37" s="21"/>
      <c r="Y37" s="21"/>
      <c r="Z37" s="21"/>
      <c r="AA37" s="21"/>
      <c r="AB37" s="21"/>
      <c r="AC37" s="21"/>
      <c r="AD37" s="21"/>
      <c r="AE37" s="21"/>
      <c r="AF37" s="21"/>
      <c r="AG37" s="21"/>
      <c r="AH37" s="21"/>
      <c r="AI37" s="21"/>
      <c r="AJ37" s="21"/>
      <c r="AK37" s="21"/>
      <c r="AL37" s="21"/>
      <c r="AM37" s="21"/>
      <c r="AN37" s="21"/>
      <c r="AO37" s="21"/>
      <c r="AP37" s="21"/>
      <c r="AQ37" s="21"/>
      <c r="AR37" s="21"/>
      <c r="AS37" s="21"/>
      <c r="AT37" s="21"/>
      <c r="AU37" s="21"/>
      <c r="AV37" s="21"/>
      <c r="AW37" s="21"/>
      <c r="AX37" s="21"/>
      <c r="AY37" s="21"/>
      <c r="AZ37" s="21"/>
      <c r="BA37" s="21"/>
      <c r="BB37" s="21"/>
      <c r="BC37" s="21"/>
      <c r="BD37" s="21"/>
    </row>
    <row r="38" spans="1:56" s="14" customFormat="1" ht="322.5" customHeight="1" thickTop="1" thickBot="1">
      <c r="A38" s="252"/>
      <c r="B38" s="253"/>
      <c r="C38" s="253"/>
      <c r="D38" s="253"/>
      <c r="E38" s="253"/>
      <c r="F38" s="253"/>
      <c r="G38" s="253"/>
      <c r="H38" s="253"/>
      <c r="I38" s="253"/>
      <c r="J38" s="253"/>
      <c r="K38" s="253"/>
      <c r="L38" s="251"/>
      <c r="M38" s="253"/>
      <c r="N38" s="253"/>
      <c r="O38" s="255"/>
      <c r="P38" s="257"/>
      <c r="Q38" s="129"/>
      <c r="R38" s="13"/>
      <c r="S38" s="260"/>
      <c r="T38" s="50"/>
      <c r="U38" s="21"/>
      <c r="V38" s="21"/>
      <c r="W38" s="21"/>
      <c r="X38" s="21"/>
      <c r="Y38" s="21"/>
      <c r="Z38" s="21"/>
      <c r="AA38" s="21"/>
      <c r="AB38" s="21"/>
      <c r="AC38" s="21"/>
      <c r="AD38" s="21"/>
      <c r="AE38" s="21"/>
      <c r="AF38" s="21"/>
      <c r="AG38" s="21"/>
      <c r="AH38" s="21"/>
      <c r="AI38" s="21"/>
      <c r="AJ38" s="21"/>
      <c r="AK38" s="21"/>
      <c r="AL38" s="21"/>
      <c r="AM38" s="21"/>
      <c r="AN38" s="21"/>
      <c r="AO38" s="21"/>
      <c r="AP38" s="21"/>
      <c r="AQ38" s="21"/>
      <c r="AR38" s="21"/>
      <c r="AS38" s="21"/>
      <c r="AT38" s="21"/>
      <c r="AU38" s="21"/>
      <c r="AV38" s="21"/>
      <c r="AW38" s="21"/>
      <c r="AX38" s="21"/>
      <c r="AY38" s="21"/>
      <c r="AZ38" s="21"/>
      <c r="BA38" s="21"/>
      <c r="BB38" s="21"/>
      <c r="BC38" s="21"/>
      <c r="BD38" s="21"/>
    </row>
    <row r="39" spans="1:56" s="14" customFormat="1" ht="140.1" customHeight="1" thickTop="1" thickBot="1">
      <c r="A39" s="215" t="s">
        <v>34</v>
      </c>
      <c r="B39" s="216"/>
      <c r="C39" s="216"/>
      <c r="D39" s="216"/>
      <c r="E39" s="216"/>
      <c r="F39" s="216"/>
      <c r="G39" s="216"/>
      <c r="H39" s="216"/>
      <c r="I39" s="216"/>
      <c r="J39" s="216"/>
      <c r="K39" s="216"/>
      <c r="L39" s="217"/>
      <c r="M39" s="216"/>
      <c r="N39" s="216"/>
      <c r="O39" s="11" t="s">
        <v>20</v>
      </c>
      <c r="P39" s="12" t="s">
        <v>21</v>
      </c>
      <c r="Q39" s="129"/>
      <c r="R39" s="13"/>
      <c r="S39" s="130"/>
      <c r="T39" s="50"/>
      <c r="U39" s="21"/>
      <c r="V39" s="21"/>
      <c r="W39" s="21"/>
      <c r="X39" s="21"/>
      <c r="Y39" s="21"/>
      <c r="Z39" s="21"/>
      <c r="AA39" s="21"/>
      <c r="AB39" s="21"/>
      <c r="AC39" s="21"/>
      <c r="AD39" s="21"/>
      <c r="AE39" s="21"/>
      <c r="AF39" s="21"/>
      <c r="AG39" s="21"/>
      <c r="AH39" s="21"/>
      <c r="AI39" s="21"/>
      <c r="AJ39" s="21"/>
      <c r="AK39" s="21"/>
      <c r="AL39" s="21"/>
      <c r="AM39" s="21"/>
      <c r="AN39" s="21"/>
      <c r="AO39" s="21"/>
      <c r="AP39" s="21"/>
      <c r="AQ39" s="21"/>
      <c r="AR39" s="21"/>
      <c r="AS39" s="21"/>
      <c r="AT39" s="21"/>
      <c r="AU39" s="21"/>
      <c r="AV39" s="21"/>
      <c r="AW39" s="21"/>
      <c r="AX39" s="21"/>
      <c r="AY39" s="21"/>
      <c r="AZ39" s="21"/>
      <c r="BA39" s="21"/>
      <c r="BB39" s="21"/>
      <c r="BC39" s="21"/>
      <c r="BD39" s="21"/>
    </row>
    <row r="40" spans="1:56" s="14" customFormat="1" ht="140.1" customHeight="1" thickTop="1" thickBot="1">
      <c r="A40" s="218" t="s">
        <v>35</v>
      </c>
      <c r="B40" s="219"/>
      <c r="C40" s="219"/>
      <c r="D40" s="219"/>
      <c r="E40" s="219"/>
      <c r="F40" s="219"/>
      <c r="G40" s="219"/>
      <c r="H40" s="219"/>
      <c r="I40" s="219"/>
      <c r="J40" s="219"/>
      <c r="K40" s="219"/>
      <c r="L40" s="220"/>
      <c r="M40" s="219"/>
      <c r="N40" s="219"/>
      <c r="O40" s="16" t="s">
        <v>20</v>
      </c>
      <c r="P40" s="132" t="s">
        <v>21</v>
      </c>
      <c r="Q40" s="129"/>
      <c r="R40" s="13"/>
      <c r="S40" s="130"/>
      <c r="T40" s="50"/>
      <c r="U40" s="21"/>
      <c r="V40" s="21"/>
      <c r="W40" s="21"/>
      <c r="X40" s="21"/>
      <c r="Y40" s="21"/>
      <c r="Z40" s="21"/>
      <c r="AA40" s="21"/>
      <c r="AB40" s="21"/>
      <c r="AC40" s="21"/>
      <c r="AD40" s="21"/>
      <c r="AE40" s="21"/>
      <c r="AF40" s="21"/>
      <c r="AG40" s="21"/>
      <c r="AH40" s="21"/>
      <c r="AI40" s="21"/>
      <c r="AJ40" s="21"/>
      <c r="AK40" s="21"/>
      <c r="AL40" s="21"/>
      <c r="AM40" s="21"/>
      <c r="AN40" s="21"/>
      <c r="AO40" s="21"/>
      <c r="AP40" s="21"/>
      <c r="AQ40" s="21"/>
      <c r="AR40" s="21"/>
      <c r="AS40" s="21"/>
      <c r="AT40" s="21"/>
      <c r="AU40" s="21"/>
      <c r="AV40" s="21"/>
      <c r="AW40" s="21"/>
      <c r="AX40" s="21"/>
      <c r="AY40" s="21"/>
      <c r="AZ40" s="21"/>
      <c r="BA40" s="21"/>
      <c r="BB40" s="21"/>
      <c r="BC40" s="21"/>
      <c r="BD40" s="21"/>
    </row>
    <row r="41" spans="1:56" s="6" customFormat="1" ht="69.900000000000006" customHeight="1" thickTop="1">
      <c r="A41" s="221" t="s">
        <v>25</v>
      </c>
      <c r="B41" s="222"/>
      <c r="C41" s="222"/>
      <c r="D41" s="222"/>
      <c r="E41" s="222"/>
      <c r="F41" s="222"/>
      <c r="G41" s="222"/>
      <c r="H41" s="222"/>
      <c r="I41" s="222"/>
      <c r="J41" s="222"/>
      <c r="K41" s="222"/>
      <c r="L41" s="223"/>
      <c r="M41" s="222"/>
      <c r="N41" s="222"/>
      <c r="O41" s="222"/>
      <c r="P41" s="224"/>
      <c r="Q41" s="155"/>
      <c r="R41" s="13"/>
      <c r="S41" s="157"/>
      <c r="T41" s="156"/>
    </row>
    <row r="42" spans="1:56" s="14" customFormat="1" ht="75" customHeight="1">
      <c r="A42" s="225"/>
      <c r="B42" s="226"/>
      <c r="C42" s="226"/>
      <c r="D42" s="226"/>
      <c r="E42" s="226"/>
      <c r="F42" s="226"/>
      <c r="G42" s="226"/>
      <c r="H42" s="226"/>
      <c r="I42" s="226"/>
      <c r="J42" s="226"/>
      <c r="K42" s="226"/>
      <c r="L42" s="227"/>
      <c r="M42" s="226"/>
      <c r="N42" s="226"/>
      <c r="O42" s="226"/>
      <c r="P42" s="228"/>
      <c r="Q42" s="129"/>
      <c r="R42" s="13"/>
      <c r="S42" s="17"/>
      <c r="T42" s="156"/>
    </row>
    <row r="43" spans="1:56" s="14" customFormat="1" ht="75" customHeight="1" thickBot="1">
      <c r="A43" s="229"/>
      <c r="B43" s="230"/>
      <c r="C43" s="230"/>
      <c r="D43" s="230"/>
      <c r="E43" s="230"/>
      <c r="F43" s="230"/>
      <c r="G43" s="230"/>
      <c r="H43" s="230"/>
      <c r="I43" s="230"/>
      <c r="J43" s="230"/>
      <c r="K43" s="230"/>
      <c r="L43" s="231"/>
      <c r="M43" s="230"/>
      <c r="N43" s="230"/>
      <c r="O43" s="230"/>
      <c r="P43" s="232"/>
      <c r="Q43" s="129"/>
      <c r="R43" s="13"/>
      <c r="S43" s="207"/>
      <c r="T43" s="156"/>
    </row>
    <row r="44" spans="1:56" s="6" customFormat="1" ht="69.900000000000006" customHeight="1" thickBot="1">
      <c r="A44" s="245" t="s">
        <v>36</v>
      </c>
      <c r="B44" s="246"/>
      <c r="C44" s="246"/>
      <c r="D44" s="246"/>
      <c r="E44" s="246"/>
      <c r="F44" s="246"/>
      <c r="G44" s="246"/>
      <c r="H44" s="246"/>
      <c r="I44" s="246"/>
      <c r="J44" s="246"/>
      <c r="K44" s="246"/>
      <c r="L44" s="247"/>
      <c r="M44" s="246"/>
      <c r="N44" s="246"/>
      <c r="O44" s="246"/>
      <c r="P44" s="248"/>
      <c r="Q44" s="129"/>
      <c r="R44" s="13"/>
      <c r="S44" s="206" t="s">
        <v>37</v>
      </c>
      <c r="T44" s="50"/>
      <c r="U44" s="20"/>
      <c r="V44" s="20"/>
      <c r="W44" s="20"/>
      <c r="X44" s="20"/>
      <c r="Y44" s="20"/>
      <c r="Z44" s="20"/>
      <c r="AA44" s="20"/>
      <c r="AB44" s="20"/>
      <c r="AC44" s="20"/>
      <c r="AD44" s="20"/>
      <c r="AE44" s="20"/>
      <c r="AF44" s="20"/>
      <c r="AG44" s="20"/>
      <c r="AH44" s="20"/>
      <c r="AI44" s="20"/>
      <c r="AJ44" s="20"/>
      <c r="AK44" s="20"/>
      <c r="AL44" s="20"/>
      <c r="AM44" s="20"/>
      <c r="AN44" s="20"/>
      <c r="AO44" s="20"/>
      <c r="AP44" s="20"/>
      <c r="AQ44" s="20"/>
      <c r="AR44" s="20"/>
      <c r="AS44" s="20"/>
      <c r="AT44" s="20"/>
      <c r="AU44" s="20"/>
      <c r="AV44" s="20"/>
      <c r="AW44" s="20"/>
      <c r="AX44" s="20"/>
      <c r="AY44" s="20"/>
      <c r="AZ44" s="20"/>
      <c r="BA44" s="20"/>
      <c r="BB44" s="20"/>
      <c r="BC44" s="20"/>
      <c r="BD44" s="20"/>
    </row>
    <row r="45" spans="1:56" s="14" customFormat="1" ht="69.900000000000006" customHeight="1" thickBot="1">
      <c r="A45" s="212" t="s">
        <v>38</v>
      </c>
      <c r="B45" s="213"/>
      <c r="C45" s="213"/>
      <c r="D45" s="213"/>
      <c r="E45" s="213"/>
      <c r="F45" s="213"/>
      <c r="G45" s="213"/>
      <c r="H45" s="213"/>
      <c r="I45" s="213"/>
      <c r="J45" s="213"/>
      <c r="K45" s="213"/>
      <c r="L45" s="214"/>
      <c r="M45" s="213"/>
      <c r="N45" s="213"/>
      <c r="O45" s="213"/>
      <c r="P45" s="258"/>
      <c r="Q45" s="129"/>
      <c r="R45" s="13"/>
      <c r="S45" s="22"/>
      <c r="T45" s="50"/>
      <c r="U45" s="21"/>
      <c r="V45" s="21"/>
      <c r="W45" s="21"/>
      <c r="X45" s="21"/>
      <c r="Y45" s="21"/>
      <c r="Z45" s="21"/>
      <c r="AA45" s="21"/>
      <c r="AB45" s="21"/>
      <c r="AC45" s="21"/>
      <c r="AD45" s="21"/>
      <c r="AE45" s="21"/>
      <c r="AF45" s="21"/>
      <c r="AG45" s="21"/>
      <c r="AH45" s="21"/>
      <c r="AI45" s="21"/>
      <c r="AJ45" s="21"/>
      <c r="AK45" s="21"/>
      <c r="AL45" s="21"/>
      <c r="AM45" s="21"/>
      <c r="AN45" s="21"/>
      <c r="AO45" s="21"/>
      <c r="AP45" s="21"/>
      <c r="AQ45" s="21"/>
      <c r="AR45" s="21"/>
      <c r="AS45" s="21"/>
      <c r="AT45" s="21"/>
      <c r="AU45" s="21"/>
      <c r="AV45" s="21"/>
      <c r="AW45" s="21"/>
      <c r="AX45" s="21"/>
      <c r="AY45" s="21"/>
      <c r="AZ45" s="21"/>
      <c r="BA45" s="21"/>
      <c r="BB45" s="21"/>
      <c r="BC45" s="21"/>
      <c r="BD45" s="21"/>
    </row>
    <row r="46" spans="1:56" s="14" customFormat="1" ht="409.5" customHeight="1" thickTop="1" thickBot="1">
      <c r="A46" s="218" t="s">
        <v>39</v>
      </c>
      <c r="B46" s="219"/>
      <c r="C46" s="219"/>
      <c r="D46" s="219"/>
      <c r="E46" s="219"/>
      <c r="F46" s="219"/>
      <c r="G46" s="219"/>
      <c r="H46" s="219"/>
      <c r="I46" s="219"/>
      <c r="J46" s="219"/>
      <c r="K46" s="219"/>
      <c r="L46" s="220"/>
      <c r="M46" s="219"/>
      <c r="N46" s="219"/>
      <c r="O46" s="11" t="s">
        <v>20</v>
      </c>
      <c r="P46" s="12" t="s">
        <v>21</v>
      </c>
      <c r="Q46" s="129"/>
      <c r="R46" s="13"/>
      <c r="S46" s="130"/>
      <c r="T46" s="50"/>
      <c r="U46" s="21"/>
      <c r="V46" s="21"/>
      <c r="W46" s="21"/>
      <c r="X46" s="21"/>
      <c r="Y46" s="21"/>
      <c r="Z46" s="21"/>
      <c r="AA46" s="21"/>
      <c r="AB46" s="21"/>
      <c r="AC46" s="21"/>
      <c r="AD46" s="21"/>
      <c r="AE46" s="21"/>
      <c r="AF46" s="21"/>
      <c r="AG46" s="21"/>
      <c r="AH46" s="21"/>
      <c r="AI46" s="21"/>
      <c r="AJ46" s="21"/>
      <c r="AK46" s="21"/>
      <c r="AL46" s="21"/>
      <c r="AM46" s="21"/>
      <c r="AN46" s="21"/>
      <c r="AO46" s="21"/>
      <c r="AP46" s="21"/>
      <c r="AQ46" s="21"/>
      <c r="AR46" s="21"/>
      <c r="AS46" s="21"/>
      <c r="AT46" s="21"/>
      <c r="AU46" s="21"/>
      <c r="AV46" s="21"/>
      <c r="AW46" s="21"/>
      <c r="AX46" s="21"/>
      <c r="AY46" s="21"/>
      <c r="AZ46" s="21"/>
      <c r="BA46" s="21"/>
      <c r="BB46" s="21"/>
      <c r="BC46" s="21"/>
      <c r="BD46" s="21"/>
    </row>
    <row r="47" spans="1:56" s="14" customFormat="1" ht="140.1" customHeight="1" thickTop="1" thickBot="1">
      <c r="A47" s="215" t="s">
        <v>40</v>
      </c>
      <c r="B47" s="216"/>
      <c r="C47" s="216"/>
      <c r="D47" s="216"/>
      <c r="E47" s="216"/>
      <c r="F47" s="216"/>
      <c r="G47" s="216"/>
      <c r="H47" s="216"/>
      <c r="I47" s="216"/>
      <c r="J47" s="216"/>
      <c r="K47" s="216"/>
      <c r="L47" s="217"/>
      <c r="M47" s="216"/>
      <c r="N47" s="216"/>
      <c r="O47" s="11" t="s">
        <v>20</v>
      </c>
      <c r="P47" s="12" t="s">
        <v>21</v>
      </c>
      <c r="Q47" s="129"/>
      <c r="R47" s="13"/>
      <c r="S47" s="130"/>
      <c r="T47" s="50"/>
      <c r="U47" s="21"/>
      <c r="V47" s="21"/>
      <c r="W47" s="21"/>
      <c r="X47" s="21"/>
      <c r="Y47" s="21"/>
      <c r="Z47" s="21"/>
      <c r="AA47" s="21"/>
      <c r="AB47" s="21"/>
      <c r="AC47" s="21"/>
      <c r="AD47" s="21"/>
      <c r="AE47" s="21"/>
      <c r="AF47" s="21"/>
      <c r="AG47" s="21"/>
      <c r="AH47" s="21"/>
      <c r="AI47" s="21"/>
      <c r="AJ47" s="21"/>
      <c r="AK47" s="21"/>
      <c r="AL47" s="21"/>
      <c r="AM47" s="21"/>
      <c r="AN47" s="21"/>
      <c r="AO47" s="21"/>
      <c r="AP47" s="21"/>
      <c r="AQ47" s="21"/>
      <c r="AR47" s="21"/>
      <c r="AS47" s="21"/>
      <c r="AT47" s="21"/>
      <c r="AU47" s="21"/>
      <c r="AV47" s="21"/>
      <c r="AW47" s="21"/>
      <c r="AX47" s="21"/>
      <c r="AY47" s="21"/>
      <c r="AZ47" s="21"/>
      <c r="BA47" s="21"/>
      <c r="BB47" s="21"/>
      <c r="BC47" s="21"/>
      <c r="BD47" s="21"/>
    </row>
    <row r="48" spans="1:56" s="14" customFormat="1" ht="140.1" customHeight="1" thickTop="1" thickBot="1">
      <c r="A48" s="215" t="s">
        <v>41</v>
      </c>
      <c r="B48" s="216"/>
      <c r="C48" s="216"/>
      <c r="D48" s="216"/>
      <c r="E48" s="216"/>
      <c r="F48" s="216"/>
      <c r="G48" s="216"/>
      <c r="H48" s="216"/>
      <c r="I48" s="216"/>
      <c r="J48" s="216"/>
      <c r="K48" s="216"/>
      <c r="L48" s="217"/>
      <c r="M48" s="216"/>
      <c r="N48" s="23" t="s">
        <v>24</v>
      </c>
      <c r="O48" s="11" t="s">
        <v>20</v>
      </c>
      <c r="P48" s="12" t="s">
        <v>21</v>
      </c>
      <c r="Q48" s="129"/>
      <c r="R48" s="13"/>
      <c r="S48" s="130"/>
      <c r="T48" s="50"/>
      <c r="U48" s="21"/>
      <c r="V48" s="21"/>
      <c r="W48" s="21"/>
      <c r="X48" s="21"/>
      <c r="Y48" s="21"/>
      <c r="Z48" s="21"/>
      <c r="AA48" s="21"/>
      <c r="AB48" s="21"/>
      <c r="AC48" s="21"/>
      <c r="AD48" s="21"/>
      <c r="AE48" s="21"/>
      <c r="AF48" s="21"/>
      <c r="AG48" s="21"/>
      <c r="AH48" s="21"/>
      <c r="AI48" s="21"/>
      <c r="AJ48" s="21"/>
      <c r="AK48" s="21"/>
      <c r="AL48" s="21"/>
      <c r="AM48" s="21"/>
      <c r="AN48" s="21"/>
      <c r="AO48" s="21"/>
      <c r="AP48" s="21"/>
      <c r="AQ48" s="21"/>
      <c r="AR48" s="21"/>
      <c r="AS48" s="21"/>
      <c r="AT48" s="21"/>
      <c r="AU48" s="21"/>
      <c r="AV48" s="21"/>
      <c r="AW48" s="21"/>
      <c r="AX48" s="21"/>
      <c r="AY48" s="21"/>
      <c r="AZ48" s="21"/>
      <c r="BA48" s="21"/>
      <c r="BB48" s="21"/>
      <c r="BC48" s="21"/>
      <c r="BD48" s="21"/>
    </row>
    <row r="49" spans="1:56" s="14" customFormat="1" ht="140.1" customHeight="1" thickTop="1" thickBot="1">
      <c r="A49" s="215" t="s">
        <v>42</v>
      </c>
      <c r="B49" s="216"/>
      <c r="C49" s="216"/>
      <c r="D49" s="216"/>
      <c r="E49" s="216"/>
      <c r="F49" s="216"/>
      <c r="G49" s="216"/>
      <c r="H49" s="216"/>
      <c r="I49" s="216"/>
      <c r="J49" s="216"/>
      <c r="K49" s="216"/>
      <c r="L49" s="217"/>
      <c r="M49" s="216"/>
      <c r="N49" s="23" t="s">
        <v>24</v>
      </c>
      <c r="O49" s="11" t="s">
        <v>20</v>
      </c>
      <c r="P49" s="12" t="s">
        <v>21</v>
      </c>
      <c r="Q49" s="129"/>
      <c r="R49" s="13"/>
      <c r="S49" s="130"/>
      <c r="T49" s="50"/>
      <c r="U49" s="21"/>
      <c r="V49" s="21"/>
      <c r="W49" s="21"/>
      <c r="X49" s="21"/>
      <c r="Y49" s="21"/>
      <c r="Z49" s="21"/>
      <c r="AA49" s="21"/>
      <c r="AB49" s="21"/>
      <c r="AC49" s="21"/>
      <c r="AD49" s="21"/>
      <c r="AE49" s="21"/>
      <c r="AF49" s="21"/>
      <c r="AG49" s="21"/>
      <c r="AH49" s="21"/>
      <c r="AI49" s="21"/>
      <c r="AJ49" s="21"/>
      <c r="AK49" s="21"/>
      <c r="AL49" s="21"/>
      <c r="AM49" s="21"/>
      <c r="AN49" s="21"/>
      <c r="AO49" s="21"/>
      <c r="AP49" s="21"/>
      <c r="AQ49" s="21"/>
      <c r="AR49" s="21"/>
      <c r="AS49" s="21"/>
      <c r="AT49" s="21"/>
      <c r="AU49" s="21"/>
      <c r="AV49" s="21"/>
      <c r="AW49" s="21"/>
      <c r="AX49" s="21"/>
      <c r="AY49" s="21"/>
      <c r="AZ49" s="21"/>
      <c r="BA49" s="21"/>
      <c r="BB49" s="21"/>
      <c r="BC49" s="21"/>
      <c r="BD49" s="21"/>
    </row>
    <row r="50" spans="1:56" s="14" customFormat="1" ht="140.1" customHeight="1" thickTop="1" thickBot="1">
      <c r="A50" s="215" t="s">
        <v>43</v>
      </c>
      <c r="B50" s="216"/>
      <c r="C50" s="216"/>
      <c r="D50" s="216"/>
      <c r="E50" s="216"/>
      <c r="F50" s="216"/>
      <c r="G50" s="216"/>
      <c r="H50" s="216"/>
      <c r="I50" s="216"/>
      <c r="J50" s="216"/>
      <c r="K50" s="216"/>
      <c r="L50" s="217"/>
      <c r="M50" s="216"/>
      <c r="N50" s="23" t="s">
        <v>24</v>
      </c>
      <c r="O50" s="11" t="s">
        <v>20</v>
      </c>
      <c r="P50" s="12" t="s">
        <v>21</v>
      </c>
      <c r="Q50" s="129"/>
      <c r="R50" s="13"/>
      <c r="S50" s="130"/>
      <c r="T50" s="50"/>
      <c r="U50" s="21"/>
      <c r="V50" s="21"/>
      <c r="W50" s="21"/>
      <c r="X50" s="21"/>
      <c r="Y50" s="21"/>
      <c r="Z50" s="21"/>
      <c r="AA50" s="21"/>
      <c r="AB50" s="21"/>
      <c r="AC50" s="21"/>
      <c r="AD50" s="21"/>
      <c r="AE50" s="21"/>
      <c r="AF50" s="21"/>
      <c r="AG50" s="21"/>
      <c r="AH50" s="21"/>
      <c r="AI50" s="21"/>
      <c r="AJ50" s="21"/>
      <c r="AK50" s="21"/>
      <c r="AL50" s="21"/>
      <c r="AM50" s="21"/>
      <c r="AN50" s="21"/>
      <c r="AO50" s="21"/>
      <c r="AP50" s="21"/>
      <c r="AQ50" s="21"/>
      <c r="AR50" s="21"/>
      <c r="AS50" s="21"/>
      <c r="AT50" s="21"/>
      <c r="AU50" s="21"/>
      <c r="AV50" s="21"/>
      <c r="AW50" s="21"/>
      <c r="AX50" s="21"/>
      <c r="AY50" s="21"/>
      <c r="AZ50" s="21"/>
      <c r="BA50" s="21"/>
      <c r="BB50" s="21"/>
      <c r="BC50" s="21"/>
      <c r="BD50" s="21"/>
    </row>
    <row r="51" spans="1:56" s="14" customFormat="1" ht="140.1" customHeight="1" thickTop="1" thickBot="1">
      <c r="A51" s="215" t="s">
        <v>44</v>
      </c>
      <c r="B51" s="216"/>
      <c r="C51" s="216"/>
      <c r="D51" s="216"/>
      <c r="E51" s="216"/>
      <c r="F51" s="216"/>
      <c r="G51" s="216"/>
      <c r="H51" s="216"/>
      <c r="I51" s="216"/>
      <c r="J51" s="216"/>
      <c r="K51" s="216"/>
      <c r="L51" s="217"/>
      <c r="M51" s="216"/>
      <c r="N51" s="23" t="s">
        <v>24</v>
      </c>
      <c r="O51" s="11" t="s">
        <v>20</v>
      </c>
      <c r="P51" s="12" t="s">
        <v>21</v>
      </c>
      <c r="Q51" s="129"/>
      <c r="R51" s="13"/>
      <c r="S51" s="130"/>
      <c r="T51" s="50"/>
      <c r="U51" s="21"/>
      <c r="V51" s="21"/>
      <c r="W51" s="21"/>
      <c r="X51" s="21"/>
      <c r="Y51" s="21"/>
      <c r="Z51" s="21"/>
      <c r="AA51" s="21"/>
      <c r="AB51" s="21"/>
      <c r="AC51" s="21"/>
      <c r="AD51" s="21"/>
      <c r="AE51" s="21"/>
      <c r="AF51" s="21"/>
      <c r="AG51" s="21"/>
      <c r="AH51" s="21"/>
      <c r="AI51" s="21"/>
      <c r="AJ51" s="21"/>
      <c r="AK51" s="21"/>
      <c r="AL51" s="21"/>
      <c r="AM51" s="21"/>
      <c r="AN51" s="21"/>
      <c r="AO51" s="21"/>
      <c r="AP51" s="21"/>
      <c r="AQ51" s="21"/>
      <c r="AR51" s="21"/>
      <c r="AS51" s="21"/>
      <c r="AT51" s="21"/>
      <c r="AU51" s="21"/>
      <c r="AV51" s="21"/>
      <c r="AW51" s="21"/>
      <c r="AX51" s="21"/>
      <c r="AY51" s="21"/>
      <c r="AZ51" s="21"/>
      <c r="BA51" s="21"/>
      <c r="BB51" s="21"/>
      <c r="BC51" s="21"/>
      <c r="BD51" s="21"/>
    </row>
    <row r="52" spans="1:56" s="14" customFormat="1" ht="140.1" customHeight="1" thickTop="1" thickBot="1">
      <c r="A52" s="215" t="s">
        <v>45</v>
      </c>
      <c r="B52" s="216"/>
      <c r="C52" s="216"/>
      <c r="D52" s="216"/>
      <c r="E52" s="216"/>
      <c r="F52" s="216"/>
      <c r="G52" s="216"/>
      <c r="H52" s="216"/>
      <c r="I52" s="216"/>
      <c r="J52" s="216"/>
      <c r="K52" s="216"/>
      <c r="L52" s="217"/>
      <c r="M52" s="216"/>
      <c r="N52" s="216"/>
      <c r="O52" s="11" t="s">
        <v>20</v>
      </c>
      <c r="P52" s="12" t="s">
        <v>21</v>
      </c>
      <c r="Q52" s="129"/>
      <c r="R52" s="13"/>
      <c r="S52" s="130"/>
      <c r="T52" s="50"/>
      <c r="U52" s="21"/>
      <c r="V52" s="21"/>
      <c r="W52" s="21"/>
      <c r="X52" s="21"/>
      <c r="Y52" s="21"/>
      <c r="Z52" s="21"/>
      <c r="AA52" s="21"/>
      <c r="AB52" s="21"/>
      <c r="AC52" s="21"/>
      <c r="AD52" s="21"/>
      <c r="AE52" s="21"/>
      <c r="AF52" s="21"/>
      <c r="AG52" s="21"/>
      <c r="AH52" s="21"/>
      <c r="AI52" s="21"/>
      <c r="AJ52" s="21"/>
      <c r="AK52" s="21"/>
      <c r="AL52" s="21"/>
      <c r="AM52" s="21"/>
      <c r="AN52" s="21"/>
      <c r="AO52" s="21"/>
      <c r="AP52" s="21"/>
      <c r="AQ52" s="21"/>
      <c r="AR52" s="21"/>
      <c r="AS52" s="21"/>
      <c r="AT52" s="21"/>
      <c r="AU52" s="21"/>
      <c r="AV52" s="21"/>
      <c r="AW52" s="21"/>
      <c r="AX52" s="21"/>
      <c r="AY52" s="21"/>
      <c r="AZ52" s="21"/>
      <c r="BA52" s="21"/>
      <c r="BB52" s="21"/>
      <c r="BC52" s="21"/>
      <c r="BD52" s="21"/>
    </row>
    <row r="53" spans="1:56" s="14" customFormat="1" ht="140.1" customHeight="1" thickTop="1" thickBot="1">
      <c r="A53" s="218" t="s">
        <v>46</v>
      </c>
      <c r="B53" s="219"/>
      <c r="C53" s="219"/>
      <c r="D53" s="219"/>
      <c r="E53" s="219"/>
      <c r="F53" s="219"/>
      <c r="G53" s="219"/>
      <c r="H53" s="219"/>
      <c r="I53" s="219"/>
      <c r="J53" s="219"/>
      <c r="K53" s="219"/>
      <c r="L53" s="220"/>
      <c r="M53" s="219"/>
      <c r="N53" s="219"/>
      <c r="O53" s="16" t="s">
        <v>20</v>
      </c>
      <c r="P53" s="132" t="s">
        <v>21</v>
      </c>
      <c r="Q53" s="129"/>
      <c r="R53" s="13"/>
      <c r="S53" s="130"/>
      <c r="T53" s="50"/>
      <c r="U53" s="21"/>
      <c r="V53" s="21"/>
      <c r="W53" s="21"/>
      <c r="X53" s="21"/>
      <c r="Y53" s="21"/>
      <c r="Z53" s="21"/>
      <c r="AA53" s="21"/>
      <c r="AB53" s="21"/>
      <c r="AC53" s="21"/>
      <c r="AD53" s="21"/>
      <c r="AE53" s="21"/>
      <c r="AF53" s="21"/>
      <c r="AG53" s="21"/>
      <c r="AH53" s="21"/>
      <c r="AI53" s="21"/>
      <c r="AJ53" s="21"/>
      <c r="AK53" s="21"/>
      <c r="AL53" s="21"/>
      <c r="AM53" s="21"/>
      <c r="AN53" s="21"/>
      <c r="AO53" s="21"/>
      <c r="AP53" s="21"/>
      <c r="AQ53" s="21"/>
      <c r="AR53" s="21"/>
      <c r="AS53" s="21"/>
      <c r="AT53" s="21"/>
      <c r="AU53" s="21"/>
      <c r="AV53" s="21"/>
      <c r="AW53" s="21"/>
      <c r="AX53" s="21"/>
      <c r="AY53" s="21"/>
      <c r="AZ53" s="21"/>
      <c r="BA53" s="21"/>
      <c r="BB53" s="21"/>
      <c r="BC53" s="21"/>
      <c r="BD53" s="21"/>
    </row>
    <row r="54" spans="1:56" s="6" customFormat="1" ht="69.900000000000006" customHeight="1" thickTop="1">
      <c r="A54" s="221" t="s">
        <v>25</v>
      </c>
      <c r="B54" s="222"/>
      <c r="C54" s="222"/>
      <c r="D54" s="222"/>
      <c r="E54" s="222"/>
      <c r="F54" s="222"/>
      <c r="G54" s="222"/>
      <c r="H54" s="222"/>
      <c r="I54" s="222"/>
      <c r="J54" s="222"/>
      <c r="K54" s="222"/>
      <c r="L54" s="223"/>
      <c r="M54" s="222"/>
      <c r="N54" s="222"/>
      <c r="O54" s="222"/>
      <c r="P54" s="224"/>
      <c r="Q54" s="155"/>
      <c r="R54" s="13"/>
      <c r="S54" s="157"/>
      <c r="T54" s="156"/>
    </row>
    <row r="55" spans="1:56" s="14" customFormat="1" ht="75" customHeight="1">
      <c r="A55" s="225"/>
      <c r="B55" s="226"/>
      <c r="C55" s="226"/>
      <c r="D55" s="226"/>
      <c r="E55" s="226"/>
      <c r="F55" s="226"/>
      <c r="G55" s="226"/>
      <c r="H55" s="226"/>
      <c r="I55" s="226"/>
      <c r="J55" s="226"/>
      <c r="K55" s="226"/>
      <c r="L55" s="227"/>
      <c r="M55" s="226"/>
      <c r="N55" s="226"/>
      <c r="O55" s="226"/>
      <c r="P55" s="228"/>
      <c r="Q55" s="129"/>
      <c r="R55" s="13"/>
      <c r="S55" s="17"/>
      <c r="T55" s="156"/>
    </row>
    <row r="56" spans="1:56" s="14" customFormat="1" ht="75" customHeight="1" thickBot="1">
      <c r="A56" s="229"/>
      <c r="B56" s="230"/>
      <c r="C56" s="230"/>
      <c r="D56" s="230"/>
      <c r="E56" s="230"/>
      <c r="F56" s="230"/>
      <c r="G56" s="230"/>
      <c r="H56" s="230"/>
      <c r="I56" s="230"/>
      <c r="J56" s="230"/>
      <c r="K56" s="230"/>
      <c r="L56" s="231"/>
      <c r="M56" s="230"/>
      <c r="N56" s="230"/>
      <c r="O56" s="230"/>
      <c r="P56" s="232"/>
      <c r="Q56" s="129"/>
      <c r="R56" s="13"/>
      <c r="S56" s="17"/>
      <c r="T56" s="156"/>
    </row>
    <row r="57" spans="1:56" s="6" customFormat="1" ht="69.900000000000006" customHeight="1" thickBot="1">
      <c r="A57" s="245" t="s">
        <v>47</v>
      </c>
      <c r="B57" s="246"/>
      <c r="C57" s="246"/>
      <c r="D57" s="246"/>
      <c r="E57" s="246"/>
      <c r="F57" s="246"/>
      <c r="G57" s="246"/>
      <c r="H57" s="246"/>
      <c r="I57" s="246"/>
      <c r="J57" s="246"/>
      <c r="K57" s="246"/>
      <c r="L57" s="247"/>
      <c r="M57" s="246"/>
      <c r="N57" s="246"/>
      <c r="O57" s="246"/>
      <c r="P57" s="248"/>
      <c r="Q57" s="129"/>
      <c r="R57" s="13"/>
      <c r="S57" s="22"/>
      <c r="T57" s="156"/>
      <c r="U57" s="20"/>
      <c r="V57" s="20"/>
      <c r="W57" s="20"/>
      <c r="X57" s="20"/>
      <c r="Y57" s="20"/>
      <c r="Z57" s="20"/>
      <c r="AA57" s="20"/>
      <c r="AB57" s="20"/>
      <c r="AC57" s="20"/>
      <c r="AD57" s="20"/>
      <c r="AE57" s="20"/>
      <c r="AF57" s="20"/>
      <c r="AG57" s="20"/>
      <c r="AH57" s="20"/>
      <c r="AI57" s="20"/>
      <c r="AJ57" s="20"/>
      <c r="AK57" s="20"/>
      <c r="AL57" s="20"/>
      <c r="AM57" s="20"/>
      <c r="AN57" s="20"/>
      <c r="AO57" s="20"/>
      <c r="AP57" s="20"/>
      <c r="AQ57" s="20"/>
      <c r="AR57" s="20"/>
      <c r="AS57" s="20"/>
      <c r="AT57" s="20"/>
      <c r="AU57" s="20"/>
      <c r="AV57" s="20"/>
      <c r="AW57" s="20"/>
      <c r="AX57" s="20"/>
      <c r="AY57" s="20"/>
      <c r="AZ57" s="20"/>
      <c r="BA57" s="20"/>
      <c r="BB57" s="20"/>
      <c r="BC57" s="20"/>
      <c r="BD57" s="20"/>
    </row>
    <row r="58" spans="1:56" s="30" customFormat="1" ht="409.6" customHeight="1" thickTop="1" thickBot="1">
      <c r="A58" s="212" t="s">
        <v>48</v>
      </c>
      <c r="B58" s="213"/>
      <c r="C58" s="213"/>
      <c r="D58" s="213"/>
      <c r="E58" s="213"/>
      <c r="F58" s="213"/>
      <c r="G58" s="213"/>
      <c r="H58" s="213"/>
      <c r="I58" s="213"/>
      <c r="J58" s="213"/>
      <c r="K58" s="213"/>
      <c r="L58" s="214"/>
      <c r="M58" s="213"/>
      <c r="N58" s="24" t="s">
        <v>24</v>
      </c>
      <c r="O58" s="11" t="s">
        <v>20</v>
      </c>
      <c r="P58" s="12" t="s">
        <v>21</v>
      </c>
      <c r="Q58" s="25"/>
      <c r="R58" s="26"/>
      <c r="S58" s="27"/>
      <c r="T58" s="28"/>
      <c r="U58" s="29"/>
      <c r="V58" s="29"/>
      <c r="W58" s="29"/>
      <c r="X58" s="29"/>
      <c r="Y58" s="29"/>
      <c r="Z58" s="29"/>
      <c r="AA58" s="29"/>
      <c r="AB58" s="29"/>
      <c r="AC58" s="29"/>
      <c r="AD58" s="29"/>
      <c r="AE58" s="29"/>
      <c r="AF58" s="29"/>
      <c r="AG58" s="29"/>
      <c r="AH58" s="29"/>
      <c r="AI58" s="29"/>
      <c r="AJ58" s="29"/>
      <c r="AK58" s="29"/>
      <c r="AL58" s="29"/>
      <c r="AM58" s="29"/>
      <c r="AN58" s="29"/>
      <c r="AO58" s="29"/>
      <c r="AP58" s="29"/>
      <c r="AQ58" s="29"/>
      <c r="AR58" s="29"/>
      <c r="AS58" s="29"/>
      <c r="AT58" s="29"/>
      <c r="AU58" s="29"/>
      <c r="AV58" s="29"/>
      <c r="AW58" s="29"/>
      <c r="AX58" s="29"/>
      <c r="AY58" s="29"/>
      <c r="AZ58" s="29"/>
      <c r="BA58" s="29"/>
      <c r="BB58" s="29"/>
      <c r="BC58" s="29"/>
      <c r="BD58" s="29"/>
    </row>
    <row r="59" spans="1:56" s="33" customFormat="1" ht="252.6" customHeight="1" thickTop="1" thickBot="1">
      <c r="A59" s="218" t="s">
        <v>49</v>
      </c>
      <c r="B59" s="219"/>
      <c r="C59" s="219"/>
      <c r="D59" s="219"/>
      <c r="E59" s="219"/>
      <c r="F59" s="219"/>
      <c r="G59" s="219"/>
      <c r="H59" s="219"/>
      <c r="I59" s="219"/>
      <c r="J59" s="219"/>
      <c r="K59" s="219"/>
      <c r="L59" s="220"/>
      <c r="M59" s="219"/>
      <c r="N59" s="15" t="s">
        <v>24</v>
      </c>
      <c r="O59" s="16" t="s">
        <v>20</v>
      </c>
      <c r="P59" s="132" t="s">
        <v>21</v>
      </c>
      <c r="Q59" s="25"/>
      <c r="R59" s="31"/>
      <c r="S59" s="130"/>
      <c r="T59" s="50"/>
      <c r="U59" s="32"/>
      <c r="V59" s="32"/>
      <c r="W59" s="32"/>
      <c r="X59" s="32"/>
      <c r="Y59" s="32"/>
      <c r="Z59" s="32"/>
      <c r="AA59" s="32"/>
      <c r="AB59" s="32"/>
      <c r="AC59" s="32"/>
      <c r="AD59" s="32"/>
      <c r="AE59" s="32"/>
      <c r="AF59" s="32"/>
      <c r="AG59" s="32"/>
      <c r="AH59" s="32"/>
      <c r="AI59" s="32"/>
      <c r="AJ59" s="32"/>
      <c r="AK59" s="32"/>
      <c r="AL59" s="32"/>
      <c r="AM59" s="32"/>
      <c r="AN59" s="32"/>
      <c r="AO59" s="32"/>
      <c r="AP59" s="32"/>
      <c r="AQ59" s="32"/>
      <c r="AR59" s="32"/>
      <c r="AS59" s="32"/>
      <c r="AT59" s="32"/>
      <c r="AU59" s="32"/>
      <c r="AV59" s="32"/>
      <c r="AW59" s="32"/>
      <c r="AX59" s="32"/>
      <c r="AY59" s="32"/>
      <c r="AZ59" s="32"/>
      <c r="BA59" s="32"/>
      <c r="BB59" s="32"/>
      <c r="BC59" s="32"/>
      <c r="BD59" s="32"/>
    </row>
    <row r="60" spans="1:56" s="6" customFormat="1" ht="69.900000000000006" customHeight="1" thickTop="1">
      <c r="A60" s="221" t="s">
        <v>25</v>
      </c>
      <c r="B60" s="222"/>
      <c r="C60" s="222"/>
      <c r="D60" s="222"/>
      <c r="E60" s="222"/>
      <c r="F60" s="222"/>
      <c r="G60" s="222"/>
      <c r="H60" s="222"/>
      <c r="I60" s="222"/>
      <c r="J60" s="222"/>
      <c r="K60" s="222"/>
      <c r="L60" s="223"/>
      <c r="M60" s="222"/>
      <c r="N60" s="222"/>
      <c r="O60" s="222"/>
      <c r="P60" s="224"/>
      <c r="Q60" s="155"/>
      <c r="R60" s="13"/>
      <c r="S60" s="157"/>
      <c r="T60" s="156"/>
    </row>
    <row r="61" spans="1:56" s="14" customFormat="1" ht="75" customHeight="1">
      <c r="A61" s="225"/>
      <c r="B61" s="226"/>
      <c r="C61" s="226"/>
      <c r="D61" s="226"/>
      <c r="E61" s="226"/>
      <c r="F61" s="226"/>
      <c r="G61" s="226"/>
      <c r="H61" s="226"/>
      <c r="I61" s="226"/>
      <c r="J61" s="226"/>
      <c r="K61" s="226"/>
      <c r="L61" s="227"/>
      <c r="M61" s="226"/>
      <c r="N61" s="226"/>
      <c r="O61" s="226"/>
      <c r="P61" s="228"/>
      <c r="Q61" s="129"/>
      <c r="R61" s="13"/>
      <c r="S61" s="17"/>
      <c r="T61" s="156"/>
    </row>
    <row r="62" spans="1:56" s="14" customFormat="1" ht="75" customHeight="1" thickBot="1">
      <c r="A62" s="229"/>
      <c r="B62" s="230"/>
      <c r="C62" s="230"/>
      <c r="D62" s="230"/>
      <c r="E62" s="230"/>
      <c r="F62" s="230"/>
      <c r="G62" s="230"/>
      <c r="H62" s="230"/>
      <c r="I62" s="230"/>
      <c r="J62" s="230"/>
      <c r="K62" s="230"/>
      <c r="L62" s="231"/>
      <c r="M62" s="230"/>
      <c r="N62" s="230"/>
      <c r="O62" s="230"/>
      <c r="P62" s="232"/>
      <c r="Q62" s="129"/>
      <c r="R62" s="13"/>
      <c r="S62" s="17"/>
      <c r="T62" s="156"/>
    </row>
    <row r="63" spans="1:56" s="6" customFormat="1" ht="69.75" customHeight="1" thickBot="1">
      <c r="A63" s="245" t="s">
        <v>50</v>
      </c>
      <c r="B63" s="246"/>
      <c r="C63" s="246"/>
      <c r="D63" s="246"/>
      <c r="E63" s="246"/>
      <c r="F63" s="246"/>
      <c r="G63" s="246"/>
      <c r="H63" s="246"/>
      <c r="I63" s="246"/>
      <c r="J63" s="246"/>
      <c r="K63" s="246"/>
      <c r="L63" s="247"/>
      <c r="M63" s="246"/>
      <c r="N63" s="246"/>
      <c r="O63" s="246"/>
      <c r="P63" s="248"/>
      <c r="Q63" s="129"/>
      <c r="R63" s="13"/>
      <c r="S63" s="22"/>
      <c r="T63" s="50"/>
      <c r="U63" s="20"/>
      <c r="V63" s="20"/>
      <c r="W63" s="20"/>
      <c r="X63" s="20"/>
      <c r="Y63" s="20"/>
      <c r="Z63" s="20"/>
      <c r="AA63" s="20"/>
      <c r="AB63" s="20"/>
      <c r="AC63" s="20"/>
      <c r="AD63" s="20"/>
      <c r="AE63" s="20"/>
      <c r="AF63" s="20"/>
      <c r="AG63" s="20"/>
      <c r="AH63" s="20"/>
      <c r="AI63" s="20"/>
      <c r="AJ63" s="20"/>
      <c r="AK63" s="20"/>
      <c r="AL63" s="20"/>
      <c r="AM63" s="20"/>
      <c r="AN63" s="20"/>
      <c r="AO63" s="20"/>
      <c r="AP63" s="20"/>
      <c r="AQ63" s="20"/>
      <c r="AR63" s="20"/>
      <c r="AS63" s="20"/>
      <c r="AT63" s="20"/>
      <c r="AU63" s="20"/>
      <c r="AV63" s="20"/>
      <c r="AW63" s="20"/>
      <c r="AX63" s="20"/>
      <c r="AY63" s="20"/>
      <c r="AZ63" s="20"/>
      <c r="BA63" s="20"/>
      <c r="BB63" s="20"/>
      <c r="BC63" s="20"/>
      <c r="BD63" s="20"/>
    </row>
    <row r="64" spans="1:56" s="14" customFormat="1" ht="140.1" customHeight="1" thickTop="1" thickBot="1">
      <c r="A64" s="249" t="s">
        <v>51</v>
      </c>
      <c r="B64" s="250"/>
      <c r="C64" s="250"/>
      <c r="D64" s="250"/>
      <c r="E64" s="250"/>
      <c r="F64" s="250"/>
      <c r="G64" s="250"/>
      <c r="H64" s="250"/>
      <c r="I64" s="250"/>
      <c r="J64" s="250"/>
      <c r="K64" s="250"/>
      <c r="L64" s="251"/>
      <c r="M64" s="250"/>
      <c r="N64" s="250"/>
      <c r="O64" s="16" t="s">
        <v>20</v>
      </c>
      <c r="P64" s="132" t="s">
        <v>21</v>
      </c>
      <c r="Q64" s="129"/>
      <c r="R64" s="13"/>
      <c r="S64" s="130"/>
      <c r="T64" s="50"/>
      <c r="U64" s="21"/>
      <c r="V64" s="21"/>
      <c r="W64" s="21"/>
      <c r="X64" s="21"/>
      <c r="Y64" s="21"/>
      <c r="Z64" s="21"/>
      <c r="AA64" s="21"/>
      <c r="AB64" s="21"/>
      <c r="AC64" s="21"/>
      <c r="AD64" s="21"/>
      <c r="AE64" s="21"/>
      <c r="AF64" s="21"/>
      <c r="AG64" s="21"/>
      <c r="AH64" s="21"/>
      <c r="AI64" s="21"/>
      <c r="AJ64" s="21"/>
      <c r="AK64" s="21"/>
      <c r="AL64" s="21"/>
      <c r="AM64" s="21"/>
      <c r="AN64" s="21"/>
      <c r="AO64" s="21"/>
      <c r="AP64" s="21"/>
      <c r="AQ64" s="21"/>
      <c r="AR64" s="21"/>
      <c r="AS64" s="21"/>
      <c r="AT64" s="21"/>
      <c r="AU64" s="21"/>
      <c r="AV64" s="21"/>
      <c r="AW64" s="21"/>
      <c r="AX64" s="21"/>
      <c r="AY64" s="21"/>
      <c r="AZ64" s="21"/>
      <c r="BA64" s="21"/>
      <c r="BB64" s="21"/>
      <c r="BC64" s="21"/>
      <c r="BD64" s="21"/>
    </row>
    <row r="65" spans="1:56" s="6" customFormat="1" ht="69.900000000000006" customHeight="1" thickTop="1">
      <c r="A65" s="221" t="s">
        <v>52</v>
      </c>
      <c r="B65" s="222"/>
      <c r="C65" s="222"/>
      <c r="D65" s="222"/>
      <c r="E65" s="222"/>
      <c r="F65" s="222"/>
      <c r="G65" s="222"/>
      <c r="H65" s="222"/>
      <c r="I65" s="222"/>
      <c r="J65" s="222"/>
      <c r="K65" s="222"/>
      <c r="L65" s="223"/>
      <c r="M65" s="222"/>
      <c r="N65" s="222"/>
      <c r="O65" s="222"/>
      <c r="P65" s="224"/>
      <c r="Q65" s="155"/>
      <c r="R65" s="13"/>
      <c r="S65" s="157"/>
      <c r="T65" s="156"/>
    </row>
    <row r="66" spans="1:56" s="6" customFormat="1" ht="69.900000000000006" customHeight="1">
      <c r="A66" s="264" t="s">
        <v>53</v>
      </c>
      <c r="B66" s="265"/>
      <c r="C66" s="265"/>
      <c r="D66" s="265"/>
      <c r="E66" s="265"/>
      <c r="F66" s="265"/>
      <c r="G66" s="265"/>
      <c r="H66" s="265"/>
      <c r="I66" s="265"/>
      <c r="J66" s="266"/>
      <c r="K66" s="267"/>
      <c r="L66" s="268"/>
      <c r="M66" s="268"/>
      <c r="N66" s="268"/>
      <c r="O66" s="268"/>
      <c r="P66" s="269"/>
      <c r="Q66" s="155"/>
      <c r="R66" s="13"/>
      <c r="S66" s="157"/>
      <c r="T66" s="156"/>
    </row>
    <row r="67" spans="1:56" s="14" customFormat="1" ht="69.900000000000006" customHeight="1">
      <c r="A67" s="261" t="s">
        <v>54</v>
      </c>
      <c r="B67" s="262"/>
      <c r="C67" s="262"/>
      <c r="D67" s="262"/>
      <c r="E67" s="262"/>
      <c r="F67" s="262"/>
      <c r="G67" s="262"/>
      <c r="H67" s="262"/>
      <c r="I67" s="262"/>
      <c r="J67" s="263"/>
      <c r="K67" s="34"/>
      <c r="L67" s="35"/>
      <c r="M67" s="35"/>
      <c r="N67" s="35"/>
      <c r="O67" s="35"/>
      <c r="P67" s="36"/>
      <c r="Q67" s="129"/>
      <c r="R67" s="13"/>
      <c r="S67" s="37"/>
      <c r="T67" s="158"/>
      <c r="U67" s="38"/>
      <c r="V67" s="38"/>
      <c r="W67" s="38"/>
      <c r="X67" s="38"/>
      <c r="Y67" s="38"/>
      <c r="Z67" s="38"/>
      <c r="AA67" s="38"/>
      <c r="AB67" s="38"/>
      <c r="AC67" s="38"/>
      <c r="AD67" s="38"/>
      <c r="AE67" s="38"/>
      <c r="AF67" s="38"/>
      <c r="AG67" s="38"/>
      <c r="AH67" s="38"/>
      <c r="AI67" s="38"/>
      <c r="AJ67" s="38"/>
      <c r="AK67" s="38"/>
      <c r="AL67" s="38"/>
      <c r="AM67" s="38"/>
      <c r="AN67" s="38"/>
      <c r="AO67" s="38"/>
      <c r="AP67" s="38"/>
      <c r="AQ67" s="38"/>
      <c r="AR67" s="38"/>
      <c r="AS67" s="38"/>
      <c r="AT67" s="38"/>
      <c r="AU67" s="38"/>
      <c r="AV67" s="38"/>
      <c r="AW67" s="38"/>
      <c r="AX67" s="38"/>
      <c r="AY67" s="38"/>
      <c r="AZ67" s="38"/>
      <c r="BA67" s="38"/>
      <c r="BB67" s="38"/>
      <c r="BC67" s="38"/>
      <c r="BD67" s="38"/>
    </row>
    <row r="68" spans="1:56" s="6" customFormat="1" ht="69.900000000000006" customHeight="1">
      <c r="A68" s="221" t="s">
        <v>25</v>
      </c>
      <c r="B68" s="222"/>
      <c r="C68" s="222"/>
      <c r="D68" s="222"/>
      <c r="E68" s="222"/>
      <c r="F68" s="222"/>
      <c r="G68" s="222"/>
      <c r="H68" s="222"/>
      <c r="I68" s="222"/>
      <c r="J68" s="222"/>
      <c r="K68" s="222"/>
      <c r="L68" s="223"/>
      <c r="M68" s="222"/>
      <c r="N68" s="222"/>
      <c r="O68" s="222"/>
      <c r="P68" s="224"/>
      <c r="Q68" s="155"/>
      <c r="R68" s="13"/>
      <c r="S68" s="157"/>
      <c r="T68" s="156"/>
    </row>
    <row r="69" spans="1:56" s="14" customFormat="1" ht="75" customHeight="1">
      <c r="A69" s="225"/>
      <c r="B69" s="226"/>
      <c r="C69" s="226"/>
      <c r="D69" s="226"/>
      <c r="E69" s="226"/>
      <c r="F69" s="226"/>
      <c r="G69" s="226"/>
      <c r="H69" s="226"/>
      <c r="I69" s="226"/>
      <c r="J69" s="226"/>
      <c r="K69" s="226"/>
      <c r="L69" s="227"/>
      <c r="M69" s="226"/>
      <c r="N69" s="226"/>
      <c r="O69" s="226"/>
      <c r="P69" s="228"/>
      <c r="Q69" s="129"/>
      <c r="R69" s="13"/>
      <c r="S69" s="17"/>
      <c r="T69" s="156"/>
    </row>
    <row r="70" spans="1:56" s="14" customFormat="1" ht="75" customHeight="1" thickBot="1">
      <c r="A70" s="229"/>
      <c r="B70" s="230"/>
      <c r="C70" s="230"/>
      <c r="D70" s="230"/>
      <c r="E70" s="230"/>
      <c r="F70" s="230"/>
      <c r="G70" s="230"/>
      <c r="H70" s="230"/>
      <c r="I70" s="230"/>
      <c r="J70" s="230"/>
      <c r="K70" s="230"/>
      <c r="L70" s="231"/>
      <c r="M70" s="230"/>
      <c r="N70" s="230"/>
      <c r="O70" s="230"/>
      <c r="P70" s="232"/>
      <c r="Q70" s="129"/>
      <c r="R70" s="13"/>
      <c r="S70" s="17"/>
      <c r="T70" s="156"/>
    </row>
    <row r="71" spans="1:56" s="6" customFormat="1" ht="69.900000000000006" customHeight="1" thickBot="1">
      <c r="A71" s="245" t="s">
        <v>55</v>
      </c>
      <c r="B71" s="246"/>
      <c r="C71" s="246"/>
      <c r="D71" s="246"/>
      <c r="E71" s="246"/>
      <c r="F71" s="246"/>
      <c r="G71" s="246"/>
      <c r="H71" s="246"/>
      <c r="I71" s="246"/>
      <c r="J71" s="246"/>
      <c r="K71" s="246"/>
      <c r="L71" s="247"/>
      <c r="M71" s="246"/>
      <c r="N71" s="246"/>
      <c r="O71" s="246"/>
      <c r="P71" s="248"/>
      <c r="Q71" s="129"/>
      <c r="R71" s="13"/>
      <c r="S71" s="22"/>
      <c r="T71" s="50"/>
      <c r="U71" s="20"/>
      <c r="V71" s="20"/>
      <c r="W71" s="20"/>
      <c r="X71" s="20"/>
      <c r="Y71" s="20"/>
      <c r="Z71" s="20"/>
      <c r="AA71" s="20"/>
      <c r="AB71" s="20"/>
      <c r="AC71" s="20"/>
      <c r="AD71" s="20"/>
      <c r="AE71" s="20"/>
      <c r="AF71" s="20"/>
      <c r="AG71" s="20"/>
      <c r="AH71" s="20"/>
      <c r="AI71" s="20"/>
      <c r="AJ71" s="20"/>
      <c r="AK71" s="20"/>
      <c r="AL71" s="20"/>
      <c r="AM71" s="20"/>
      <c r="AN71" s="20"/>
      <c r="AO71" s="20"/>
      <c r="AP71" s="20"/>
      <c r="AQ71" s="20"/>
      <c r="AR71" s="20"/>
      <c r="AS71" s="20"/>
      <c r="AT71" s="20"/>
      <c r="AU71" s="20"/>
      <c r="AV71" s="20"/>
      <c r="AW71" s="20"/>
      <c r="AX71" s="20"/>
      <c r="AY71" s="20"/>
      <c r="AZ71" s="20"/>
      <c r="BA71" s="20"/>
      <c r="BB71" s="20"/>
      <c r="BC71" s="20"/>
      <c r="BD71" s="20"/>
    </row>
    <row r="72" spans="1:56" s="14" customFormat="1" ht="286.5" customHeight="1" thickTop="1" thickBot="1">
      <c r="A72" s="249" t="s">
        <v>56</v>
      </c>
      <c r="B72" s="250"/>
      <c r="C72" s="250"/>
      <c r="D72" s="250"/>
      <c r="E72" s="250"/>
      <c r="F72" s="250"/>
      <c r="G72" s="250"/>
      <c r="H72" s="250"/>
      <c r="I72" s="250"/>
      <c r="J72" s="250"/>
      <c r="K72" s="250"/>
      <c r="L72" s="251"/>
      <c r="M72" s="250"/>
      <c r="N72" s="250"/>
      <c r="O72" s="16" t="s">
        <v>20</v>
      </c>
      <c r="P72" s="132" t="s">
        <v>21</v>
      </c>
      <c r="Q72" s="129"/>
      <c r="R72" s="13"/>
      <c r="S72" s="130"/>
      <c r="T72" s="50"/>
      <c r="U72" s="21"/>
      <c r="V72" s="21"/>
      <c r="W72" s="21"/>
      <c r="X72" s="21"/>
      <c r="Y72" s="21"/>
      <c r="Z72" s="21"/>
      <c r="AA72" s="21"/>
      <c r="AB72" s="21"/>
      <c r="AC72" s="21"/>
      <c r="AD72" s="21"/>
      <c r="AE72" s="21"/>
      <c r="AF72" s="21"/>
      <c r="AG72" s="21"/>
      <c r="AH72" s="21"/>
      <c r="AI72" s="21"/>
      <c r="AJ72" s="21"/>
      <c r="AK72" s="21"/>
      <c r="AL72" s="21"/>
      <c r="AM72" s="21"/>
      <c r="AN72" s="21"/>
      <c r="AO72" s="21"/>
      <c r="AP72" s="21"/>
      <c r="AQ72" s="21"/>
      <c r="AR72" s="21"/>
      <c r="AS72" s="21"/>
      <c r="AT72" s="21"/>
      <c r="AU72" s="21"/>
      <c r="AV72" s="21"/>
      <c r="AW72" s="21"/>
      <c r="AX72" s="21"/>
      <c r="AY72" s="21"/>
      <c r="AZ72" s="21"/>
      <c r="BA72" s="21"/>
      <c r="BB72" s="21"/>
      <c r="BC72" s="21"/>
      <c r="BD72" s="21"/>
    </row>
    <row r="73" spans="1:56" s="6" customFormat="1" ht="69.900000000000006" customHeight="1" thickTop="1">
      <c r="A73" s="221" t="s">
        <v>25</v>
      </c>
      <c r="B73" s="222"/>
      <c r="C73" s="222"/>
      <c r="D73" s="222"/>
      <c r="E73" s="222"/>
      <c r="F73" s="222"/>
      <c r="G73" s="222"/>
      <c r="H73" s="222"/>
      <c r="I73" s="222"/>
      <c r="J73" s="222"/>
      <c r="K73" s="222"/>
      <c r="L73" s="223"/>
      <c r="M73" s="222"/>
      <c r="N73" s="222"/>
      <c r="O73" s="222"/>
      <c r="P73" s="224"/>
      <c r="Q73" s="155"/>
      <c r="R73" s="13"/>
      <c r="S73" s="157"/>
      <c r="T73" s="156"/>
    </row>
    <row r="74" spans="1:56" s="14" customFormat="1" ht="75" customHeight="1">
      <c r="A74" s="225"/>
      <c r="B74" s="226"/>
      <c r="C74" s="226"/>
      <c r="D74" s="226"/>
      <c r="E74" s="226"/>
      <c r="F74" s="226"/>
      <c r="G74" s="226"/>
      <c r="H74" s="226"/>
      <c r="I74" s="226"/>
      <c r="J74" s="226"/>
      <c r="K74" s="226"/>
      <c r="L74" s="227"/>
      <c r="M74" s="226"/>
      <c r="N74" s="226"/>
      <c r="O74" s="226"/>
      <c r="P74" s="228"/>
      <c r="Q74" s="129"/>
      <c r="R74" s="13"/>
      <c r="S74" s="17"/>
      <c r="T74" s="156"/>
    </row>
    <row r="75" spans="1:56" s="14" customFormat="1" ht="75" customHeight="1" thickBot="1">
      <c r="A75" s="229"/>
      <c r="B75" s="230"/>
      <c r="C75" s="230"/>
      <c r="D75" s="230"/>
      <c r="E75" s="230"/>
      <c r="F75" s="230"/>
      <c r="G75" s="230"/>
      <c r="H75" s="230"/>
      <c r="I75" s="230"/>
      <c r="J75" s="230"/>
      <c r="K75" s="230"/>
      <c r="L75" s="231"/>
      <c r="M75" s="230"/>
      <c r="N75" s="230"/>
      <c r="O75" s="230"/>
      <c r="P75" s="232"/>
      <c r="Q75" s="129"/>
      <c r="R75" s="13"/>
      <c r="S75" s="207"/>
      <c r="T75" s="156"/>
    </row>
    <row r="76" spans="1:56" s="6" customFormat="1" ht="69.900000000000006" customHeight="1" thickBot="1">
      <c r="A76" s="245" t="s">
        <v>57</v>
      </c>
      <c r="B76" s="246"/>
      <c r="C76" s="246"/>
      <c r="D76" s="246"/>
      <c r="E76" s="246"/>
      <c r="F76" s="246"/>
      <c r="G76" s="246"/>
      <c r="H76" s="246"/>
      <c r="I76" s="246"/>
      <c r="J76" s="246"/>
      <c r="K76" s="246"/>
      <c r="L76" s="247"/>
      <c r="M76" s="246"/>
      <c r="N76" s="246"/>
      <c r="O76" s="246"/>
      <c r="P76" s="248"/>
      <c r="Q76" s="129"/>
      <c r="R76" s="13"/>
      <c r="S76" s="206" t="s">
        <v>58</v>
      </c>
      <c r="T76" s="50"/>
      <c r="U76" s="20"/>
      <c r="V76" s="20"/>
      <c r="W76" s="20"/>
      <c r="X76" s="21"/>
      <c r="Y76" s="21"/>
      <c r="Z76" s="21"/>
      <c r="AA76" s="21"/>
      <c r="AB76" s="21"/>
      <c r="AC76" s="21"/>
      <c r="AD76" s="21"/>
      <c r="AE76" s="21"/>
      <c r="AF76" s="21"/>
      <c r="AG76" s="21"/>
      <c r="AH76" s="21"/>
      <c r="AI76" s="21"/>
      <c r="AJ76" s="21"/>
      <c r="AK76" s="21"/>
      <c r="AL76" s="21"/>
      <c r="AM76" s="21"/>
      <c r="AN76" s="20"/>
      <c r="AO76" s="20"/>
      <c r="AP76" s="20"/>
      <c r="AQ76" s="20"/>
      <c r="AR76" s="20"/>
      <c r="AS76" s="20"/>
      <c r="AT76" s="20"/>
      <c r="AU76" s="20"/>
      <c r="AV76" s="20"/>
      <c r="AW76" s="20"/>
      <c r="AX76" s="20"/>
      <c r="AY76" s="20"/>
      <c r="AZ76" s="20"/>
      <c r="BA76" s="20"/>
      <c r="BB76" s="20"/>
      <c r="BC76" s="20"/>
      <c r="BD76" s="20"/>
    </row>
    <row r="77" spans="1:56" s="14" customFormat="1" ht="274.5" customHeight="1" thickTop="1" thickBot="1">
      <c r="A77" s="212" t="s">
        <v>59</v>
      </c>
      <c r="B77" s="213"/>
      <c r="C77" s="213"/>
      <c r="D77" s="213"/>
      <c r="E77" s="213"/>
      <c r="F77" s="213"/>
      <c r="G77" s="213"/>
      <c r="H77" s="213"/>
      <c r="I77" s="213"/>
      <c r="J77" s="213"/>
      <c r="K77" s="213"/>
      <c r="L77" s="214"/>
      <c r="M77" s="213"/>
      <c r="N77" s="213"/>
      <c r="O77" s="11" t="s">
        <v>20</v>
      </c>
      <c r="P77" s="12" t="s">
        <v>21</v>
      </c>
      <c r="Q77" s="129"/>
      <c r="R77" s="13"/>
      <c r="S77" s="130"/>
      <c r="T77" s="50"/>
      <c r="U77" s="21"/>
      <c r="V77" s="21"/>
      <c r="W77" s="21"/>
      <c r="X77" s="21"/>
      <c r="Y77" s="21"/>
      <c r="Z77" s="21"/>
      <c r="AA77" s="21"/>
      <c r="AB77" s="21"/>
      <c r="AC77" s="21"/>
      <c r="AD77" s="21"/>
      <c r="AE77" s="21"/>
      <c r="AF77" s="21"/>
      <c r="AG77" s="21"/>
      <c r="AH77" s="21"/>
      <c r="AI77" s="21"/>
      <c r="AJ77" s="21"/>
      <c r="AK77" s="21"/>
      <c r="AL77" s="21"/>
      <c r="AM77" s="21"/>
      <c r="AN77" s="21"/>
      <c r="AO77" s="21"/>
      <c r="AP77" s="21"/>
      <c r="AQ77" s="21"/>
      <c r="AR77" s="21"/>
      <c r="AS77" s="21"/>
      <c r="AT77" s="21"/>
      <c r="AU77" s="21"/>
      <c r="AV77" s="21"/>
      <c r="AW77" s="21"/>
      <c r="AX77" s="21"/>
      <c r="AY77" s="21"/>
      <c r="AZ77" s="21"/>
      <c r="BA77" s="21"/>
      <c r="BB77" s="21"/>
      <c r="BC77" s="21"/>
      <c r="BD77" s="21"/>
    </row>
    <row r="78" spans="1:56" s="14" customFormat="1" ht="229.5" customHeight="1" thickTop="1" thickBot="1">
      <c r="A78" s="218" t="s">
        <v>60</v>
      </c>
      <c r="B78" s="219"/>
      <c r="C78" s="219"/>
      <c r="D78" s="219"/>
      <c r="E78" s="219"/>
      <c r="F78" s="219"/>
      <c r="G78" s="219"/>
      <c r="H78" s="219"/>
      <c r="I78" s="219"/>
      <c r="J78" s="219"/>
      <c r="K78" s="219"/>
      <c r="L78" s="220"/>
      <c r="M78" s="219"/>
      <c r="N78" s="219"/>
      <c r="O78" s="11" t="s">
        <v>20</v>
      </c>
      <c r="P78" s="12" t="s">
        <v>21</v>
      </c>
      <c r="Q78" s="129"/>
      <c r="R78" s="13"/>
      <c r="S78" s="130"/>
      <c r="T78" s="50"/>
      <c r="U78" s="21"/>
      <c r="V78" s="21"/>
      <c r="W78" s="21"/>
      <c r="X78" s="20"/>
      <c r="Y78" s="20"/>
      <c r="Z78" s="20"/>
      <c r="AA78" s="20"/>
      <c r="AB78" s="20"/>
      <c r="AC78" s="20"/>
      <c r="AD78" s="20"/>
      <c r="AE78" s="20"/>
      <c r="AF78" s="20"/>
      <c r="AG78" s="20"/>
      <c r="AH78" s="20"/>
      <c r="AI78" s="20"/>
      <c r="AJ78" s="20"/>
      <c r="AK78" s="20"/>
      <c r="AL78" s="20"/>
      <c r="AM78" s="20"/>
      <c r="AN78" s="21"/>
      <c r="AO78" s="21"/>
      <c r="AP78" s="21"/>
      <c r="AQ78" s="21"/>
      <c r="AR78" s="21"/>
      <c r="AS78" s="21"/>
      <c r="AT78" s="21"/>
      <c r="AU78" s="21"/>
      <c r="AV78" s="21"/>
      <c r="AW78" s="21"/>
      <c r="AX78" s="21"/>
      <c r="AY78" s="21"/>
      <c r="AZ78" s="21"/>
      <c r="BA78" s="21"/>
      <c r="BB78" s="21"/>
      <c r="BC78" s="21"/>
      <c r="BD78" s="21"/>
    </row>
    <row r="79" spans="1:56" s="14" customFormat="1" ht="140.1" customHeight="1" thickTop="1" thickBot="1">
      <c r="A79" s="218" t="s">
        <v>61</v>
      </c>
      <c r="B79" s="219"/>
      <c r="C79" s="219"/>
      <c r="D79" s="219"/>
      <c r="E79" s="219"/>
      <c r="F79" s="219"/>
      <c r="G79" s="219"/>
      <c r="H79" s="219"/>
      <c r="I79" s="219"/>
      <c r="J79" s="219"/>
      <c r="K79" s="219"/>
      <c r="L79" s="220"/>
      <c r="M79" s="219"/>
      <c r="N79" s="219"/>
      <c r="O79" s="16" t="s">
        <v>20</v>
      </c>
      <c r="P79" s="132" t="s">
        <v>21</v>
      </c>
      <c r="Q79" s="129"/>
      <c r="R79" s="13"/>
      <c r="S79" s="130"/>
      <c r="T79" s="50"/>
      <c r="U79" s="21"/>
      <c r="V79" s="21"/>
      <c r="W79" s="21"/>
      <c r="X79" s="21"/>
      <c r="Y79" s="21"/>
      <c r="Z79" s="21"/>
      <c r="AA79" s="21"/>
      <c r="AB79" s="21"/>
      <c r="AC79" s="21"/>
      <c r="AD79" s="21"/>
      <c r="AE79" s="21"/>
      <c r="AF79" s="21"/>
      <c r="AG79" s="21"/>
      <c r="AH79" s="21"/>
      <c r="AI79" s="21"/>
      <c r="AJ79" s="21"/>
      <c r="AK79" s="21"/>
      <c r="AL79" s="21"/>
      <c r="AM79" s="21"/>
      <c r="AN79" s="21"/>
      <c r="AO79" s="21"/>
      <c r="AP79" s="21"/>
      <c r="AQ79" s="21"/>
      <c r="AR79" s="21"/>
      <c r="AS79" s="21"/>
      <c r="AT79" s="21"/>
      <c r="AU79" s="21"/>
      <c r="AV79" s="21"/>
      <c r="AW79" s="21"/>
      <c r="AX79" s="21"/>
      <c r="AY79" s="21"/>
      <c r="AZ79" s="21"/>
      <c r="BA79" s="21"/>
      <c r="BB79" s="21"/>
      <c r="BC79" s="21"/>
      <c r="BD79" s="21"/>
    </row>
    <row r="80" spans="1:56" s="6" customFormat="1" ht="69.900000000000006" customHeight="1" thickTop="1">
      <c r="A80" s="221" t="s">
        <v>25</v>
      </c>
      <c r="B80" s="222"/>
      <c r="C80" s="222"/>
      <c r="D80" s="222"/>
      <c r="E80" s="222"/>
      <c r="F80" s="222"/>
      <c r="G80" s="222"/>
      <c r="H80" s="222"/>
      <c r="I80" s="222"/>
      <c r="J80" s="222"/>
      <c r="K80" s="222"/>
      <c r="L80" s="223"/>
      <c r="M80" s="222"/>
      <c r="N80" s="222"/>
      <c r="O80" s="222"/>
      <c r="P80" s="224"/>
      <c r="Q80" s="155"/>
      <c r="R80" s="13"/>
      <c r="S80" s="157"/>
      <c r="T80" s="156"/>
    </row>
    <row r="81" spans="1:56" s="14" customFormat="1" ht="75" customHeight="1">
      <c r="A81" s="225"/>
      <c r="B81" s="226"/>
      <c r="C81" s="226"/>
      <c r="D81" s="226"/>
      <c r="E81" s="226"/>
      <c r="F81" s="226"/>
      <c r="G81" s="226"/>
      <c r="H81" s="226"/>
      <c r="I81" s="226"/>
      <c r="J81" s="226"/>
      <c r="K81" s="226"/>
      <c r="L81" s="227"/>
      <c r="M81" s="226"/>
      <c r="N81" s="226"/>
      <c r="O81" s="226"/>
      <c r="P81" s="228"/>
      <c r="Q81" s="129"/>
      <c r="R81" s="13"/>
      <c r="S81" s="17"/>
      <c r="T81" s="156"/>
    </row>
    <row r="82" spans="1:56" s="14" customFormat="1" ht="75" customHeight="1" thickBot="1">
      <c r="A82" s="229"/>
      <c r="B82" s="230"/>
      <c r="C82" s="230"/>
      <c r="D82" s="230"/>
      <c r="E82" s="230"/>
      <c r="F82" s="230"/>
      <c r="G82" s="230"/>
      <c r="H82" s="230"/>
      <c r="I82" s="230"/>
      <c r="J82" s="230"/>
      <c r="K82" s="230"/>
      <c r="L82" s="231"/>
      <c r="M82" s="230"/>
      <c r="N82" s="230"/>
      <c r="O82" s="230"/>
      <c r="P82" s="232"/>
      <c r="Q82" s="129"/>
      <c r="R82" s="13"/>
      <c r="S82" s="17"/>
      <c r="T82" s="156"/>
    </row>
    <row r="83" spans="1:56" s="6" customFormat="1" ht="69.900000000000006" customHeight="1" thickBot="1">
      <c r="A83" s="245" t="s">
        <v>62</v>
      </c>
      <c r="B83" s="246"/>
      <c r="C83" s="246"/>
      <c r="D83" s="246"/>
      <c r="E83" s="246"/>
      <c r="F83" s="246"/>
      <c r="G83" s="246"/>
      <c r="H83" s="246"/>
      <c r="I83" s="246"/>
      <c r="J83" s="246"/>
      <c r="K83" s="246"/>
      <c r="L83" s="247"/>
      <c r="M83" s="246"/>
      <c r="N83" s="246"/>
      <c r="O83" s="246"/>
      <c r="P83" s="248"/>
      <c r="Q83" s="129"/>
      <c r="R83" s="13"/>
      <c r="S83" s="22"/>
      <c r="T83" s="50"/>
      <c r="U83" s="20"/>
      <c r="V83" s="20"/>
      <c r="W83" s="20"/>
      <c r="X83" s="21"/>
      <c r="Y83" s="21"/>
      <c r="Z83" s="21"/>
      <c r="AA83" s="21"/>
      <c r="AB83" s="21"/>
      <c r="AC83" s="21"/>
      <c r="AD83" s="21"/>
      <c r="AE83" s="21"/>
      <c r="AF83" s="21"/>
      <c r="AG83" s="21"/>
      <c r="AH83" s="21"/>
      <c r="AI83" s="21"/>
      <c r="AJ83" s="21"/>
      <c r="AK83" s="21"/>
      <c r="AL83" s="21"/>
      <c r="AM83" s="21"/>
      <c r="AN83" s="20"/>
      <c r="AO83" s="20"/>
      <c r="AP83" s="20"/>
      <c r="AQ83" s="20"/>
      <c r="AR83" s="20"/>
      <c r="AS83" s="20"/>
      <c r="AT83" s="20"/>
      <c r="AU83" s="20"/>
      <c r="AV83" s="20"/>
      <c r="AW83" s="20"/>
      <c r="AX83" s="20"/>
      <c r="AY83" s="20"/>
      <c r="AZ83" s="20"/>
      <c r="BA83" s="20"/>
      <c r="BB83" s="20"/>
      <c r="BC83" s="20"/>
      <c r="BD83" s="20"/>
    </row>
    <row r="84" spans="1:56" s="14" customFormat="1" ht="183.6" customHeight="1" thickTop="1" thickBot="1">
      <c r="A84" s="249" t="s">
        <v>63</v>
      </c>
      <c r="B84" s="250"/>
      <c r="C84" s="250"/>
      <c r="D84" s="250"/>
      <c r="E84" s="250"/>
      <c r="F84" s="250"/>
      <c r="G84" s="250"/>
      <c r="H84" s="250"/>
      <c r="I84" s="250"/>
      <c r="J84" s="250"/>
      <c r="K84" s="250"/>
      <c r="L84" s="251"/>
      <c r="M84" s="250"/>
      <c r="N84" s="131" t="s">
        <v>24</v>
      </c>
      <c r="O84" s="16" t="s">
        <v>20</v>
      </c>
      <c r="P84" s="132" t="s">
        <v>21</v>
      </c>
      <c r="Q84" s="129"/>
      <c r="R84" s="13"/>
      <c r="S84" s="130"/>
      <c r="T84" s="50"/>
      <c r="U84" s="21"/>
      <c r="V84" s="21"/>
      <c r="W84" s="21"/>
      <c r="X84" s="21"/>
      <c r="Y84" s="21"/>
      <c r="Z84" s="21"/>
      <c r="AA84" s="21"/>
      <c r="AB84" s="21"/>
      <c r="AC84" s="21"/>
      <c r="AD84" s="21"/>
      <c r="AE84" s="21"/>
      <c r="AF84" s="21"/>
      <c r="AG84" s="21"/>
      <c r="AH84" s="21"/>
      <c r="AI84" s="21"/>
      <c r="AJ84" s="21"/>
      <c r="AK84" s="21"/>
      <c r="AL84" s="21"/>
      <c r="AM84" s="21"/>
      <c r="AN84" s="21"/>
      <c r="AO84" s="21"/>
      <c r="AP84" s="21"/>
      <c r="AQ84" s="21"/>
      <c r="AR84" s="21"/>
      <c r="AS84" s="21"/>
      <c r="AT84" s="21"/>
      <c r="AU84" s="21"/>
      <c r="AV84" s="21"/>
      <c r="AW84" s="21"/>
      <c r="AX84" s="21"/>
      <c r="AY84" s="21"/>
      <c r="AZ84" s="21"/>
      <c r="BA84" s="21"/>
      <c r="BB84" s="21"/>
      <c r="BC84" s="21"/>
      <c r="BD84" s="21"/>
    </row>
    <row r="85" spans="1:56" s="6" customFormat="1" ht="69.900000000000006" customHeight="1" thickTop="1">
      <c r="A85" s="270" t="s">
        <v>52</v>
      </c>
      <c r="B85" s="271"/>
      <c r="C85" s="271"/>
      <c r="D85" s="271"/>
      <c r="E85" s="271"/>
      <c r="F85" s="271"/>
      <c r="G85" s="271"/>
      <c r="H85" s="271"/>
      <c r="I85" s="271"/>
      <c r="J85" s="271"/>
      <c r="K85" s="271"/>
      <c r="L85" s="272"/>
      <c r="M85" s="271"/>
      <c r="N85" s="271"/>
      <c r="O85" s="271"/>
      <c r="P85" s="273"/>
      <c r="Q85" s="155"/>
      <c r="R85" s="13"/>
      <c r="S85" s="157"/>
      <c r="T85" s="156"/>
    </row>
    <row r="86" spans="1:56" s="6" customFormat="1" ht="69.900000000000006" customHeight="1">
      <c r="A86" s="274" t="s">
        <v>64</v>
      </c>
      <c r="B86" s="275"/>
      <c r="C86" s="275"/>
      <c r="D86" s="275"/>
      <c r="E86" s="275"/>
      <c r="F86" s="275"/>
      <c r="G86" s="275"/>
      <c r="H86" s="275"/>
      <c r="I86" s="275"/>
      <c r="J86" s="275"/>
      <c r="K86" s="275"/>
      <c r="L86" s="275"/>
      <c r="M86" s="275"/>
      <c r="N86" s="275"/>
      <c r="O86" s="275"/>
      <c r="P86" s="276"/>
      <c r="Q86" s="155"/>
      <c r="R86" s="13"/>
      <c r="S86" s="157"/>
      <c r="T86" s="156"/>
    </row>
    <row r="87" spans="1:56" s="14" customFormat="1" ht="69.900000000000006" customHeight="1">
      <c r="A87" s="277" t="s">
        <v>65</v>
      </c>
      <c r="B87" s="278"/>
      <c r="C87" s="278"/>
      <c r="D87" s="278"/>
      <c r="E87" s="278"/>
      <c r="F87" s="278"/>
      <c r="G87" s="278"/>
      <c r="H87" s="278"/>
      <c r="I87" s="278"/>
      <c r="J87" s="279"/>
      <c r="K87" s="280" t="s">
        <v>66</v>
      </c>
      <c r="L87" s="281"/>
      <c r="M87" s="282"/>
      <c r="N87" s="283"/>
      <c r="O87" s="283"/>
      <c r="P87" s="284"/>
      <c r="Q87" s="129"/>
      <c r="R87" s="13"/>
      <c r="S87" s="22"/>
      <c r="T87" s="50"/>
      <c r="U87" s="21"/>
      <c r="V87" s="21"/>
      <c r="W87" s="21"/>
      <c r="X87" s="21"/>
      <c r="Y87" s="21"/>
      <c r="Z87" s="21"/>
      <c r="AA87" s="21"/>
      <c r="AB87" s="21"/>
      <c r="AC87" s="21"/>
      <c r="AD87" s="21"/>
      <c r="AE87" s="21"/>
      <c r="AF87" s="21"/>
      <c r="AG87" s="21"/>
      <c r="AH87" s="21"/>
      <c r="AI87" s="21"/>
      <c r="AJ87" s="21"/>
      <c r="AK87" s="21"/>
      <c r="AL87" s="21"/>
      <c r="AM87" s="21"/>
      <c r="AN87" s="21"/>
      <c r="AO87" s="21"/>
      <c r="AP87" s="21"/>
      <c r="AQ87" s="21"/>
      <c r="AR87" s="21"/>
      <c r="AS87" s="21"/>
      <c r="AT87" s="21"/>
      <c r="AU87" s="21"/>
      <c r="AV87" s="21"/>
      <c r="AW87" s="21"/>
      <c r="AX87" s="21"/>
      <c r="AY87" s="21"/>
      <c r="AZ87" s="21"/>
      <c r="BA87" s="21"/>
      <c r="BB87" s="21"/>
      <c r="BC87" s="21"/>
      <c r="BD87" s="21"/>
    </row>
    <row r="88" spans="1:56" s="42" customFormat="1" ht="69.900000000000006" customHeight="1">
      <c r="A88" s="285" t="s">
        <v>67</v>
      </c>
      <c r="B88" s="286"/>
      <c r="C88" s="286"/>
      <c r="D88" s="286"/>
      <c r="E88" s="286"/>
      <c r="F88" s="286"/>
      <c r="G88" s="286"/>
      <c r="H88" s="286"/>
      <c r="I88" s="286"/>
      <c r="J88" s="287"/>
      <c r="K88" s="294" t="s">
        <v>68</v>
      </c>
      <c r="L88" s="295"/>
      <c r="M88" s="295"/>
      <c r="N88" s="295"/>
      <c r="O88" s="295"/>
      <c r="P88" s="296"/>
      <c r="Q88" s="134"/>
      <c r="R88" s="133"/>
      <c r="S88" s="39"/>
      <c r="T88" s="159"/>
      <c r="U88" s="41"/>
      <c r="V88" s="41"/>
      <c r="W88" s="41"/>
      <c r="X88" s="41"/>
      <c r="Y88" s="41"/>
      <c r="Z88" s="41"/>
      <c r="AA88" s="41"/>
      <c r="AB88" s="41"/>
      <c r="AC88" s="41"/>
      <c r="AD88" s="41"/>
      <c r="AE88" s="41"/>
      <c r="AF88" s="41"/>
      <c r="AG88" s="41"/>
      <c r="AH88" s="41"/>
      <c r="AI88" s="41"/>
      <c r="AJ88" s="41"/>
      <c r="AK88" s="41"/>
      <c r="AL88" s="41"/>
      <c r="AM88" s="41"/>
      <c r="AN88" s="41"/>
      <c r="AO88" s="41"/>
      <c r="AP88" s="41"/>
      <c r="AQ88" s="41"/>
      <c r="AR88" s="41"/>
      <c r="AS88" s="41"/>
      <c r="AT88" s="41"/>
      <c r="AU88" s="41"/>
      <c r="AV88" s="41"/>
      <c r="AW88" s="41"/>
      <c r="AX88" s="41"/>
      <c r="AY88" s="41"/>
      <c r="AZ88" s="41"/>
      <c r="BA88" s="41"/>
      <c r="BB88" s="41"/>
      <c r="BC88" s="41"/>
      <c r="BD88" s="41"/>
    </row>
    <row r="89" spans="1:56" s="42" customFormat="1" ht="69.900000000000006" customHeight="1">
      <c r="A89" s="288"/>
      <c r="B89" s="289"/>
      <c r="C89" s="289"/>
      <c r="D89" s="289"/>
      <c r="E89" s="289"/>
      <c r="F89" s="289"/>
      <c r="G89" s="289"/>
      <c r="H89" s="289"/>
      <c r="I89" s="289"/>
      <c r="J89" s="290"/>
      <c r="K89" s="294" t="s">
        <v>69</v>
      </c>
      <c r="L89" s="295"/>
      <c r="M89" s="295"/>
      <c r="N89" s="295"/>
      <c r="O89" s="295"/>
      <c r="P89" s="296"/>
      <c r="Q89" s="134"/>
      <c r="R89" s="133"/>
      <c r="S89" s="39"/>
      <c r="T89" s="159"/>
      <c r="U89" s="41"/>
      <c r="V89" s="41"/>
      <c r="W89" s="41"/>
      <c r="X89" s="41"/>
      <c r="Y89" s="41"/>
      <c r="Z89" s="41"/>
      <c r="AA89" s="41"/>
      <c r="AB89" s="41"/>
      <c r="AC89" s="41"/>
      <c r="AD89" s="41"/>
      <c r="AE89" s="41"/>
      <c r="AF89" s="41"/>
      <c r="AG89" s="41"/>
      <c r="AH89" s="41"/>
      <c r="AI89" s="41"/>
      <c r="AJ89" s="41"/>
      <c r="AK89" s="41"/>
      <c r="AL89" s="41"/>
      <c r="AM89" s="41"/>
      <c r="AN89" s="41"/>
      <c r="AO89" s="41"/>
      <c r="AP89" s="41"/>
      <c r="AQ89" s="41"/>
      <c r="AR89" s="41"/>
      <c r="AS89" s="41"/>
      <c r="AT89" s="41"/>
      <c r="AU89" s="41"/>
      <c r="AV89" s="41"/>
      <c r="AW89" s="41"/>
      <c r="AX89" s="41"/>
      <c r="AY89" s="41"/>
      <c r="AZ89" s="41"/>
      <c r="BA89" s="41"/>
      <c r="BB89" s="41"/>
      <c r="BC89" s="41"/>
      <c r="BD89" s="41"/>
    </row>
    <row r="90" spans="1:56" s="42" customFormat="1" ht="69.900000000000006" customHeight="1">
      <c r="A90" s="291"/>
      <c r="B90" s="292"/>
      <c r="C90" s="292"/>
      <c r="D90" s="292"/>
      <c r="E90" s="292"/>
      <c r="F90" s="292"/>
      <c r="G90" s="292"/>
      <c r="H90" s="292"/>
      <c r="I90" s="292"/>
      <c r="J90" s="293"/>
      <c r="K90" s="294" t="s">
        <v>70</v>
      </c>
      <c r="L90" s="295"/>
      <c r="M90" s="295"/>
      <c r="N90" s="295"/>
      <c r="O90" s="295"/>
      <c r="P90" s="296"/>
      <c r="Q90" s="134"/>
      <c r="R90" s="133"/>
      <c r="S90" s="39"/>
      <c r="T90" s="159"/>
      <c r="U90" s="41"/>
      <c r="V90" s="41"/>
      <c r="W90" s="41"/>
      <c r="X90" s="41"/>
      <c r="Y90" s="41"/>
      <c r="Z90" s="41"/>
      <c r="AA90" s="41"/>
      <c r="AB90" s="41"/>
      <c r="AC90" s="41"/>
      <c r="AD90" s="41"/>
      <c r="AE90" s="41"/>
      <c r="AF90" s="41"/>
      <c r="AG90" s="41"/>
      <c r="AH90" s="41"/>
      <c r="AI90" s="41"/>
      <c r="AJ90" s="41"/>
      <c r="AK90" s="41"/>
      <c r="AL90" s="41"/>
      <c r="AM90" s="41"/>
      <c r="AN90" s="41"/>
      <c r="AO90" s="41"/>
      <c r="AP90" s="41"/>
      <c r="AQ90" s="41"/>
      <c r="AR90" s="41"/>
      <c r="AS90" s="41"/>
      <c r="AT90" s="41"/>
      <c r="AU90" s="41"/>
      <c r="AV90" s="41"/>
      <c r="AW90" s="41"/>
      <c r="AX90" s="41"/>
      <c r="AY90" s="41"/>
      <c r="AZ90" s="41"/>
      <c r="BA90" s="41"/>
      <c r="BB90" s="41"/>
      <c r="BC90" s="41"/>
      <c r="BD90" s="41"/>
    </row>
    <row r="91" spans="1:56" s="42" customFormat="1" ht="69.900000000000006" customHeight="1">
      <c r="A91" s="285" t="s">
        <v>71</v>
      </c>
      <c r="B91" s="286"/>
      <c r="C91" s="286"/>
      <c r="D91" s="286"/>
      <c r="E91" s="286"/>
      <c r="F91" s="286"/>
      <c r="G91" s="286"/>
      <c r="H91" s="286"/>
      <c r="I91" s="286"/>
      <c r="J91" s="287"/>
      <c r="K91" s="294" t="s">
        <v>68</v>
      </c>
      <c r="L91" s="295"/>
      <c r="M91" s="295"/>
      <c r="N91" s="295"/>
      <c r="O91" s="295"/>
      <c r="P91" s="296"/>
      <c r="Q91" s="134"/>
      <c r="R91" s="133"/>
      <c r="S91" s="39"/>
      <c r="T91" s="159"/>
      <c r="U91" s="41"/>
      <c r="V91" s="41"/>
      <c r="W91" s="41"/>
      <c r="X91" s="41"/>
      <c r="Y91" s="41"/>
      <c r="Z91" s="41"/>
      <c r="AA91" s="41"/>
      <c r="AB91" s="41"/>
      <c r="AC91" s="41"/>
      <c r="AD91" s="41"/>
      <c r="AE91" s="41"/>
      <c r="AF91" s="41"/>
      <c r="AG91" s="41"/>
      <c r="AH91" s="41"/>
      <c r="AI91" s="41"/>
      <c r="AJ91" s="41"/>
      <c r="AK91" s="41"/>
      <c r="AL91" s="41"/>
      <c r="AM91" s="41"/>
      <c r="AN91" s="41"/>
      <c r="AO91" s="41"/>
      <c r="AP91" s="41"/>
      <c r="AQ91" s="41"/>
      <c r="AR91" s="41"/>
      <c r="AS91" s="41"/>
      <c r="AT91" s="41"/>
      <c r="AU91" s="41"/>
      <c r="AV91" s="41"/>
      <c r="AW91" s="41"/>
      <c r="AX91" s="41"/>
      <c r="AY91" s="41"/>
      <c r="AZ91" s="41"/>
      <c r="BA91" s="41"/>
      <c r="BB91" s="41"/>
      <c r="BC91" s="41"/>
      <c r="BD91" s="41"/>
    </row>
    <row r="92" spans="1:56" s="42" customFormat="1" ht="69.900000000000006" customHeight="1">
      <c r="A92" s="288"/>
      <c r="B92" s="289"/>
      <c r="C92" s="289"/>
      <c r="D92" s="289"/>
      <c r="E92" s="289"/>
      <c r="F92" s="289"/>
      <c r="G92" s="289"/>
      <c r="H92" s="289"/>
      <c r="I92" s="289"/>
      <c r="J92" s="290"/>
      <c r="K92" s="294" t="s">
        <v>69</v>
      </c>
      <c r="L92" s="295"/>
      <c r="M92" s="295"/>
      <c r="N92" s="295"/>
      <c r="O92" s="295"/>
      <c r="P92" s="296"/>
      <c r="Q92" s="134"/>
      <c r="R92" s="133"/>
      <c r="S92" s="39"/>
      <c r="T92" s="159"/>
      <c r="U92" s="41"/>
      <c r="V92" s="41"/>
      <c r="W92" s="41"/>
      <c r="X92" s="41"/>
      <c r="Y92" s="41"/>
      <c r="Z92" s="41"/>
      <c r="AA92" s="41"/>
      <c r="AB92" s="41"/>
      <c r="AC92" s="41"/>
      <c r="AD92" s="41"/>
      <c r="AE92" s="41"/>
      <c r="AF92" s="41"/>
      <c r="AG92" s="41"/>
      <c r="AH92" s="41"/>
      <c r="AI92" s="41"/>
      <c r="AJ92" s="41"/>
      <c r="AK92" s="41"/>
      <c r="AL92" s="41"/>
      <c r="AM92" s="41"/>
      <c r="AN92" s="41"/>
      <c r="AO92" s="41"/>
      <c r="AP92" s="41"/>
      <c r="AQ92" s="41"/>
      <c r="AR92" s="41"/>
      <c r="AS92" s="41"/>
      <c r="AT92" s="41"/>
      <c r="AU92" s="41"/>
      <c r="AV92" s="41"/>
      <c r="AW92" s="41"/>
      <c r="AX92" s="41"/>
      <c r="AY92" s="41"/>
      <c r="AZ92" s="41"/>
      <c r="BA92" s="41"/>
      <c r="BB92" s="41"/>
      <c r="BC92" s="41"/>
      <c r="BD92" s="41"/>
    </row>
    <row r="93" spans="1:56" s="42" customFormat="1" ht="69.900000000000006" customHeight="1">
      <c r="A93" s="288"/>
      <c r="B93" s="289"/>
      <c r="C93" s="289"/>
      <c r="D93" s="289"/>
      <c r="E93" s="289"/>
      <c r="F93" s="289"/>
      <c r="G93" s="289"/>
      <c r="H93" s="289"/>
      <c r="I93" s="289"/>
      <c r="J93" s="290"/>
      <c r="K93" s="294" t="s">
        <v>70</v>
      </c>
      <c r="L93" s="295"/>
      <c r="M93" s="295"/>
      <c r="N93" s="295"/>
      <c r="O93" s="295"/>
      <c r="P93" s="296"/>
      <c r="Q93" s="134"/>
      <c r="R93" s="133"/>
      <c r="S93" s="39"/>
      <c r="T93" s="159"/>
      <c r="U93" s="41"/>
      <c r="V93" s="41"/>
      <c r="W93" s="41"/>
      <c r="X93" s="41"/>
      <c r="Y93" s="41"/>
      <c r="Z93" s="41"/>
      <c r="AA93" s="41"/>
      <c r="AB93" s="41"/>
      <c r="AC93" s="41"/>
      <c r="AD93" s="41"/>
      <c r="AE93" s="41"/>
      <c r="AF93" s="41"/>
      <c r="AG93" s="41"/>
      <c r="AH93" s="41"/>
      <c r="AI93" s="41"/>
      <c r="AJ93" s="41"/>
      <c r="AK93" s="41"/>
      <c r="AL93" s="41"/>
      <c r="AM93" s="41"/>
      <c r="AN93" s="41"/>
      <c r="AO93" s="41"/>
      <c r="AP93" s="41"/>
      <c r="AQ93" s="41"/>
      <c r="AR93" s="41"/>
      <c r="AS93" s="41"/>
      <c r="AT93" s="41"/>
      <c r="AU93" s="41"/>
      <c r="AV93" s="41"/>
      <c r="AW93" s="41"/>
      <c r="AX93" s="41"/>
      <c r="AY93" s="41"/>
      <c r="AZ93" s="41"/>
      <c r="BA93" s="41"/>
      <c r="BB93" s="41"/>
      <c r="BC93" s="41"/>
      <c r="BD93" s="41"/>
    </row>
    <row r="94" spans="1:56" s="42" customFormat="1" ht="69.900000000000006" customHeight="1">
      <c r="A94" s="301"/>
      <c r="B94" s="302"/>
      <c r="C94" s="302"/>
      <c r="D94" s="302"/>
      <c r="E94" s="302"/>
      <c r="F94" s="302"/>
      <c r="G94" s="302"/>
      <c r="H94" s="302"/>
      <c r="I94" s="302"/>
      <c r="J94" s="303"/>
      <c r="K94" s="304" t="s">
        <v>72</v>
      </c>
      <c r="L94" s="305"/>
      <c r="M94" s="306"/>
      <c r="N94" s="307"/>
      <c r="O94" s="307"/>
      <c r="P94" s="308"/>
      <c r="Q94" s="134"/>
      <c r="R94" s="133"/>
      <c r="S94" s="39"/>
      <c r="T94" s="159"/>
      <c r="U94" s="41"/>
      <c r="V94" s="41"/>
      <c r="W94" s="41"/>
      <c r="X94" s="41"/>
      <c r="Y94" s="41"/>
      <c r="Z94" s="41"/>
      <c r="AA94" s="41"/>
      <c r="AB94" s="41"/>
      <c r="AC94" s="41"/>
      <c r="AD94" s="41"/>
      <c r="AE94" s="41"/>
      <c r="AF94" s="41"/>
      <c r="AG94" s="41"/>
      <c r="AH94" s="41"/>
      <c r="AI94" s="41"/>
      <c r="AJ94" s="41"/>
      <c r="AK94" s="41"/>
      <c r="AL94" s="41"/>
      <c r="AM94" s="41"/>
      <c r="AN94" s="41"/>
      <c r="AO94" s="41"/>
      <c r="AP94" s="41"/>
      <c r="AQ94" s="41"/>
      <c r="AR94" s="41"/>
      <c r="AS94" s="41"/>
      <c r="AT94" s="41"/>
      <c r="AU94" s="41"/>
      <c r="AV94" s="41"/>
      <c r="AW94" s="41"/>
      <c r="AX94" s="41"/>
      <c r="AY94" s="41"/>
      <c r="AZ94" s="41"/>
      <c r="BA94" s="41"/>
      <c r="BB94" s="41"/>
      <c r="BC94" s="41"/>
      <c r="BD94" s="41"/>
    </row>
    <row r="95" spans="1:56" s="6" customFormat="1" ht="69.900000000000006" customHeight="1">
      <c r="A95" s="221" t="s">
        <v>25</v>
      </c>
      <c r="B95" s="222"/>
      <c r="C95" s="222"/>
      <c r="D95" s="222"/>
      <c r="E95" s="222"/>
      <c r="F95" s="222"/>
      <c r="G95" s="222"/>
      <c r="H95" s="222"/>
      <c r="I95" s="222"/>
      <c r="J95" s="222"/>
      <c r="K95" s="222"/>
      <c r="L95" s="223"/>
      <c r="M95" s="222"/>
      <c r="N95" s="222"/>
      <c r="O95" s="222"/>
      <c r="P95" s="224"/>
      <c r="Q95" s="155"/>
      <c r="R95" s="13"/>
      <c r="S95" s="157"/>
      <c r="T95" s="156"/>
    </row>
    <row r="96" spans="1:56" s="14" customFormat="1" ht="75" customHeight="1">
      <c r="A96" s="225"/>
      <c r="B96" s="226"/>
      <c r="C96" s="226"/>
      <c r="D96" s="226"/>
      <c r="E96" s="226"/>
      <c r="F96" s="226"/>
      <c r="G96" s="226"/>
      <c r="H96" s="226"/>
      <c r="I96" s="226"/>
      <c r="J96" s="226"/>
      <c r="K96" s="226"/>
      <c r="L96" s="227"/>
      <c r="M96" s="226"/>
      <c r="N96" s="226"/>
      <c r="O96" s="226"/>
      <c r="P96" s="228"/>
      <c r="Q96" s="129"/>
      <c r="R96" s="13"/>
      <c r="S96" s="17"/>
      <c r="T96" s="156"/>
    </row>
    <row r="97" spans="1:56" s="14" customFormat="1" ht="75" customHeight="1" thickBot="1">
      <c r="A97" s="229"/>
      <c r="B97" s="230"/>
      <c r="C97" s="230"/>
      <c r="D97" s="230"/>
      <c r="E97" s="230"/>
      <c r="F97" s="230"/>
      <c r="G97" s="230"/>
      <c r="H97" s="230"/>
      <c r="I97" s="230"/>
      <c r="J97" s="230"/>
      <c r="K97" s="230"/>
      <c r="L97" s="231"/>
      <c r="M97" s="230"/>
      <c r="N97" s="230"/>
      <c r="O97" s="230"/>
      <c r="P97" s="232"/>
      <c r="Q97" s="129"/>
      <c r="R97" s="13"/>
      <c r="S97" s="17"/>
      <c r="T97" s="156"/>
    </row>
    <row r="98" spans="1:56" s="6" customFormat="1" ht="69.900000000000006" customHeight="1" thickBot="1">
      <c r="A98" s="245" t="s">
        <v>73</v>
      </c>
      <c r="B98" s="246"/>
      <c r="C98" s="246"/>
      <c r="D98" s="246"/>
      <c r="E98" s="246"/>
      <c r="F98" s="246"/>
      <c r="G98" s="246"/>
      <c r="H98" s="246"/>
      <c r="I98" s="246"/>
      <c r="J98" s="246"/>
      <c r="K98" s="246"/>
      <c r="L98" s="247"/>
      <c r="M98" s="246"/>
      <c r="N98" s="246"/>
      <c r="O98" s="246"/>
      <c r="P98" s="248"/>
      <c r="Q98" s="129"/>
      <c r="R98" s="13"/>
      <c r="S98" s="22"/>
      <c r="T98" s="50"/>
      <c r="U98" s="20"/>
      <c r="V98" s="20"/>
      <c r="W98" s="20"/>
      <c r="X98" s="20"/>
      <c r="Y98" s="20"/>
      <c r="Z98" s="20"/>
      <c r="AA98" s="20"/>
      <c r="AB98" s="20"/>
      <c r="AC98" s="20"/>
      <c r="AD98" s="20"/>
      <c r="AE98" s="20"/>
      <c r="AF98" s="20"/>
      <c r="AG98" s="20"/>
      <c r="AH98" s="20"/>
      <c r="AI98" s="20"/>
      <c r="AJ98" s="20"/>
      <c r="AK98" s="20"/>
      <c r="AL98" s="20"/>
      <c r="AM98" s="20"/>
      <c r="AN98" s="20"/>
      <c r="AO98" s="20"/>
      <c r="AP98" s="20"/>
      <c r="AQ98" s="20"/>
      <c r="AR98" s="20"/>
      <c r="AS98" s="20"/>
      <c r="AT98" s="20"/>
      <c r="AU98" s="20"/>
      <c r="AV98" s="20"/>
      <c r="AW98" s="20"/>
      <c r="AX98" s="20"/>
      <c r="AY98" s="20"/>
      <c r="AZ98" s="20"/>
      <c r="BA98" s="20"/>
      <c r="BB98" s="20"/>
      <c r="BC98" s="20"/>
      <c r="BD98" s="20"/>
    </row>
    <row r="99" spans="1:56" s="14" customFormat="1" ht="409.6" customHeight="1" thickTop="1" thickBot="1">
      <c r="A99" s="249" t="s">
        <v>74</v>
      </c>
      <c r="B99" s="250"/>
      <c r="C99" s="250"/>
      <c r="D99" s="250"/>
      <c r="E99" s="250"/>
      <c r="F99" s="250"/>
      <c r="G99" s="250"/>
      <c r="H99" s="250"/>
      <c r="I99" s="250"/>
      <c r="J99" s="250"/>
      <c r="K99" s="250"/>
      <c r="L99" s="251"/>
      <c r="M99" s="250"/>
      <c r="N99" s="250"/>
      <c r="O99" s="297" t="s">
        <v>20</v>
      </c>
      <c r="P99" s="299" t="s">
        <v>21</v>
      </c>
      <c r="Q99" s="129"/>
      <c r="R99" s="13"/>
      <c r="S99" s="130"/>
      <c r="T99" s="50"/>
      <c r="U99" s="21"/>
      <c r="V99" s="21"/>
      <c r="W99" s="21"/>
      <c r="X99" s="21"/>
      <c r="Y99" s="21"/>
      <c r="Z99" s="21"/>
      <c r="AA99" s="21"/>
      <c r="AB99" s="21"/>
      <c r="AC99" s="21"/>
      <c r="AD99" s="21"/>
      <c r="AE99" s="21"/>
      <c r="AF99" s="21"/>
      <c r="AG99" s="21"/>
      <c r="AH99" s="21"/>
      <c r="AI99" s="21"/>
      <c r="AJ99" s="21"/>
      <c r="AK99" s="21"/>
      <c r="AL99" s="21"/>
      <c r="AM99" s="21"/>
      <c r="AN99" s="21"/>
      <c r="AO99" s="21"/>
      <c r="AP99" s="21"/>
      <c r="AQ99" s="21"/>
      <c r="AR99" s="21"/>
      <c r="AS99" s="21"/>
      <c r="AT99" s="21"/>
      <c r="AU99" s="21"/>
      <c r="AV99" s="21"/>
      <c r="AW99" s="21"/>
      <c r="AX99" s="21"/>
      <c r="AY99" s="21"/>
      <c r="AZ99" s="21"/>
      <c r="BA99" s="21"/>
      <c r="BB99" s="21"/>
      <c r="BC99" s="21"/>
      <c r="BD99" s="21"/>
    </row>
    <row r="100" spans="1:56" s="14" customFormat="1" ht="164.4" customHeight="1" thickTop="1">
      <c r="A100" s="252"/>
      <c r="B100" s="253"/>
      <c r="C100" s="253"/>
      <c r="D100" s="253"/>
      <c r="E100" s="253"/>
      <c r="F100" s="253"/>
      <c r="G100" s="253"/>
      <c r="H100" s="253"/>
      <c r="I100" s="253"/>
      <c r="J100" s="253"/>
      <c r="K100" s="253"/>
      <c r="L100" s="251"/>
      <c r="M100" s="253"/>
      <c r="N100" s="253"/>
      <c r="O100" s="298"/>
      <c r="P100" s="300"/>
      <c r="Q100" s="129"/>
      <c r="R100" s="13"/>
      <c r="S100" s="43"/>
      <c r="T100" s="50"/>
      <c r="U100" s="21"/>
      <c r="V100" s="21"/>
      <c r="W100" s="21"/>
      <c r="X100" s="21"/>
      <c r="Y100" s="21"/>
      <c r="Z100" s="21"/>
      <c r="AA100" s="21"/>
      <c r="AB100" s="21"/>
      <c r="AC100" s="21"/>
      <c r="AD100" s="21"/>
      <c r="AE100" s="21"/>
      <c r="AF100" s="21"/>
      <c r="AG100" s="21"/>
      <c r="AH100" s="21"/>
      <c r="AI100" s="21"/>
      <c r="AJ100" s="21"/>
      <c r="AK100" s="21"/>
      <c r="AL100" s="21"/>
      <c r="AM100" s="21"/>
      <c r="AN100" s="21"/>
      <c r="AO100" s="21"/>
      <c r="AP100" s="21"/>
      <c r="AQ100" s="21"/>
      <c r="AR100" s="21"/>
      <c r="AS100" s="21"/>
      <c r="AT100" s="21"/>
      <c r="AU100" s="21"/>
      <c r="AV100" s="21"/>
      <c r="AW100" s="21"/>
      <c r="AX100" s="21"/>
      <c r="AY100" s="21"/>
      <c r="AZ100" s="21"/>
      <c r="BA100" s="21"/>
      <c r="BB100" s="21"/>
      <c r="BC100" s="21"/>
      <c r="BD100" s="21"/>
    </row>
    <row r="101" spans="1:56" s="14" customFormat="1" ht="409.6" customHeight="1">
      <c r="A101" s="252"/>
      <c r="B101" s="253"/>
      <c r="C101" s="253"/>
      <c r="D101" s="253"/>
      <c r="E101" s="253"/>
      <c r="F101" s="253"/>
      <c r="G101" s="253"/>
      <c r="H101" s="253"/>
      <c r="I101" s="253"/>
      <c r="J101" s="253"/>
      <c r="K101" s="253"/>
      <c r="L101" s="214"/>
      <c r="M101" s="253"/>
      <c r="N101" s="253"/>
      <c r="O101" s="298"/>
      <c r="P101" s="300"/>
      <c r="Q101" s="129"/>
      <c r="R101" s="13"/>
      <c r="S101" s="43"/>
      <c r="T101" s="51"/>
      <c r="U101" s="21"/>
      <c r="V101" s="21"/>
      <c r="W101" s="21"/>
      <c r="X101" s="21"/>
      <c r="Y101" s="21"/>
      <c r="Z101" s="21"/>
      <c r="AA101" s="21"/>
      <c r="AB101" s="21"/>
      <c r="AC101" s="21"/>
      <c r="AD101" s="21"/>
      <c r="AE101" s="21"/>
      <c r="AF101" s="21"/>
      <c r="AG101" s="21"/>
      <c r="AH101" s="21"/>
      <c r="AI101" s="21"/>
      <c r="AJ101" s="21"/>
      <c r="AK101" s="21"/>
      <c r="AL101" s="21"/>
      <c r="AM101" s="21"/>
      <c r="AN101" s="21"/>
      <c r="AO101" s="21"/>
      <c r="AP101" s="21"/>
      <c r="AQ101" s="21"/>
      <c r="AR101" s="21"/>
      <c r="AS101" s="21"/>
      <c r="AT101" s="21"/>
      <c r="AU101" s="21"/>
      <c r="AV101" s="21"/>
      <c r="AW101" s="21"/>
      <c r="AX101" s="21"/>
      <c r="AY101" s="21"/>
      <c r="AZ101" s="21"/>
      <c r="BA101" s="21"/>
      <c r="BB101" s="21"/>
      <c r="BC101" s="21"/>
      <c r="BD101" s="21"/>
    </row>
    <row r="102" spans="1:56" s="6" customFormat="1" ht="69.900000000000006" customHeight="1">
      <c r="A102" s="270" t="s">
        <v>52</v>
      </c>
      <c r="B102" s="271"/>
      <c r="C102" s="271"/>
      <c r="D102" s="271"/>
      <c r="E102" s="271"/>
      <c r="F102" s="271"/>
      <c r="G102" s="271"/>
      <c r="H102" s="271"/>
      <c r="I102" s="271"/>
      <c r="J102" s="271"/>
      <c r="K102" s="271"/>
      <c r="L102" s="272"/>
      <c r="M102" s="271"/>
      <c r="N102" s="271"/>
      <c r="O102" s="271"/>
      <c r="P102" s="273"/>
      <c r="Q102" s="155"/>
      <c r="R102" s="13"/>
      <c r="S102" s="157"/>
      <c r="T102" s="156"/>
    </row>
    <row r="103" spans="1:56" s="6" customFormat="1" ht="69.900000000000006" customHeight="1">
      <c r="A103" s="274" t="s">
        <v>64</v>
      </c>
      <c r="B103" s="275"/>
      <c r="C103" s="275"/>
      <c r="D103" s="275"/>
      <c r="E103" s="275"/>
      <c r="F103" s="275"/>
      <c r="G103" s="275"/>
      <c r="H103" s="275"/>
      <c r="I103" s="275"/>
      <c r="J103" s="275"/>
      <c r="K103" s="275"/>
      <c r="L103" s="275"/>
      <c r="M103" s="275"/>
      <c r="N103" s="275"/>
      <c r="O103" s="275"/>
      <c r="P103" s="276"/>
      <c r="Q103" s="155"/>
      <c r="R103" s="13"/>
      <c r="S103" s="157"/>
      <c r="T103" s="156"/>
    </row>
    <row r="104" spans="1:56" s="14" customFormat="1" ht="70.2" customHeight="1">
      <c r="A104" s="312" t="s">
        <v>75</v>
      </c>
      <c r="B104" s="313"/>
      <c r="C104" s="313"/>
      <c r="D104" s="313"/>
      <c r="E104" s="313"/>
      <c r="F104" s="313"/>
      <c r="G104" s="313"/>
      <c r="H104" s="313"/>
      <c r="I104" s="313"/>
      <c r="J104" s="313"/>
      <c r="K104" s="313"/>
      <c r="L104" s="313"/>
      <c r="M104" s="313"/>
      <c r="N104" s="313"/>
      <c r="O104" s="313"/>
      <c r="P104" s="314"/>
      <c r="Q104" s="129"/>
      <c r="R104" s="13"/>
      <c r="S104" s="22"/>
      <c r="T104" s="158"/>
      <c r="U104" s="21"/>
      <c r="V104" s="21"/>
      <c r="W104" s="21"/>
      <c r="X104" s="21"/>
      <c r="Y104" s="21"/>
      <c r="Z104" s="21"/>
      <c r="AA104" s="21"/>
      <c r="AB104" s="21"/>
      <c r="AC104" s="21"/>
      <c r="AD104" s="21"/>
      <c r="AE104" s="21"/>
      <c r="AF104" s="21"/>
      <c r="AG104" s="21"/>
      <c r="AH104" s="21"/>
      <c r="AI104" s="21"/>
      <c r="AJ104" s="21"/>
      <c r="AK104" s="21"/>
      <c r="AL104" s="21"/>
      <c r="AM104" s="21"/>
      <c r="AN104" s="21"/>
      <c r="AO104" s="21"/>
      <c r="AP104" s="21"/>
      <c r="AQ104" s="21"/>
      <c r="AR104" s="21"/>
      <c r="AS104" s="21"/>
      <c r="AT104" s="21"/>
      <c r="AU104" s="21"/>
      <c r="AV104" s="21"/>
      <c r="AW104" s="21"/>
      <c r="AX104" s="21"/>
      <c r="AY104" s="21"/>
      <c r="AZ104" s="21"/>
      <c r="BA104" s="21"/>
      <c r="BB104" s="21"/>
      <c r="BC104" s="21"/>
      <c r="BD104" s="21"/>
    </row>
    <row r="105" spans="1:56" s="6" customFormat="1" ht="69.900000000000006" customHeight="1">
      <c r="A105" s="221" t="s">
        <v>25</v>
      </c>
      <c r="B105" s="222"/>
      <c r="C105" s="222"/>
      <c r="D105" s="222"/>
      <c r="E105" s="222"/>
      <c r="F105" s="222"/>
      <c r="G105" s="222"/>
      <c r="H105" s="222"/>
      <c r="I105" s="222"/>
      <c r="J105" s="222"/>
      <c r="K105" s="222"/>
      <c r="L105" s="223"/>
      <c r="M105" s="222"/>
      <c r="N105" s="222"/>
      <c r="O105" s="222"/>
      <c r="P105" s="224"/>
      <c r="Q105" s="155"/>
      <c r="R105" s="13"/>
      <c r="S105" s="157"/>
      <c r="T105" s="156"/>
    </row>
    <row r="106" spans="1:56" s="14" customFormat="1" ht="75" customHeight="1">
      <c r="A106" s="225"/>
      <c r="B106" s="226"/>
      <c r="C106" s="226"/>
      <c r="D106" s="226"/>
      <c r="E106" s="226"/>
      <c r="F106" s="226"/>
      <c r="G106" s="226"/>
      <c r="H106" s="226"/>
      <c r="I106" s="226"/>
      <c r="J106" s="226"/>
      <c r="K106" s="226"/>
      <c r="L106" s="227"/>
      <c r="M106" s="226"/>
      <c r="N106" s="226"/>
      <c r="O106" s="226"/>
      <c r="P106" s="228"/>
      <c r="Q106" s="129"/>
      <c r="R106" s="13"/>
      <c r="S106" s="17"/>
      <c r="T106" s="156"/>
    </row>
    <row r="107" spans="1:56" s="14" customFormat="1" ht="75" customHeight="1" thickBot="1">
      <c r="A107" s="229"/>
      <c r="B107" s="230"/>
      <c r="C107" s="230"/>
      <c r="D107" s="230"/>
      <c r="E107" s="230"/>
      <c r="F107" s="230"/>
      <c r="G107" s="230"/>
      <c r="H107" s="230"/>
      <c r="I107" s="230"/>
      <c r="J107" s="230"/>
      <c r="K107" s="230"/>
      <c r="L107" s="231"/>
      <c r="M107" s="230"/>
      <c r="N107" s="230"/>
      <c r="O107" s="230"/>
      <c r="P107" s="232"/>
      <c r="Q107" s="129"/>
      <c r="R107" s="13"/>
      <c r="S107" s="17"/>
      <c r="T107" s="156"/>
    </row>
    <row r="108" spans="1:56" s="6" customFormat="1" ht="69.900000000000006" customHeight="1" thickBot="1">
      <c r="A108" s="245" t="s">
        <v>76</v>
      </c>
      <c r="B108" s="246"/>
      <c r="C108" s="246"/>
      <c r="D108" s="246"/>
      <c r="E108" s="246"/>
      <c r="F108" s="246"/>
      <c r="G108" s="246"/>
      <c r="H108" s="246"/>
      <c r="I108" s="246"/>
      <c r="J108" s="246"/>
      <c r="K108" s="246"/>
      <c r="L108" s="247"/>
      <c r="M108" s="246"/>
      <c r="N108" s="246"/>
      <c r="O108" s="246"/>
      <c r="P108" s="248"/>
      <c r="Q108" s="129"/>
      <c r="R108" s="13"/>
      <c r="S108" s="22"/>
      <c r="T108" s="50"/>
      <c r="U108" s="20"/>
      <c r="V108" s="20"/>
      <c r="W108" s="20"/>
      <c r="X108" s="21"/>
      <c r="Y108" s="21"/>
      <c r="Z108" s="21"/>
      <c r="AA108" s="21"/>
      <c r="AB108" s="21"/>
      <c r="AC108" s="21"/>
      <c r="AD108" s="21"/>
      <c r="AE108" s="21"/>
      <c r="AF108" s="21"/>
      <c r="AG108" s="21"/>
      <c r="AH108" s="21"/>
      <c r="AI108" s="21"/>
      <c r="AJ108" s="21"/>
      <c r="AK108" s="21"/>
      <c r="AL108" s="21"/>
      <c r="AM108" s="21"/>
      <c r="AN108" s="20"/>
      <c r="AO108" s="20"/>
      <c r="AP108" s="20"/>
      <c r="AQ108" s="20"/>
      <c r="AR108" s="20"/>
      <c r="AS108" s="20"/>
      <c r="AT108" s="20"/>
      <c r="AU108" s="20"/>
      <c r="AV108" s="20"/>
      <c r="AW108" s="20"/>
      <c r="AX108" s="20"/>
      <c r="AY108" s="20"/>
      <c r="AZ108" s="20"/>
      <c r="BA108" s="20"/>
      <c r="BB108" s="20"/>
      <c r="BC108" s="20"/>
      <c r="BD108" s="20"/>
    </row>
    <row r="109" spans="1:56" s="14" customFormat="1" ht="140.1" customHeight="1" thickTop="1" thickBot="1">
      <c r="A109" s="309" t="s">
        <v>77</v>
      </c>
      <c r="B109" s="310"/>
      <c r="C109" s="310"/>
      <c r="D109" s="310"/>
      <c r="E109" s="310"/>
      <c r="F109" s="310"/>
      <c r="G109" s="310"/>
      <c r="H109" s="310"/>
      <c r="I109" s="310"/>
      <c r="J109" s="310"/>
      <c r="K109" s="310"/>
      <c r="L109" s="311"/>
      <c r="M109" s="310"/>
      <c r="N109" s="310"/>
      <c r="O109" s="44" t="s">
        <v>20</v>
      </c>
      <c r="P109" s="45" t="s">
        <v>21</v>
      </c>
      <c r="Q109" s="129"/>
      <c r="R109" s="13"/>
      <c r="S109" s="130"/>
      <c r="T109" s="50"/>
      <c r="U109" s="21"/>
      <c r="V109" s="21"/>
      <c r="W109" s="21"/>
      <c r="X109" s="21"/>
      <c r="Y109" s="21"/>
      <c r="Z109" s="21"/>
      <c r="AA109" s="21"/>
      <c r="AB109" s="21"/>
      <c r="AC109" s="21"/>
      <c r="AD109" s="21"/>
      <c r="AE109" s="21"/>
      <c r="AF109" s="21"/>
      <c r="AG109" s="21"/>
      <c r="AH109" s="21"/>
      <c r="AI109" s="21"/>
      <c r="AJ109" s="21"/>
      <c r="AK109" s="21"/>
      <c r="AL109" s="21"/>
      <c r="AM109" s="21"/>
      <c r="AN109" s="21"/>
      <c r="AO109" s="21"/>
      <c r="AP109" s="21"/>
      <c r="AQ109" s="21"/>
      <c r="AR109" s="21"/>
      <c r="AS109" s="21"/>
      <c r="AT109" s="21"/>
      <c r="AU109" s="21"/>
      <c r="AV109" s="21"/>
      <c r="AW109" s="21"/>
      <c r="AX109" s="21"/>
      <c r="AY109" s="21"/>
      <c r="AZ109" s="21"/>
      <c r="BA109" s="21"/>
      <c r="BB109" s="21"/>
      <c r="BC109" s="21"/>
      <c r="BD109" s="21"/>
    </row>
    <row r="110" spans="1:56" s="6" customFormat="1" ht="69.900000000000006" customHeight="1" thickTop="1">
      <c r="A110" s="221" t="s">
        <v>25</v>
      </c>
      <c r="B110" s="222"/>
      <c r="C110" s="222"/>
      <c r="D110" s="222"/>
      <c r="E110" s="222"/>
      <c r="F110" s="222"/>
      <c r="G110" s="222"/>
      <c r="H110" s="222"/>
      <c r="I110" s="222"/>
      <c r="J110" s="222"/>
      <c r="K110" s="222"/>
      <c r="L110" s="223"/>
      <c r="M110" s="222"/>
      <c r="N110" s="222"/>
      <c r="O110" s="222"/>
      <c r="P110" s="224"/>
      <c r="Q110" s="155"/>
      <c r="R110" s="13"/>
      <c r="S110" s="157"/>
      <c r="T110" s="156"/>
    </row>
    <row r="111" spans="1:56" s="14" customFormat="1" ht="75" customHeight="1">
      <c r="A111" s="225"/>
      <c r="B111" s="226"/>
      <c r="C111" s="226"/>
      <c r="D111" s="226"/>
      <c r="E111" s="226"/>
      <c r="F111" s="226"/>
      <c r="G111" s="226"/>
      <c r="H111" s="226"/>
      <c r="I111" s="226"/>
      <c r="J111" s="226"/>
      <c r="K111" s="226"/>
      <c r="L111" s="227"/>
      <c r="M111" s="226"/>
      <c r="N111" s="226"/>
      <c r="O111" s="226"/>
      <c r="P111" s="228"/>
      <c r="Q111" s="129"/>
      <c r="R111" s="13"/>
      <c r="S111" s="17"/>
      <c r="T111" s="156"/>
    </row>
    <row r="112" spans="1:56" s="14" customFormat="1" ht="75" customHeight="1" thickBot="1">
      <c r="A112" s="229"/>
      <c r="B112" s="230"/>
      <c r="C112" s="230"/>
      <c r="D112" s="230"/>
      <c r="E112" s="230"/>
      <c r="F112" s="230"/>
      <c r="G112" s="230"/>
      <c r="H112" s="230"/>
      <c r="I112" s="230"/>
      <c r="J112" s="230"/>
      <c r="K112" s="230"/>
      <c r="L112" s="231"/>
      <c r="M112" s="230"/>
      <c r="N112" s="230"/>
      <c r="O112" s="230"/>
      <c r="P112" s="232"/>
      <c r="Q112" s="129"/>
      <c r="R112" s="13"/>
      <c r="S112" s="207"/>
      <c r="T112" s="156"/>
    </row>
    <row r="113" spans="1:56" s="6" customFormat="1" ht="69.900000000000006" customHeight="1" thickBot="1">
      <c r="A113" s="245" t="s">
        <v>78</v>
      </c>
      <c r="B113" s="246"/>
      <c r="C113" s="246"/>
      <c r="D113" s="246"/>
      <c r="E113" s="246"/>
      <c r="F113" s="246"/>
      <c r="G113" s="246"/>
      <c r="H113" s="246"/>
      <c r="I113" s="246"/>
      <c r="J113" s="246"/>
      <c r="K113" s="246"/>
      <c r="L113" s="247"/>
      <c r="M113" s="246"/>
      <c r="N113" s="246"/>
      <c r="O113" s="246"/>
      <c r="P113" s="248"/>
      <c r="Q113" s="129"/>
      <c r="R113" s="13"/>
      <c r="S113" s="206" t="s">
        <v>79</v>
      </c>
      <c r="T113" s="50"/>
      <c r="U113" s="20"/>
      <c r="V113" s="20"/>
      <c r="W113" s="20"/>
      <c r="X113" s="20"/>
      <c r="Y113" s="20"/>
      <c r="Z113" s="20"/>
      <c r="AA113" s="20"/>
      <c r="AB113" s="20"/>
      <c r="AC113" s="20"/>
      <c r="AD113" s="20"/>
      <c r="AE113" s="20"/>
      <c r="AF113" s="20"/>
      <c r="AG113" s="20"/>
      <c r="AH113" s="20"/>
      <c r="AI113" s="20"/>
      <c r="AJ113" s="20"/>
      <c r="AK113" s="20"/>
      <c r="AL113" s="20"/>
      <c r="AM113" s="20"/>
      <c r="AN113" s="20"/>
      <c r="AO113" s="20"/>
      <c r="AP113" s="20"/>
      <c r="AQ113" s="20"/>
      <c r="AR113" s="20"/>
      <c r="AS113" s="20"/>
      <c r="AT113" s="20"/>
      <c r="AU113" s="20"/>
      <c r="AV113" s="20"/>
      <c r="AW113" s="20"/>
      <c r="AX113" s="20"/>
      <c r="AY113" s="20"/>
      <c r="AZ113" s="20"/>
      <c r="BA113" s="20"/>
      <c r="BB113" s="20"/>
      <c r="BC113" s="20"/>
      <c r="BD113" s="20"/>
    </row>
    <row r="114" spans="1:56" s="14" customFormat="1" ht="140.1" customHeight="1" thickTop="1" thickBot="1">
      <c r="A114" s="321" t="s">
        <v>80</v>
      </c>
      <c r="B114" s="322"/>
      <c r="C114" s="322"/>
      <c r="D114" s="322"/>
      <c r="E114" s="322"/>
      <c r="F114" s="322"/>
      <c r="G114" s="322"/>
      <c r="H114" s="322"/>
      <c r="I114" s="322"/>
      <c r="J114" s="322"/>
      <c r="K114" s="322"/>
      <c r="L114" s="323"/>
      <c r="M114" s="322"/>
      <c r="N114" s="322"/>
      <c r="O114" s="46" t="s">
        <v>20</v>
      </c>
      <c r="P114" s="47" t="s">
        <v>21</v>
      </c>
      <c r="Q114" s="129"/>
      <c r="R114" s="13"/>
      <c r="S114" s="130"/>
      <c r="T114" s="50"/>
      <c r="U114" s="21"/>
      <c r="V114" s="21"/>
      <c r="W114" s="21"/>
      <c r="X114" s="20"/>
      <c r="Y114" s="20"/>
      <c r="Z114" s="20"/>
      <c r="AA114" s="20"/>
      <c r="AB114" s="20"/>
      <c r="AC114" s="20"/>
      <c r="AD114" s="20"/>
      <c r="AE114" s="20"/>
      <c r="AF114" s="20"/>
      <c r="AG114" s="20"/>
      <c r="AH114" s="20"/>
      <c r="AI114" s="20"/>
      <c r="AJ114" s="20"/>
      <c r="AK114" s="20"/>
      <c r="AL114" s="20"/>
      <c r="AM114" s="20"/>
      <c r="AN114" s="21"/>
      <c r="AO114" s="21"/>
      <c r="AP114" s="21"/>
      <c r="AQ114" s="21"/>
      <c r="AR114" s="21"/>
      <c r="AS114" s="21"/>
      <c r="AT114" s="21"/>
      <c r="AU114" s="21"/>
      <c r="AV114" s="21"/>
      <c r="AW114" s="21"/>
      <c r="AX114" s="21"/>
      <c r="AY114" s="21"/>
      <c r="AZ114" s="21"/>
      <c r="BA114" s="21"/>
      <c r="BB114" s="21"/>
      <c r="BC114" s="21"/>
      <c r="BD114" s="21"/>
    </row>
    <row r="115" spans="1:56" s="6" customFormat="1" ht="69.900000000000006" customHeight="1" thickTop="1">
      <c r="A115" s="324" t="s">
        <v>25</v>
      </c>
      <c r="B115" s="325"/>
      <c r="C115" s="325"/>
      <c r="D115" s="325"/>
      <c r="E115" s="325"/>
      <c r="F115" s="325"/>
      <c r="G115" s="325"/>
      <c r="H115" s="325"/>
      <c r="I115" s="325"/>
      <c r="J115" s="325"/>
      <c r="K115" s="325"/>
      <c r="L115" s="326"/>
      <c r="M115" s="325"/>
      <c r="N115" s="325"/>
      <c r="O115" s="325"/>
      <c r="P115" s="327"/>
      <c r="Q115" s="155"/>
      <c r="R115" s="13"/>
      <c r="S115" s="157"/>
      <c r="T115" s="156"/>
    </row>
    <row r="116" spans="1:56" s="14" customFormat="1" ht="75" customHeight="1">
      <c r="A116" s="225"/>
      <c r="B116" s="226"/>
      <c r="C116" s="226"/>
      <c r="D116" s="226"/>
      <c r="E116" s="226"/>
      <c r="F116" s="226"/>
      <c r="G116" s="226"/>
      <c r="H116" s="226"/>
      <c r="I116" s="226"/>
      <c r="J116" s="226"/>
      <c r="K116" s="226"/>
      <c r="L116" s="227"/>
      <c r="M116" s="226"/>
      <c r="N116" s="226"/>
      <c r="O116" s="226"/>
      <c r="P116" s="228"/>
      <c r="Q116" s="129"/>
      <c r="R116" s="13"/>
      <c r="S116" s="17"/>
      <c r="T116" s="156"/>
    </row>
    <row r="117" spans="1:56" s="14" customFormat="1" ht="75" customHeight="1" thickBot="1">
      <c r="A117" s="229"/>
      <c r="B117" s="230"/>
      <c r="C117" s="230"/>
      <c r="D117" s="230"/>
      <c r="E117" s="230"/>
      <c r="F117" s="230"/>
      <c r="G117" s="230"/>
      <c r="H117" s="230"/>
      <c r="I117" s="230"/>
      <c r="J117" s="230"/>
      <c r="K117" s="230"/>
      <c r="L117" s="231"/>
      <c r="M117" s="230"/>
      <c r="N117" s="230"/>
      <c r="O117" s="230"/>
      <c r="P117" s="232"/>
      <c r="Q117" s="129"/>
      <c r="R117" s="13"/>
      <c r="S117" s="17"/>
      <c r="T117" s="156"/>
    </row>
    <row r="118" spans="1:56" s="6" customFormat="1" ht="69.900000000000006" customHeight="1" thickBot="1">
      <c r="A118" s="328" t="s">
        <v>81</v>
      </c>
      <c r="B118" s="329"/>
      <c r="C118" s="329"/>
      <c r="D118" s="329"/>
      <c r="E118" s="329"/>
      <c r="F118" s="329"/>
      <c r="G118" s="329"/>
      <c r="H118" s="329"/>
      <c r="I118" s="329"/>
      <c r="J118" s="329"/>
      <c r="K118" s="329"/>
      <c r="L118" s="329"/>
      <c r="M118" s="329"/>
      <c r="N118" s="329"/>
      <c r="O118" s="329"/>
      <c r="P118" s="330"/>
      <c r="Q118" s="155"/>
      <c r="R118" s="13"/>
      <c r="S118" s="22"/>
      <c r="T118" s="50"/>
      <c r="U118" s="20"/>
      <c r="V118" s="20"/>
      <c r="W118" s="20"/>
      <c r="X118" s="21"/>
      <c r="Y118" s="21"/>
      <c r="Z118" s="21"/>
      <c r="AA118" s="21"/>
      <c r="AB118" s="21"/>
      <c r="AC118" s="21"/>
      <c r="AD118" s="21"/>
      <c r="AE118" s="21"/>
      <c r="AF118" s="21"/>
      <c r="AG118" s="21"/>
      <c r="AH118" s="21"/>
      <c r="AI118" s="21"/>
      <c r="AJ118" s="21"/>
      <c r="AK118" s="21"/>
      <c r="AL118" s="21"/>
      <c r="AM118" s="21"/>
      <c r="AN118" s="20"/>
      <c r="AO118" s="20"/>
      <c r="AP118" s="20"/>
      <c r="AQ118" s="20"/>
      <c r="AR118" s="20"/>
      <c r="AS118" s="20"/>
      <c r="AT118" s="20"/>
      <c r="AU118" s="20"/>
      <c r="AV118" s="20"/>
      <c r="AW118" s="20"/>
      <c r="AX118" s="20"/>
      <c r="AY118" s="20"/>
      <c r="AZ118" s="20"/>
      <c r="BA118" s="20"/>
      <c r="BB118" s="20"/>
      <c r="BC118" s="20"/>
      <c r="BD118" s="20"/>
    </row>
    <row r="119" spans="1:56" s="6" customFormat="1" ht="69.900000000000006" customHeight="1" thickBot="1">
      <c r="A119" s="245" t="s">
        <v>82</v>
      </c>
      <c r="B119" s="246"/>
      <c r="C119" s="246"/>
      <c r="D119" s="246"/>
      <c r="E119" s="246"/>
      <c r="F119" s="246"/>
      <c r="G119" s="246"/>
      <c r="H119" s="246"/>
      <c r="I119" s="246"/>
      <c r="J119" s="246"/>
      <c r="K119" s="246"/>
      <c r="L119" s="247"/>
      <c r="M119" s="246"/>
      <c r="N119" s="246"/>
      <c r="O119" s="246"/>
      <c r="P119" s="248"/>
      <c r="Q119" s="129"/>
      <c r="R119" s="13"/>
      <c r="S119" s="22"/>
      <c r="T119" s="50"/>
      <c r="U119" s="20"/>
      <c r="V119" s="20"/>
      <c r="W119" s="20"/>
      <c r="X119" s="20"/>
      <c r="Y119" s="20"/>
      <c r="Z119" s="20"/>
      <c r="AA119" s="20"/>
      <c r="AB119" s="20"/>
      <c r="AC119" s="20"/>
      <c r="AD119" s="20"/>
      <c r="AE119" s="20"/>
      <c r="AF119" s="20"/>
      <c r="AG119" s="20"/>
      <c r="AH119" s="20"/>
      <c r="AI119" s="20"/>
      <c r="AJ119" s="20"/>
      <c r="AK119" s="20"/>
      <c r="AL119" s="20"/>
      <c r="AM119" s="20"/>
      <c r="AN119" s="20"/>
      <c r="AO119" s="20"/>
      <c r="AP119" s="20"/>
      <c r="AQ119" s="20"/>
      <c r="AR119" s="20"/>
      <c r="AS119" s="20"/>
      <c r="AT119" s="20"/>
      <c r="AU119" s="20"/>
      <c r="AV119" s="20"/>
      <c r="AW119" s="20"/>
      <c r="AX119" s="20"/>
      <c r="AY119" s="20"/>
      <c r="AZ119" s="20"/>
      <c r="BA119" s="20"/>
      <c r="BB119" s="20"/>
      <c r="BC119" s="20"/>
      <c r="BD119" s="20"/>
    </row>
    <row r="120" spans="1:56" s="14" customFormat="1" ht="389.4" customHeight="1" thickTop="1" thickBot="1">
      <c r="A120" s="249" t="s">
        <v>83</v>
      </c>
      <c r="B120" s="250"/>
      <c r="C120" s="250"/>
      <c r="D120" s="250"/>
      <c r="E120" s="250"/>
      <c r="F120" s="250"/>
      <c r="G120" s="250"/>
      <c r="H120" s="250"/>
      <c r="I120" s="250"/>
      <c r="J120" s="250"/>
      <c r="K120" s="250"/>
      <c r="L120" s="251"/>
      <c r="M120" s="250"/>
      <c r="N120" s="250"/>
      <c r="O120" s="16" t="s">
        <v>20</v>
      </c>
      <c r="P120" s="132" t="s">
        <v>21</v>
      </c>
      <c r="Q120" s="129"/>
      <c r="R120" s="13"/>
      <c r="S120" s="130"/>
      <c r="T120" s="50"/>
      <c r="U120" s="21"/>
      <c r="V120" s="21"/>
      <c r="W120" s="21"/>
      <c r="X120" s="20"/>
      <c r="Y120" s="20"/>
      <c r="Z120" s="20"/>
      <c r="AA120" s="20"/>
      <c r="AB120" s="20"/>
      <c r="AC120" s="20"/>
      <c r="AD120" s="20"/>
      <c r="AE120" s="20"/>
      <c r="AF120" s="20"/>
      <c r="AG120" s="20"/>
      <c r="AH120" s="20"/>
      <c r="AI120" s="20"/>
      <c r="AJ120" s="20"/>
      <c r="AK120" s="20"/>
      <c r="AL120" s="20"/>
      <c r="AM120" s="20"/>
      <c r="AN120" s="21"/>
      <c r="AO120" s="21"/>
      <c r="AP120" s="21"/>
      <c r="AQ120" s="21"/>
      <c r="AR120" s="21"/>
      <c r="AS120" s="21"/>
      <c r="AT120" s="21"/>
      <c r="AU120" s="21"/>
      <c r="AV120" s="21"/>
      <c r="AW120" s="21"/>
      <c r="AX120" s="21"/>
      <c r="AY120" s="21"/>
      <c r="AZ120" s="21"/>
      <c r="BA120" s="21"/>
      <c r="BB120" s="21"/>
      <c r="BC120" s="21"/>
      <c r="BD120" s="21"/>
    </row>
    <row r="121" spans="1:56" s="6" customFormat="1" ht="69.900000000000006" customHeight="1" thickTop="1">
      <c r="A121" s="270" t="s">
        <v>52</v>
      </c>
      <c r="B121" s="271"/>
      <c r="C121" s="271"/>
      <c r="D121" s="271"/>
      <c r="E121" s="271"/>
      <c r="F121" s="271"/>
      <c r="G121" s="271"/>
      <c r="H121" s="271"/>
      <c r="I121" s="271"/>
      <c r="J121" s="271"/>
      <c r="K121" s="271"/>
      <c r="L121" s="272"/>
      <c r="M121" s="271"/>
      <c r="N121" s="271"/>
      <c r="O121" s="271"/>
      <c r="P121" s="273"/>
      <c r="Q121" s="155"/>
      <c r="R121" s="13"/>
      <c r="S121" s="157"/>
      <c r="T121" s="156"/>
    </row>
    <row r="122" spans="1:56" s="6" customFormat="1" ht="69.900000000000006" customHeight="1">
      <c r="A122" s="274" t="s">
        <v>64</v>
      </c>
      <c r="B122" s="275"/>
      <c r="C122" s="275"/>
      <c r="D122" s="275"/>
      <c r="E122" s="275"/>
      <c r="F122" s="275"/>
      <c r="G122" s="275"/>
      <c r="H122" s="275"/>
      <c r="I122" s="275"/>
      <c r="J122" s="275"/>
      <c r="K122" s="275"/>
      <c r="L122" s="275"/>
      <c r="M122" s="275"/>
      <c r="N122" s="275"/>
      <c r="O122" s="275"/>
      <c r="P122" s="276"/>
      <c r="Q122" s="155"/>
      <c r="R122" s="13"/>
      <c r="S122" s="157"/>
      <c r="T122" s="156"/>
    </row>
    <row r="123" spans="1:56" s="42" customFormat="1" ht="69.900000000000006" customHeight="1">
      <c r="A123" s="315" t="s">
        <v>84</v>
      </c>
      <c r="B123" s="316"/>
      <c r="C123" s="316"/>
      <c r="D123" s="316"/>
      <c r="E123" s="316"/>
      <c r="F123" s="316"/>
      <c r="G123" s="316"/>
      <c r="H123" s="316"/>
      <c r="I123" s="316"/>
      <c r="J123" s="316"/>
      <c r="K123" s="316"/>
      <c r="L123" s="316"/>
      <c r="M123" s="316"/>
      <c r="N123" s="316"/>
      <c r="O123" s="316"/>
      <c r="P123" s="317"/>
      <c r="Q123" s="134"/>
      <c r="R123" s="133"/>
      <c r="S123" s="39"/>
      <c r="T123" s="159"/>
      <c r="U123" s="41"/>
      <c r="V123" s="41"/>
      <c r="W123" s="41"/>
      <c r="X123" s="41"/>
      <c r="Y123" s="41"/>
      <c r="Z123" s="41"/>
      <c r="AA123" s="41"/>
      <c r="AB123" s="41"/>
      <c r="AC123" s="41"/>
      <c r="AD123" s="41"/>
      <c r="AE123" s="41"/>
      <c r="AF123" s="41"/>
      <c r="AG123" s="41"/>
      <c r="AH123" s="41"/>
      <c r="AI123" s="41"/>
      <c r="AJ123" s="41"/>
      <c r="AK123" s="41"/>
      <c r="AL123" s="41"/>
      <c r="AM123" s="41"/>
      <c r="AN123" s="41"/>
      <c r="AO123" s="41"/>
      <c r="AP123" s="41"/>
      <c r="AQ123" s="41"/>
      <c r="AR123" s="41"/>
      <c r="AS123" s="41"/>
      <c r="AT123" s="41"/>
      <c r="AU123" s="41"/>
      <c r="AV123" s="41"/>
      <c r="AW123" s="41"/>
      <c r="AX123" s="41"/>
      <c r="AY123" s="41"/>
      <c r="AZ123" s="41"/>
      <c r="BA123" s="41"/>
      <c r="BB123" s="41"/>
      <c r="BC123" s="41"/>
      <c r="BD123" s="41"/>
    </row>
    <row r="124" spans="1:56" s="42" customFormat="1" ht="69.900000000000006" customHeight="1">
      <c r="A124" s="318" t="s">
        <v>85</v>
      </c>
      <c r="B124" s="319"/>
      <c r="C124" s="319"/>
      <c r="D124" s="319"/>
      <c r="E124" s="319"/>
      <c r="F124" s="319"/>
      <c r="G124" s="319"/>
      <c r="H124" s="319"/>
      <c r="I124" s="319"/>
      <c r="J124" s="319"/>
      <c r="K124" s="319"/>
      <c r="L124" s="319"/>
      <c r="M124" s="319"/>
      <c r="N124" s="319"/>
      <c r="O124" s="319"/>
      <c r="P124" s="320"/>
      <c r="Q124" s="134"/>
      <c r="R124" s="133"/>
      <c r="S124" s="39"/>
      <c r="T124" s="159"/>
      <c r="U124" s="41"/>
      <c r="V124" s="41"/>
      <c r="W124" s="41"/>
      <c r="X124" s="41"/>
      <c r="Y124" s="41"/>
      <c r="Z124" s="41"/>
      <c r="AA124" s="41"/>
      <c r="AB124" s="41"/>
      <c r="AC124" s="41"/>
      <c r="AD124" s="41"/>
      <c r="AE124" s="41"/>
      <c r="AF124" s="41"/>
      <c r="AG124" s="41"/>
      <c r="AH124" s="41"/>
      <c r="AI124" s="41"/>
      <c r="AJ124" s="41"/>
      <c r="AK124" s="41"/>
      <c r="AL124" s="41"/>
      <c r="AM124" s="41"/>
      <c r="AN124" s="41"/>
      <c r="AO124" s="41"/>
      <c r="AP124" s="41"/>
      <c r="AQ124" s="41"/>
      <c r="AR124" s="41"/>
      <c r="AS124" s="41"/>
      <c r="AT124" s="41"/>
      <c r="AU124" s="41"/>
      <c r="AV124" s="41"/>
      <c r="AW124" s="41"/>
      <c r="AX124" s="41"/>
      <c r="AY124" s="41"/>
      <c r="AZ124" s="41"/>
      <c r="BA124" s="41"/>
      <c r="BB124" s="41"/>
      <c r="BC124" s="41"/>
      <c r="BD124" s="41"/>
    </row>
    <row r="125" spans="1:56" s="6" customFormat="1" ht="69.900000000000006" customHeight="1">
      <c r="A125" s="221" t="s">
        <v>25</v>
      </c>
      <c r="B125" s="222"/>
      <c r="C125" s="222"/>
      <c r="D125" s="222"/>
      <c r="E125" s="222"/>
      <c r="F125" s="222"/>
      <c r="G125" s="222"/>
      <c r="H125" s="222"/>
      <c r="I125" s="222"/>
      <c r="J125" s="222"/>
      <c r="K125" s="222"/>
      <c r="L125" s="223"/>
      <c r="M125" s="222"/>
      <c r="N125" s="222"/>
      <c r="O125" s="222"/>
      <c r="P125" s="224"/>
      <c r="Q125" s="155"/>
      <c r="R125" s="13"/>
      <c r="S125" s="157"/>
      <c r="T125" s="156"/>
    </row>
    <row r="126" spans="1:56" s="14" customFormat="1" ht="75" customHeight="1">
      <c r="A126" s="225"/>
      <c r="B126" s="226"/>
      <c r="C126" s="226"/>
      <c r="D126" s="226"/>
      <c r="E126" s="226"/>
      <c r="F126" s="226"/>
      <c r="G126" s="226"/>
      <c r="H126" s="226"/>
      <c r="I126" s="226"/>
      <c r="J126" s="226"/>
      <c r="K126" s="226"/>
      <c r="L126" s="227"/>
      <c r="M126" s="226"/>
      <c r="N126" s="226"/>
      <c r="O126" s="226"/>
      <c r="P126" s="228"/>
      <c r="Q126" s="129"/>
      <c r="R126" s="13"/>
      <c r="S126" s="17"/>
      <c r="T126" s="156"/>
    </row>
    <row r="127" spans="1:56" s="14" customFormat="1" ht="75" customHeight="1" thickBot="1">
      <c r="A127" s="229"/>
      <c r="B127" s="230"/>
      <c r="C127" s="230"/>
      <c r="D127" s="230"/>
      <c r="E127" s="230"/>
      <c r="F127" s="230"/>
      <c r="G127" s="230"/>
      <c r="H127" s="230"/>
      <c r="I127" s="230"/>
      <c r="J127" s="230"/>
      <c r="K127" s="230"/>
      <c r="L127" s="231"/>
      <c r="M127" s="230"/>
      <c r="N127" s="230"/>
      <c r="O127" s="230"/>
      <c r="P127" s="232"/>
      <c r="Q127" s="129"/>
      <c r="R127" s="13"/>
      <c r="S127" s="17"/>
      <c r="T127" s="156"/>
    </row>
    <row r="128" spans="1:56" s="6" customFormat="1" ht="69.900000000000006" customHeight="1" thickBot="1">
      <c r="A128" s="245" t="s">
        <v>86</v>
      </c>
      <c r="B128" s="246"/>
      <c r="C128" s="246"/>
      <c r="D128" s="246"/>
      <c r="E128" s="246"/>
      <c r="F128" s="246"/>
      <c r="G128" s="246"/>
      <c r="H128" s="246"/>
      <c r="I128" s="246"/>
      <c r="J128" s="246"/>
      <c r="K128" s="246"/>
      <c r="L128" s="247"/>
      <c r="M128" s="246"/>
      <c r="N128" s="246"/>
      <c r="O128" s="246"/>
      <c r="P128" s="248"/>
      <c r="Q128" s="129"/>
      <c r="R128" s="13"/>
      <c r="S128" s="22"/>
      <c r="T128" s="50"/>
      <c r="U128" s="20"/>
      <c r="V128" s="20"/>
      <c r="W128" s="20"/>
      <c r="X128" s="21"/>
      <c r="Y128" s="21"/>
      <c r="Z128" s="21"/>
      <c r="AA128" s="21"/>
      <c r="AB128" s="21"/>
      <c r="AC128" s="21"/>
      <c r="AD128" s="21"/>
      <c r="AE128" s="21"/>
      <c r="AF128" s="21"/>
      <c r="AG128" s="21"/>
      <c r="AH128" s="21"/>
      <c r="AI128" s="21"/>
      <c r="AJ128" s="21"/>
      <c r="AK128" s="21"/>
      <c r="AL128" s="21"/>
      <c r="AM128" s="21"/>
      <c r="AN128" s="20"/>
      <c r="AO128" s="20"/>
      <c r="AP128" s="20"/>
      <c r="AQ128" s="20"/>
      <c r="AR128" s="20"/>
      <c r="AS128" s="20"/>
      <c r="AT128" s="20"/>
      <c r="AU128" s="20"/>
      <c r="AV128" s="20"/>
      <c r="AW128" s="20"/>
      <c r="AX128" s="20"/>
      <c r="AY128" s="20"/>
      <c r="AZ128" s="20"/>
      <c r="BA128" s="20"/>
      <c r="BB128" s="20"/>
      <c r="BC128" s="20"/>
      <c r="BD128" s="20"/>
    </row>
    <row r="129" spans="1:56" s="14" customFormat="1" ht="199.95" customHeight="1" thickTop="1" thickBot="1">
      <c r="A129" s="249" t="s">
        <v>87</v>
      </c>
      <c r="B129" s="250"/>
      <c r="C129" s="250"/>
      <c r="D129" s="250"/>
      <c r="E129" s="250"/>
      <c r="F129" s="250"/>
      <c r="G129" s="250"/>
      <c r="H129" s="250"/>
      <c r="I129" s="250"/>
      <c r="J129" s="250"/>
      <c r="K129" s="250"/>
      <c r="L129" s="251"/>
      <c r="M129" s="250"/>
      <c r="N129" s="250"/>
      <c r="O129" s="16" t="s">
        <v>20</v>
      </c>
      <c r="P129" s="132" t="s">
        <v>21</v>
      </c>
      <c r="Q129" s="129"/>
      <c r="R129" s="13"/>
      <c r="S129" s="130"/>
      <c r="T129" s="50"/>
      <c r="U129" s="21"/>
      <c r="V129" s="21"/>
      <c r="W129" s="21"/>
      <c r="X129" s="21"/>
      <c r="Y129" s="21"/>
      <c r="Z129" s="21"/>
      <c r="AA129" s="21"/>
      <c r="AB129" s="21"/>
      <c r="AC129" s="21"/>
      <c r="AD129" s="21"/>
      <c r="AE129" s="21"/>
      <c r="AF129" s="21"/>
      <c r="AG129" s="21"/>
      <c r="AH129" s="21"/>
      <c r="AI129" s="21"/>
      <c r="AJ129" s="21"/>
      <c r="AK129" s="21"/>
      <c r="AL129" s="21"/>
      <c r="AM129" s="21"/>
      <c r="AN129" s="21"/>
      <c r="AO129" s="21"/>
      <c r="AP129" s="21"/>
      <c r="AQ129" s="21"/>
      <c r="AR129" s="21"/>
      <c r="AS129" s="21"/>
      <c r="AT129" s="21"/>
      <c r="AU129" s="21"/>
      <c r="AV129" s="21"/>
      <c r="AW129" s="21"/>
      <c r="AX129" s="21"/>
      <c r="AY129" s="21"/>
      <c r="AZ129" s="21"/>
      <c r="BA129" s="21"/>
      <c r="BB129" s="21"/>
      <c r="BC129" s="21"/>
      <c r="BD129" s="21"/>
    </row>
    <row r="130" spans="1:56" s="6" customFormat="1" ht="69.900000000000006" customHeight="1" thickTop="1">
      <c r="A130" s="221" t="s">
        <v>25</v>
      </c>
      <c r="B130" s="222"/>
      <c r="C130" s="222"/>
      <c r="D130" s="222"/>
      <c r="E130" s="222"/>
      <c r="F130" s="222"/>
      <c r="G130" s="222"/>
      <c r="H130" s="222"/>
      <c r="I130" s="222"/>
      <c r="J130" s="222"/>
      <c r="K130" s="222"/>
      <c r="L130" s="223"/>
      <c r="M130" s="222"/>
      <c r="N130" s="222"/>
      <c r="O130" s="222"/>
      <c r="P130" s="224"/>
      <c r="Q130" s="155"/>
      <c r="R130" s="13"/>
      <c r="S130" s="157"/>
      <c r="T130" s="156"/>
    </row>
    <row r="131" spans="1:56" s="14" customFormat="1" ht="75" customHeight="1">
      <c r="A131" s="225"/>
      <c r="B131" s="226"/>
      <c r="C131" s="226"/>
      <c r="D131" s="226"/>
      <c r="E131" s="226"/>
      <c r="F131" s="226"/>
      <c r="G131" s="226"/>
      <c r="H131" s="226"/>
      <c r="I131" s="226"/>
      <c r="J131" s="226"/>
      <c r="K131" s="226"/>
      <c r="L131" s="227"/>
      <c r="M131" s="226"/>
      <c r="N131" s="226"/>
      <c r="O131" s="226"/>
      <c r="P131" s="228"/>
      <c r="Q131" s="129"/>
      <c r="R131" s="13"/>
      <c r="S131" s="17"/>
      <c r="T131" s="156"/>
    </row>
    <row r="132" spans="1:56" s="14" customFormat="1" ht="75" customHeight="1" thickBot="1">
      <c r="A132" s="229"/>
      <c r="B132" s="230"/>
      <c r="C132" s="230"/>
      <c r="D132" s="230"/>
      <c r="E132" s="230"/>
      <c r="F132" s="230"/>
      <c r="G132" s="230"/>
      <c r="H132" s="230"/>
      <c r="I132" s="230"/>
      <c r="J132" s="230"/>
      <c r="K132" s="230"/>
      <c r="L132" s="231"/>
      <c r="M132" s="230"/>
      <c r="N132" s="230"/>
      <c r="O132" s="230"/>
      <c r="P132" s="232"/>
      <c r="Q132" s="129"/>
      <c r="R132" s="13"/>
      <c r="S132" s="17"/>
      <c r="T132" s="156"/>
    </row>
    <row r="133" spans="1:56" s="6" customFormat="1" ht="69.900000000000006" customHeight="1" thickBot="1">
      <c r="A133" s="245" t="s">
        <v>88</v>
      </c>
      <c r="B133" s="246"/>
      <c r="C133" s="246"/>
      <c r="D133" s="246"/>
      <c r="E133" s="246"/>
      <c r="F133" s="246"/>
      <c r="G133" s="246"/>
      <c r="H133" s="246"/>
      <c r="I133" s="246"/>
      <c r="J133" s="246"/>
      <c r="K133" s="246"/>
      <c r="L133" s="247"/>
      <c r="M133" s="246"/>
      <c r="N133" s="246"/>
      <c r="O133" s="246"/>
      <c r="P133" s="248"/>
      <c r="Q133" s="129"/>
      <c r="R133" s="13"/>
      <c r="S133" s="22"/>
      <c r="T133" s="50"/>
      <c r="U133" s="20"/>
      <c r="V133" s="20"/>
      <c r="W133" s="20"/>
      <c r="X133" s="20"/>
      <c r="Y133" s="20"/>
      <c r="Z133" s="20"/>
      <c r="AA133" s="20"/>
      <c r="AB133" s="20"/>
      <c r="AC133" s="20"/>
      <c r="AD133" s="20"/>
      <c r="AE133" s="20"/>
      <c r="AF133" s="20"/>
      <c r="AG133" s="20"/>
      <c r="AH133" s="20"/>
      <c r="AI133" s="20"/>
      <c r="AJ133" s="20"/>
      <c r="AK133" s="20"/>
      <c r="AL133" s="20"/>
      <c r="AM133" s="20"/>
      <c r="AN133" s="20"/>
      <c r="AO133" s="20"/>
      <c r="AP133" s="20"/>
      <c r="AQ133" s="20"/>
      <c r="AR133" s="20"/>
      <c r="AS133" s="20"/>
      <c r="AT133" s="20"/>
      <c r="AU133" s="20"/>
      <c r="AV133" s="20"/>
      <c r="AW133" s="20"/>
      <c r="AX133" s="20"/>
      <c r="AY133" s="20"/>
      <c r="AZ133" s="20"/>
      <c r="BA133" s="20"/>
      <c r="BB133" s="20"/>
      <c r="BC133" s="20"/>
      <c r="BD133" s="20"/>
    </row>
    <row r="134" spans="1:56" s="14" customFormat="1" ht="201" customHeight="1" thickTop="1" thickBot="1">
      <c r="A134" s="249" t="s">
        <v>89</v>
      </c>
      <c r="B134" s="250"/>
      <c r="C134" s="250"/>
      <c r="D134" s="250"/>
      <c r="E134" s="250"/>
      <c r="F134" s="250"/>
      <c r="G134" s="250"/>
      <c r="H134" s="250"/>
      <c r="I134" s="250"/>
      <c r="J134" s="250"/>
      <c r="K134" s="250"/>
      <c r="L134" s="251"/>
      <c r="M134" s="250"/>
      <c r="N134" s="250"/>
      <c r="O134" s="16" t="s">
        <v>20</v>
      </c>
      <c r="P134" s="132" t="s">
        <v>21</v>
      </c>
      <c r="Q134" s="129"/>
      <c r="R134" s="13"/>
      <c r="S134" s="130"/>
      <c r="T134" s="50"/>
      <c r="U134" s="21"/>
      <c r="V134" s="21"/>
      <c r="W134" s="21"/>
      <c r="X134" s="20"/>
      <c r="Y134" s="20"/>
      <c r="Z134" s="20"/>
      <c r="AA134" s="20"/>
      <c r="AB134" s="20"/>
      <c r="AC134" s="20"/>
      <c r="AD134" s="20"/>
      <c r="AE134" s="20"/>
      <c r="AF134" s="20"/>
      <c r="AG134" s="20"/>
      <c r="AH134" s="20"/>
      <c r="AI134" s="20"/>
      <c r="AJ134" s="20"/>
      <c r="AK134" s="20"/>
      <c r="AL134" s="20"/>
      <c r="AM134" s="20"/>
      <c r="AN134" s="21"/>
      <c r="AO134" s="21"/>
      <c r="AP134" s="21"/>
      <c r="AQ134" s="21"/>
      <c r="AR134" s="21"/>
      <c r="AS134" s="21"/>
      <c r="AT134" s="21"/>
      <c r="AU134" s="21"/>
      <c r="AV134" s="21"/>
      <c r="AW134" s="21"/>
      <c r="AX134" s="21"/>
      <c r="AY134" s="21"/>
      <c r="AZ134" s="21"/>
      <c r="BA134" s="21"/>
      <c r="BB134" s="21"/>
      <c r="BC134" s="21"/>
      <c r="BD134" s="21"/>
    </row>
    <row r="135" spans="1:56" s="6" customFormat="1" ht="69.900000000000006" customHeight="1" thickTop="1">
      <c r="A135" s="270" t="s">
        <v>52</v>
      </c>
      <c r="B135" s="271"/>
      <c r="C135" s="271"/>
      <c r="D135" s="271"/>
      <c r="E135" s="271"/>
      <c r="F135" s="271"/>
      <c r="G135" s="271"/>
      <c r="H135" s="271"/>
      <c r="I135" s="271"/>
      <c r="J135" s="271"/>
      <c r="K135" s="271"/>
      <c r="L135" s="272"/>
      <c r="M135" s="271"/>
      <c r="N135" s="271"/>
      <c r="O135" s="271"/>
      <c r="P135" s="273"/>
      <c r="Q135" s="155"/>
      <c r="R135" s="13"/>
      <c r="S135" s="157"/>
      <c r="T135" s="156"/>
    </row>
    <row r="136" spans="1:56" s="6" customFormat="1" ht="69.900000000000006" customHeight="1">
      <c r="A136" s="274" t="s">
        <v>90</v>
      </c>
      <c r="B136" s="275"/>
      <c r="C136" s="275"/>
      <c r="D136" s="275"/>
      <c r="E136" s="275"/>
      <c r="F136" s="275"/>
      <c r="G136" s="275"/>
      <c r="H136" s="275"/>
      <c r="I136" s="275"/>
      <c r="J136" s="275"/>
      <c r="K136" s="275"/>
      <c r="L136" s="275"/>
      <c r="M136" s="275"/>
      <c r="N136" s="275"/>
      <c r="O136" s="275"/>
      <c r="P136" s="276"/>
      <c r="Q136" s="155"/>
      <c r="R136" s="13"/>
      <c r="S136" s="157"/>
      <c r="T136" s="156"/>
    </row>
    <row r="137" spans="1:56" s="42" customFormat="1" ht="69.900000000000006" customHeight="1">
      <c r="A137" s="315" t="s">
        <v>91</v>
      </c>
      <c r="B137" s="316"/>
      <c r="C137" s="316"/>
      <c r="D137" s="316"/>
      <c r="E137" s="316"/>
      <c r="F137" s="316"/>
      <c r="G137" s="316"/>
      <c r="H137" s="316"/>
      <c r="I137" s="316"/>
      <c r="J137" s="316"/>
      <c r="K137" s="316"/>
      <c r="L137" s="316"/>
      <c r="M137" s="316"/>
      <c r="N137" s="316"/>
      <c r="O137" s="316"/>
      <c r="P137" s="317"/>
      <c r="Q137" s="134"/>
      <c r="R137" s="133"/>
      <c r="S137" s="39"/>
      <c r="T137" s="159"/>
      <c r="U137" s="41"/>
      <c r="V137" s="41"/>
      <c r="W137" s="41"/>
      <c r="X137" s="41"/>
      <c r="Y137" s="41"/>
      <c r="Z137" s="41"/>
      <c r="AA137" s="41"/>
      <c r="AB137" s="41"/>
      <c r="AC137" s="41"/>
      <c r="AD137" s="41"/>
      <c r="AE137" s="41"/>
      <c r="AF137" s="41"/>
      <c r="AG137" s="41"/>
      <c r="AH137" s="41"/>
      <c r="AI137" s="41"/>
      <c r="AJ137" s="41"/>
      <c r="AK137" s="41"/>
      <c r="AL137" s="41"/>
      <c r="AM137" s="41"/>
      <c r="AN137" s="41"/>
      <c r="AO137" s="41"/>
      <c r="AP137" s="41"/>
      <c r="AQ137" s="41"/>
      <c r="AR137" s="41"/>
      <c r="AS137" s="41"/>
      <c r="AT137" s="41"/>
      <c r="AU137" s="41"/>
      <c r="AV137" s="41"/>
      <c r="AW137" s="41"/>
      <c r="AX137" s="41"/>
      <c r="AY137" s="41"/>
      <c r="AZ137" s="41"/>
      <c r="BA137" s="41"/>
      <c r="BB137" s="41"/>
      <c r="BC137" s="41"/>
      <c r="BD137" s="41"/>
    </row>
    <row r="138" spans="1:56" s="42" customFormat="1" ht="69.900000000000006" customHeight="1">
      <c r="A138" s="318" t="s">
        <v>85</v>
      </c>
      <c r="B138" s="319"/>
      <c r="C138" s="319"/>
      <c r="D138" s="319"/>
      <c r="E138" s="319"/>
      <c r="F138" s="319"/>
      <c r="G138" s="319"/>
      <c r="H138" s="319"/>
      <c r="I138" s="319"/>
      <c r="J138" s="319"/>
      <c r="K138" s="319"/>
      <c r="L138" s="319"/>
      <c r="M138" s="319"/>
      <c r="N138" s="319"/>
      <c r="O138" s="319"/>
      <c r="P138" s="320"/>
      <c r="Q138" s="134"/>
      <c r="R138" s="133"/>
      <c r="S138" s="39"/>
      <c r="T138" s="159"/>
      <c r="U138" s="41"/>
      <c r="V138" s="41"/>
      <c r="W138" s="41"/>
      <c r="X138" s="41"/>
      <c r="Y138" s="41"/>
      <c r="Z138" s="41"/>
      <c r="AA138" s="41"/>
      <c r="AB138" s="41"/>
      <c r="AC138" s="41"/>
      <c r="AD138" s="41"/>
      <c r="AE138" s="41"/>
      <c r="AF138" s="41"/>
      <c r="AG138" s="41"/>
      <c r="AH138" s="41"/>
      <c r="AI138" s="41"/>
      <c r="AJ138" s="41"/>
      <c r="AK138" s="41"/>
      <c r="AL138" s="41"/>
      <c r="AM138" s="41"/>
      <c r="AN138" s="41"/>
      <c r="AO138" s="41"/>
      <c r="AP138" s="41"/>
      <c r="AQ138" s="41"/>
      <c r="AR138" s="41"/>
      <c r="AS138" s="41"/>
      <c r="AT138" s="41"/>
      <c r="AU138" s="41"/>
      <c r="AV138" s="41"/>
      <c r="AW138" s="41"/>
      <c r="AX138" s="41"/>
      <c r="AY138" s="41"/>
      <c r="AZ138" s="41"/>
      <c r="BA138" s="41"/>
      <c r="BB138" s="41"/>
      <c r="BC138" s="41"/>
      <c r="BD138" s="41"/>
    </row>
    <row r="139" spans="1:56" s="6" customFormat="1" ht="69.900000000000006" customHeight="1">
      <c r="A139" s="221" t="s">
        <v>25</v>
      </c>
      <c r="B139" s="222"/>
      <c r="C139" s="222"/>
      <c r="D139" s="222"/>
      <c r="E139" s="222"/>
      <c r="F139" s="222"/>
      <c r="G139" s="222"/>
      <c r="H139" s="222"/>
      <c r="I139" s="222"/>
      <c r="J139" s="222"/>
      <c r="K139" s="222"/>
      <c r="L139" s="223"/>
      <c r="M139" s="222"/>
      <c r="N139" s="222"/>
      <c r="O139" s="222"/>
      <c r="P139" s="224"/>
      <c r="Q139" s="155"/>
      <c r="R139" s="13"/>
      <c r="S139" s="157"/>
      <c r="T139" s="156"/>
    </row>
    <row r="140" spans="1:56" s="14" customFormat="1" ht="75" customHeight="1">
      <c r="A140" s="225"/>
      <c r="B140" s="226"/>
      <c r="C140" s="226"/>
      <c r="D140" s="226"/>
      <c r="E140" s="226"/>
      <c r="F140" s="226"/>
      <c r="G140" s="226"/>
      <c r="H140" s="226"/>
      <c r="I140" s="226"/>
      <c r="J140" s="226"/>
      <c r="K140" s="226"/>
      <c r="L140" s="227"/>
      <c r="M140" s="226"/>
      <c r="N140" s="226"/>
      <c r="O140" s="226"/>
      <c r="P140" s="228"/>
      <c r="Q140" s="129"/>
      <c r="R140" s="13"/>
      <c r="S140" s="17"/>
      <c r="T140" s="156"/>
    </row>
    <row r="141" spans="1:56" s="14" customFormat="1" ht="75" customHeight="1" thickBot="1">
      <c r="A141" s="229"/>
      <c r="B141" s="230"/>
      <c r="C141" s="230"/>
      <c r="D141" s="230"/>
      <c r="E141" s="230"/>
      <c r="F141" s="230"/>
      <c r="G141" s="230"/>
      <c r="H141" s="230"/>
      <c r="I141" s="230"/>
      <c r="J141" s="230"/>
      <c r="K141" s="230"/>
      <c r="L141" s="231"/>
      <c r="M141" s="230"/>
      <c r="N141" s="230"/>
      <c r="O141" s="230"/>
      <c r="P141" s="232"/>
      <c r="Q141" s="129"/>
      <c r="R141" s="13"/>
      <c r="S141" s="17"/>
      <c r="T141" s="156"/>
    </row>
    <row r="142" spans="1:56" s="6" customFormat="1" ht="69.900000000000006" customHeight="1" thickBot="1">
      <c r="A142" s="245" t="s">
        <v>92</v>
      </c>
      <c r="B142" s="246"/>
      <c r="C142" s="246"/>
      <c r="D142" s="246"/>
      <c r="E142" s="246"/>
      <c r="F142" s="246"/>
      <c r="G142" s="246"/>
      <c r="H142" s="246"/>
      <c r="I142" s="246"/>
      <c r="J142" s="246"/>
      <c r="K142" s="246"/>
      <c r="L142" s="247"/>
      <c r="M142" s="246"/>
      <c r="N142" s="246"/>
      <c r="O142" s="246"/>
      <c r="P142" s="248"/>
      <c r="Q142" s="129"/>
      <c r="R142" s="13"/>
      <c r="S142" s="22"/>
      <c r="T142" s="50"/>
      <c r="U142" s="20"/>
      <c r="V142" s="20"/>
      <c r="W142" s="20"/>
      <c r="X142" s="21"/>
      <c r="Y142" s="21"/>
      <c r="Z142" s="21"/>
      <c r="AA142" s="21"/>
      <c r="AB142" s="21"/>
      <c r="AC142" s="21"/>
      <c r="AD142" s="21"/>
      <c r="AE142" s="21"/>
      <c r="AF142" s="21"/>
      <c r="AG142" s="21"/>
      <c r="AH142" s="21"/>
      <c r="AI142" s="21"/>
      <c r="AJ142" s="21"/>
      <c r="AK142" s="21"/>
      <c r="AL142" s="21"/>
      <c r="AM142" s="21"/>
      <c r="AN142" s="20"/>
      <c r="AO142" s="20"/>
      <c r="AP142" s="20"/>
      <c r="AQ142" s="20"/>
      <c r="AR142" s="20"/>
      <c r="AS142" s="20"/>
      <c r="AT142" s="20"/>
      <c r="AU142" s="20"/>
      <c r="AV142" s="20"/>
      <c r="AW142" s="20"/>
      <c r="AX142" s="20"/>
      <c r="AY142" s="20"/>
      <c r="AZ142" s="20"/>
      <c r="BA142" s="20"/>
      <c r="BB142" s="20"/>
      <c r="BC142" s="20"/>
      <c r="BD142" s="20"/>
    </row>
    <row r="143" spans="1:56" s="14" customFormat="1" ht="307.95" customHeight="1" thickTop="1" thickBot="1">
      <c r="A143" s="212" t="s">
        <v>93</v>
      </c>
      <c r="B143" s="213"/>
      <c r="C143" s="213"/>
      <c r="D143" s="213"/>
      <c r="E143" s="213"/>
      <c r="F143" s="213"/>
      <c r="G143" s="213"/>
      <c r="H143" s="213"/>
      <c r="I143" s="213"/>
      <c r="J143" s="213"/>
      <c r="K143" s="213"/>
      <c r="L143" s="214"/>
      <c r="M143" s="213"/>
      <c r="N143" s="213"/>
      <c r="O143" s="11" t="s">
        <v>20</v>
      </c>
      <c r="P143" s="12" t="s">
        <v>21</v>
      </c>
      <c r="Q143" s="129"/>
      <c r="R143" s="13"/>
      <c r="S143" s="130"/>
      <c r="T143" s="50"/>
      <c r="U143" s="21"/>
      <c r="V143" s="21"/>
      <c r="W143" s="21"/>
      <c r="X143" s="48"/>
      <c r="Y143" s="48"/>
      <c r="Z143" s="48"/>
      <c r="AA143" s="48"/>
      <c r="AB143" s="48"/>
      <c r="AC143" s="48"/>
      <c r="AD143" s="48"/>
      <c r="AE143" s="48"/>
      <c r="AF143" s="48"/>
      <c r="AG143" s="48"/>
      <c r="AH143" s="48"/>
      <c r="AI143" s="48"/>
      <c r="AJ143" s="48"/>
      <c r="AK143" s="48"/>
      <c r="AL143" s="48"/>
      <c r="AM143" s="48"/>
      <c r="AN143" s="21"/>
      <c r="AO143" s="21"/>
      <c r="AP143" s="21"/>
      <c r="AQ143" s="21"/>
      <c r="AR143" s="21"/>
      <c r="AS143" s="21"/>
      <c r="AT143" s="21"/>
      <c r="AU143" s="21"/>
      <c r="AV143" s="21"/>
      <c r="AW143" s="21"/>
      <c r="AX143" s="21"/>
      <c r="AY143" s="21"/>
      <c r="AZ143" s="21"/>
      <c r="BA143" s="21"/>
      <c r="BB143" s="21"/>
      <c r="BC143" s="21"/>
      <c r="BD143" s="21"/>
    </row>
    <row r="144" spans="1:56" s="14" customFormat="1" ht="201" customHeight="1" thickTop="1" thickBot="1">
      <c r="A144" s="215" t="s">
        <v>94</v>
      </c>
      <c r="B144" s="216"/>
      <c r="C144" s="216"/>
      <c r="D144" s="216"/>
      <c r="E144" s="216"/>
      <c r="F144" s="216"/>
      <c r="G144" s="216"/>
      <c r="H144" s="216"/>
      <c r="I144" s="216"/>
      <c r="J144" s="216"/>
      <c r="K144" s="216"/>
      <c r="L144" s="217"/>
      <c r="M144" s="216"/>
      <c r="N144" s="216"/>
      <c r="O144" s="11" t="s">
        <v>20</v>
      </c>
      <c r="P144" s="12" t="s">
        <v>21</v>
      </c>
      <c r="Q144" s="129"/>
      <c r="R144" s="13"/>
      <c r="S144" s="130"/>
      <c r="T144" s="50"/>
      <c r="U144" s="21"/>
      <c r="V144" s="21"/>
      <c r="W144" s="21"/>
      <c r="X144" s="20"/>
      <c r="Y144" s="20"/>
      <c r="Z144" s="20"/>
      <c r="AA144" s="20"/>
      <c r="AB144" s="20"/>
      <c r="AC144" s="20"/>
      <c r="AD144" s="20"/>
      <c r="AE144" s="20"/>
      <c r="AF144" s="20"/>
      <c r="AG144" s="20"/>
      <c r="AH144" s="20"/>
      <c r="AI144" s="20"/>
      <c r="AJ144" s="20"/>
      <c r="AK144" s="20"/>
      <c r="AL144" s="20"/>
      <c r="AM144" s="20"/>
      <c r="AN144" s="21"/>
      <c r="AO144" s="21"/>
      <c r="AP144" s="21"/>
      <c r="AQ144" s="21"/>
      <c r="AR144" s="21"/>
      <c r="AS144" s="21"/>
      <c r="AT144" s="21"/>
      <c r="AU144" s="21"/>
      <c r="AV144" s="21"/>
      <c r="AW144" s="21"/>
      <c r="AX144" s="21"/>
      <c r="AY144" s="21"/>
      <c r="AZ144" s="21"/>
      <c r="BA144" s="21"/>
      <c r="BB144" s="21"/>
      <c r="BC144" s="21"/>
      <c r="BD144" s="21"/>
    </row>
    <row r="145" spans="1:56" s="51" customFormat="1" ht="140.1" customHeight="1" thickTop="1" thickBot="1">
      <c r="A145" s="218" t="s">
        <v>95</v>
      </c>
      <c r="B145" s="219"/>
      <c r="C145" s="219"/>
      <c r="D145" s="219"/>
      <c r="E145" s="219"/>
      <c r="F145" s="219"/>
      <c r="G145" s="219"/>
      <c r="H145" s="219"/>
      <c r="I145" s="219"/>
      <c r="J145" s="219"/>
      <c r="K145" s="219"/>
      <c r="L145" s="220"/>
      <c r="M145" s="219"/>
      <c r="N145" s="219"/>
      <c r="O145" s="16" t="s">
        <v>20</v>
      </c>
      <c r="P145" s="132" t="s">
        <v>21</v>
      </c>
      <c r="Q145" s="129"/>
      <c r="R145" s="49"/>
      <c r="S145" s="130"/>
      <c r="T145" s="50"/>
      <c r="U145" s="48"/>
      <c r="V145" s="48"/>
      <c r="W145" s="48"/>
      <c r="X145" s="21"/>
      <c r="Y145" s="21"/>
      <c r="Z145" s="21"/>
      <c r="AA145" s="21"/>
      <c r="AB145" s="21"/>
      <c r="AC145" s="21"/>
      <c r="AD145" s="21"/>
      <c r="AE145" s="21"/>
      <c r="AF145" s="21"/>
      <c r="AG145" s="21"/>
      <c r="AH145" s="21"/>
      <c r="AI145" s="21"/>
      <c r="AJ145" s="21"/>
      <c r="AK145" s="21"/>
      <c r="AL145" s="21"/>
      <c r="AM145" s="21"/>
      <c r="AN145" s="48"/>
      <c r="AO145" s="48"/>
      <c r="AP145" s="48"/>
      <c r="AQ145" s="48"/>
      <c r="AR145" s="48"/>
      <c r="AS145" s="48"/>
      <c r="AT145" s="48"/>
      <c r="AU145" s="48"/>
      <c r="AV145" s="48"/>
      <c r="AW145" s="48"/>
      <c r="AX145" s="48"/>
      <c r="AY145" s="48"/>
      <c r="AZ145" s="48"/>
      <c r="BA145" s="48"/>
      <c r="BB145" s="48"/>
      <c r="BC145" s="48"/>
      <c r="BD145" s="48"/>
    </row>
    <row r="146" spans="1:56" s="6" customFormat="1" ht="69.900000000000006" customHeight="1" thickTop="1">
      <c r="A146" s="221" t="s">
        <v>25</v>
      </c>
      <c r="B146" s="222"/>
      <c r="C146" s="222"/>
      <c r="D146" s="222"/>
      <c r="E146" s="222"/>
      <c r="F146" s="222"/>
      <c r="G146" s="222"/>
      <c r="H146" s="222"/>
      <c r="I146" s="222"/>
      <c r="J146" s="222"/>
      <c r="K146" s="222"/>
      <c r="L146" s="223"/>
      <c r="M146" s="222"/>
      <c r="N146" s="222"/>
      <c r="O146" s="222"/>
      <c r="P146" s="224"/>
      <c r="Q146" s="155"/>
      <c r="R146" s="13"/>
      <c r="S146" s="157"/>
      <c r="T146" s="156"/>
    </row>
    <row r="147" spans="1:56" s="14" customFormat="1" ht="75" customHeight="1">
      <c r="A147" s="225"/>
      <c r="B147" s="226"/>
      <c r="C147" s="226"/>
      <c r="D147" s="226"/>
      <c r="E147" s="226"/>
      <c r="F147" s="226"/>
      <c r="G147" s="226"/>
      <c r="H147" s="226"/>
      <c r="I147" s="226"/>
      <c r="J147" s="226"/>
      <c r="K147" s="226"/>
      <c r="L147" s="227"/>
      <c r="M147" s="226"/>
      <c r="N147" s="226"/>
      <c r="O147" s="226"/>
      <c r="P147" s="228"/>
      <c r="Q147" s="129"/>
      <c r="R147" s="13"/>
      <c r="S147" s="17"/>
      <c r="T147" s="156"/>
    </row>
    <row r="148" spans="1:56" s="14" customFormat="1" ht="75" customHeight="1" thickBot="1">
      <c r="A148" s="229"/>
      <c r="B148" s="230"/>
      <c r="C148" s="230"/>
      <c r="D148" s="230"/>
      <c r="E148" s="230"/>
      <c r="F148" s="230"/>
      <c r="G148" s="230"/>
      <c r="H148" s="230"/>
      <c r="I148" s="230"/>
      <c r="J148" s="230"/>
      <c r="K148" s="230"/>
      <c r="L148" s="231"/>
      <c r="M148" s="230"/>
      <c r="N148" s="230"/>
      <c r="O148" s="230"/>
      <c r="P148" s="232"/>
      <c r="Q148" s="129"/>
      <c r="R148" s="13"/>
      <c r="S148" s="207"/>
      <c r="T148" s="156"/>
    </row>
    <row r="149" spans="1:56" s="6" customFormat="1" ht="69.900000000000006" customHeight="1" thickBot="1">
      <c r="A149" s="245" t="s">
        <v>96</v>
      </c>
      <c r="B149" s="246"/>
      <c r="C149" s="246"/>
      <c r="D149" s="246"/>
      <c r="E149" s="246"/>
      <c r="F149" s="246"/>
      <c r="G149" s="246"/>
      <c r="H149" s="246"/>
      <c r="I149" s="246"/>
      <c r="J149" s="246"/>
      <c r="K149" s="246"/>
      <c r="L149" s="247"/>
      <c r="M149" s="246"/>
      <c r="N149" s="246"/>
      <c r="O149" s="246"/>
      <c r="P149" s="248"/>
      <c r="Q149" s="129"/>
      <c r="R149" s="13"/>
      <c r="S149" s="206" t="s">
        <v>97</v>
      </c>
      <c r="T149" s="50"/>
      <c r="U149" s="20"/>
      <c r="V149" s="20"/>
      <c r="W149" s="20"/>
      <c r="X149" s="21"/>
      <c r="Y149" s="21"/>
      <c r="Z149" s="21"/>
      <c r="AA149" s="21"/>
      <c r="AB149" s="21"/>
      <c r="AC149" s="21"/>
      <c r="AD149" s="21"/>
      <c r="AE149" s="21"/>
      <c r="AF149" s="21"/>
      <c r="AG149" s="21"/>
      <c r="AH149" s="21"/>
      <c r="AI149" s="21"/>
      <c r="AJ149" s="21"/>
      <c r="AK149" s="21"/>
      <c r="AL149" s="21"/>
      <c r="AM149" s="21"/>
      <c r="AN149" s="20"/>
      <c r="AO149" s="20"/>
      <c r="AP149" s="20"/>
      <c r="AQ149" s="20"/>
      <c r="AR149" s="20"/>
      <c r="AS149" s="20"/>
      <c r="AT149" s="20"/>
      <c r="AU149" s="20"/>
      <c r="AV149" s="20"/>
      <c r="AW149" s="20"/>
      <c r="AX149" s="20"/>
      <c r="AY149" s="20"/>
      <c r="AZ149" s="20"/>
      <c r="BA149" s="20"/>
      <c r="BB149" s="20"/>
      <c r="BC149" s="20"/>
      <c r="BD149" s="20"/>
    </row>
    <row r="150" spans="1:56" s="14" customFormat="1" ht="132" customHeight="1" thickTop="1" thickBot="1">
      <c r="A150" s="249" t="s">
        <v>98</v>
      </c>
      <c r="B150" s="251"/>
      <c r="C150" s="251"/>
      <c r="D150" s="251"/>
      <c r="E150" s="251"/>
      <c r="F150" s="251"/>
      <c r="G150" s="251"/>
      <c r="H150" s="251"/>
      <c r="I150" s="251"/>
      <c r="J150" s="251"/>
      <c r="K150" s="251"/>
      <c r="L150" s="251"/>
      <c r="M150" s="335"/>
      <c r="N150" s="131" t="s">
        <v>24</v>
      </c>
      <c r="O150" s="16" t="s">
        <v>20</v>
      </c>
      <c r="P150" s="132" t="s">
        <v>21</v>
      </c>
      <c r="Q150" s="129"/>
      <c r="R150" s="13"/>
      <c r="S150" s="130"/>
      <c r="T150" s="50"/>
      <c r="U150" s="21"/>
      <c r="V150" s="21"/>
      <c r="W150" s="21"/>
      <c r="X150" s="21"/>
      <c r="Y150" s="21"/>
      <c r="Z150" s="21"/>
      <c r="AA150" s="21"/>
      <c r="AB150" s="21"/>
      <c r="AC150" s="21"/>
      <c r="AD150" s="21"/>
      <c r="AE150" s="21"/>
      <c r="AF150" s="21"/>
      <c r="AG150" s="21"/>
      <c r="AH150" s="21"/>
      <c r="AI150" s="21"/>
      <c r="AJ150" s="21"/>
      <c r="AK150" s="21"/>
      <c r="AL150" s="21"/>
      <c r="AM150" s="21"/>
      <c r="AN150" s="21"/>
      <c r="AO150" s="21"/>
      <c r="AP150" s="21"/>
      <c r="AQ150" s="21"/>
      <c r="AR150" s="21"/>
      <c r="AS150" s="21"/>
      <c r="AT150" s="21"/>
      <c r="AU150" s="21"/>
      <c r="AV150" s="21"/>
      <c r="AW150" s="21"/>
      <c r="AX150" s="21"/>
      <c r="AY150" s="21"/>
      <c r="AZ150" s="21"/>
      <c r="BA150" s="21"/>
      <c r="BB150" s="21"/>
      <c r="BC150" s="21"/>
      <c r="BD150" s="21"/>
    </row>
    <row r="151" spans="1:56" s="6" customFormat="1" ht="69.599999999999994" customHeight="1" thickTop="1">
      <c r="A151" s="270" t="s">
        <v>52</v>
      </c>
      <c r="B151" s="271"/>
      <c r="C151" s="271"/>
      <c r="D151" s="271"/>
      <c r="E151" s="271"/>
      <c r="F151" s="271"/>
      <c r="G151" s="271"/>
      <c r="H151" s="271"/>
      <c r="I151" s="271"/>
      <c r="J151" s="271"/>
      <c r="K151" s="271"/>
      <c r="L151" s="272"/>
      <c r="M151" s="271"/>
      <c r="N151" s="271"/>
      <c r="O151" s="271"/>
      <c r="P151" s="273"/>
      <c r="Q151" s="155"/>
      <c r="R151" s="13"/>
      <c r="S151" s="157"/>
      <c r="T151" s="156"/>
    </row>
    <row r="152" spans="1:56" s="6" customFormat="1" ht="69.599999999999994" customHeight="1">
      <c r="A152" s="274" t="s">
        <v>90</v>
      </c>
      <c r="B152" s="275"/>
      <c r="C152" s="275"/>
      <c r="D152" s="275"/>
      <c r="E152" s="275"/>
      <c r="F152" s="275"/>
      <c r="G152" s="275"/>
      <c r="H152" s="275"/>
      <c r="I152" s="275"/>
      <c r="J152" s="275"/>
      <c r="K152" s="275"/>
      <c r="L152" s="275"/>
      <c r="M152" s="275"/>
      <c r="N152" s="275"/>
      <c r="O152" s="275"/>
      <c r="P152" s="276"/>
      <c r="Q152" s="155"/>
      <c r="R152" s="13"/>
      <c r="S152" s="157"/>
      <c r="T152" s="156"/>
    </row>
    <row r="153" spans="1:56" s="42" customFormat="1" ht="69.599999999999994" customHeight="1">
      <c r="A153" s="315" t="s">
        <v>99</v>
      </c>
      <c r="B153" s="316"/>
      <c r="C153" s="316"/>
      <c r="D153" s="316"/>
      <c r="E153" s="316"/>
      <c r="F153" s="316"/>
      <c r="G153" s="316"/>
      <c r="H153" s="316"/>
      <c r="I153" s="316"/>
      <c r="J153" s="316"/>
      <c r="K153" s="316"/>
      <c r="L153" s="316"/>
      <c r="M153" s="316"/>
      <c r="N153" s="316"/>
      <c r="O153" s="316"/>
      <c r="P153" s="317"/>
      <c r="Q153" s="134"/>
      <c r="R153" s="133"/>
      <c r="S153" s="39"/>
      <c r="T153" s="159"/>
      <c r="U153" s="41"/>
      <c r="V153" s="41"/>
      <c r="W153" s="41"/>
      <c r="X153" s="41"/>
      <c r="Y153" s="41"/>
      <c r="Z153" s="41"/>
      <c r="AA153" s="41"/>
      <c r="AB153" s="41"/>
      <c r="AC153" s="41"/>
      <c r="AD153" s="41"/>
      <c r="AE153" s="41"/>
      <c r="AF153" s="41"/>
      <c r="AG153" s="41"/>
      <c r="AH153" s="41"/>
      <c r="AI153" s="41"/>
      <c r="AJ153" s="41"/>
      <c r="AK153" s="41"/>
      <c r="AL153" s="41"/>
      <c r="AM153" s="41"/>
      <c r="AN153" s="41"/>
      <c r="AO153" s="41"/>
      <c r="AP153" s="41"/>
      <c r="AQ153" s="41"/>
      <c r="AR153" s="41"/>
      <c r="AS153" s="41"/>
      <c r="AT153" s="41"/>
      <c r="AU153" s="41"/>
      <c r="AV153" s="41"/>
      <c r="AW153" s="41"/>
      <c r="AX153" s="41"/>
      <c r="AY153" s="41"/>
      <c r="AZ153" s="41"/>
      <c r="BA153" s="41"/>
      <c r="BB153" s="41"/>
      <c r="BC153" s="41"/>
      <c r="BD153" s="41"/>
    </row>
    <row r="154" spans="1:56" s="42" customFormat="1" ht="69.599999999999994" customHeight="1">
      <c r="A154" s="336" t="s">
        <v>100</v>
      </c>
      <c r="B154" s="337"/>
      <c r="C154" s="337"/>
      <c r="D154" s="337"/>
      <c r="E154" s="337"/>
      <c r="F154" s="337"/>
      <c r="G154" s="337"/>
      <c r="H154" s="337"/>
      <c r="I154" s="337"/>
      <c r="J154" s="337"/>
      <c r="K154" s="337"/>
      <c r="L154" s="337"/>
      <c r="M154" s="337"/>
      <c r="N154" s="337"/>
      <c r="O154" s="337"/>
      <c r="P154" s="338"/>
      <c r="Q154" s="134"/>
      <c r="R154" s="133"/>
      <c r="S154" s="39"/>
      <c r="T154" s="159"/>
      <c r="U154" s="41"/>
      <c r="V154" s="41"/>
      <c r="W154" s="41"/>
      <c r="X154" s="41"/>
      <c r="Y154" s="41"/>
      <c r="Z154" s="41"/>
      <c r="AA154" s="41"/>
      <c r="AB154" s="41"/>
      <c r="AC154" s="41"/>
      <c r="AD154" s="41"/>
      <c r="AE154" s="41"/>
      <c r="AF154" s="41"/>
      <c r="AG154" s="41"/>
      <c r="AH154" s="41"/>
      <c r="AI154" s="41"/>
      <c r="AJ154" s="41"/>
      <c r="AK154" s="41"/>
      <c r="AL154" s="41"/>
      <c r="AM154" s="41"/>
      <c r="AN154" s="41"/>
      <c r="AO154" s="41"/>
      <c r="AP154" s="41"/>
      <c r="AQ154" s="41"/>
      <c r="AR154" s="41"/>
      <c r="AS154" s="41"/>
      <c r="AT154" s="41"/>
      <c r="AU154" s="41"/>
      <c r="AV154" s="41"/>
      <c r="AW154" s="41"/>
      <c r="AX154" s="41"/>
      <c r="AY154" s="41"/>
      <c r="AZ154" s="41"/>
      <c r="BA154" s="41"/>
      <c r="BB154" s="41"/>
      <c r="BC154" s="41"/>
      <c r="BD154" s="41"/>
    </row>
    <row r="155" spans="1:56" s="42" customFormat="1" ht="69.599999999999994" customHeight="1" thickBot="1">
      <c r="A155" s="339" t="s">
        <v>85</v>
      </c>
      <c r="B155" s="340"/>
      <c r="C155" s="340"/>
      <c r="D155" s="340"/>
      <c r="E155" s="340"/>
      <c r="F155" s="340"/>
      <c r="G155" s="340"/>
      <c r="H155" s="340"/>
      <c r="I155" s="340"/>
      <c r="J155" s="340"/>
      <c r="K155" s="340"/>
      <c r="L155" s="340"/>
      <c r="M155" s="340"/>
      <c r="N155" s="340"/>
      <c r="O155" s="340"/>
      <c r="P155" s="341"/>
      <c r="Q155" s="134"/>
      <c r="R155" s="133"/>
      <c r="S155" s="39"/>
      <c r="T155" s="159"/>
      <c r="U155" s="41"/>
      <c r="V155" s="41"/>
      <c r="W155" s="41"/>
      <c r="X155" s="41"/>
      <c r="Y155" s="41"/>
      <c r="Z155" s="41"/>
      <c r="AA155" s="41"/>
      <c r="AB155" s="41"/>
      <c r="AC155" s="41"/>
      <c r="AD155" s="41"/>
      <c r="AE155" s="41"/>
      <c r="AF155" s="41"/>
      <c r="AG155" s="41"/>
      <c r="AH155" s="41"/>
      <c r="AI155" s="41"/>
      <c r="AJ155" s="41"/>
      <c r="AK155" s="41"/>
      <c r="AL155" s="41"/>
      <c r="AM155" s="41"/>
      <c r="AN155" s="41"/>
      <c r="AO155" s="41"/>
      <c r="AP155" s="41"/>
      <c r="AQ155" s="41"/>
      <c r="AR155" s="41"/>
      <c r="AS155" s="41"/>
      <c r="AT155" s="41"/>
      <c r="AU155" s="41"/>
      <c r="AV155" s="41"/>
      <c r="AW155" s="41"/>
      <c r="AX155" s="41"/>
      <c r="AY155" s="41"/>
      <c r="AZ155" s="41"/>
      <c r="BA155" s="41"/>
      <c r="BB155" s="41"/>
      <c r="BC155" s="41"/>
      <c r="BD155" s="41"/>
    </row>
    <row r="156" spans="1:56" s="14" customFormat="1" ht="216" customHeight="1" thickTop="1" thickBot="1">
      <c r="A156" s="331" t="s">
        <v>101</v>
      </c>
      <c r="B156" s="332"/>
      <c r="C156" s="332"/>
      <c r="D156" s="332"/>
      <c r="E156" s="332"/>
      <c r="F156" s="332"/>
      <c r="G156" s="332"/>
      <c r="H156" s="332"/>
      <c r="I156" s="332"/>
      <c r="J156" s="332"/>
      <c r="K156" s="332"/>
      <c r="L156" s="332"/>
      <c r="M156" s="333"/>
      <c r="N156" s="131" t="s">
        <v>24</v>
      </c>
      <c r="O156" s="16" t="s">
        <v>20</v>
      </c>
      <c r="P156" s="132" t="s">
        <v>21</v>
      </c>
      <c r="Q156" s="129"/>
      <c r="R156" s="13"/>
      <c r="S156" s="130"/>
      <c r="T156" s="50"/>
      <c r="U156" s="21"/>
      <c r="V156" s="21"/>
      <c r="W156" s="21"/>
      <c r="X156" s="20"/>
      <c r="Y156" s="20"/>
      <c r="Z156" s="20"/>
      <c r="AA156" s="20"/>
      <c r="AB156" s="20"/>
      <c r="AC156" s="20"/>
      <c r="AD156" s="20"/>
      <c r="AE156" s="20"/>
      <c r="AF156" s="20"/>
      <c r="AG156" s="20"/>
      <c r="AH156" s="20"/>
      <c r="AI156" s="20"/>
      <c r="AJ156" s="20"/>
      <c r="AK156" s="20"/>
      <c r="AL156" s="20"/>
      <c r="AM156" s="20"/>
      <c r="AN156" s="21"/>
      <c r="AO156" s="21"/>
      <c r="AP156" s="21"/>
      <c r="AQ156" s="21"/>
      <c r="AR156" s="21"/>
      <c r="AS156" s="21"/>
      <c r="AT156" s="21"/>
      <c r="AU156" s="21"/>
      <c r="AV156" s="21"/>
      <c r="AW156" s="21"/>
      <c r="AX156" s="21"/>
      <c r="AY156" s="21"/>
      <c r="AZ156" s="21"/>
      <c r="BA156" s="21"/>
      <c r="BB156" s="21"/>
      <c r="BC156" s="21"/>
      <c r="BD156" s="21"/>
    </row>
    <row r="157" spans="1:56" s="6" customFormat="1" ht="69.599999999999994" customHeight="1" thickTop="1">
      <c r="A157" s="221" t="s">
        <v>25</v>
      </c>
      <c r="B157" s="222"/>
      <c r="C157" s="222"/>
      <c r="D157" s="222"/>
      <c r="E157" s="222"/>
      <c r="F157" s="222"/>
      <c r="G157" s="222"/>
      <c r="H157" s="222"/>
      <c r="I157" s="222"/>
      <c r="J157" s="222"/>
      <c r="K157" s="222"/>
      <c r="L157" s="223"/>
      <c r="M157" s="222"/>
      <c r="N157" s="222"/>
      <c r="O157" s="222"/>
      <c r="P157" s="224"/>
      <c r="Q157" s="155"/>
      <c r="R157" s="13"/>
      <c r="S157" s="157"/>
      <c r="T157" s="156"/>
    </row>
    <row r="158" spans="1:56" s="14" customFormat="1" ht="75" customHeight="1">
      <c r="A158" s="225"/>
      <c r="B158" s="226"/>
      <c r="C158" s="226"/>
      <c r="D158" s="226"/>
      <c r="E158" s="226"/>
      <c r="F158" s="226"/>
      <c r="G158" s="226"/>
      <c r="H158" s="226"/>
      <c r="I158" s="226"/>
      <c r="J158" s="226"/>
      <c r="K158" s="226"/>
      <c r="L158" s="227"/>
      <c r="M158" s="226"/>
      <c r="N158" s="226"/>
      <c r="O158" s="226"/>
      <c r="P158" s="228"/>
      <c r="Q158" s="129"/>
      <c r="R158" s="13"/>
      <c r="S158" s="17"/>
      <c r="T158" s="156"/>
    </row>
    <row r="159" spans="1:56" s="14" customFormat="1" ht="75" customHeight="1" thickBot="1">
      <c r="A159" s="229"/>
      <c r="B159" s="230"/>
      <c r="C159" s="230"/>
      <c r="D159" s="230"/>
      <c r="E159" s="230"/>
      <c r="F159" s="230"/>
      <c r="G159" s="230"/>
      <c r="H159" s="230"/>
      <c r="I159" s="230"/>
      <c r="J159" s="230"/>
      <c r="K159" s="230"/>
      <c r="L159" s="231"/>
      <c r="M159" s="230"/>
      <c r="N159" s="230"/>
      <c r="O159" s="230"/>
      <c r="P159" s="232"/>
      <c r="Q159" s="129"/>
      <c r="R159" s="13"/>
      <c r="S159" s="17"/>
      <c r="T159" s="156"/>
    </row>
    <row r="160" spans="1:56" s="6" customFormat="1" ht="69.599999999999994" customHeight="1" thickBot="1">
      <c r="A160" s="245" t="s">
        <v>102</v>
      </c>
      <c r="B160" s="247"/>
      <c r="C160" s="247"/>
      <c r="D160" s="247"/>
      <c r="E160" s="247"/>
      <c r="F160" s="247"/>
      <c r="G160" s="247"/>
      <c r="H160" s="247"/>
      <c r="I160" s="247"/>
      <c r="J160" s="247"/>
      <c r="K160" s="247"/>
      <c r="L160" s="247"/>
      <c r="M160" s="247"/>
      <c r="N160" s="247"/>
      <c r="O160" s="247"/>
      <c r="P160" s="334"/>
      <c r="Q160" s="129"/>
      <c r="R160" s="13"/>
      <c r="S160" s="22"/>
      <c r="T160" s="50"/>
      <c r="U160" s="20"/>
      <c r="V160" s="20"/>
      <c r="W160" s="20"/>
      <c r="X160" s="20"/>
      <c r="Y160" s="20"/>
      <c r="Z160" s="20"/>
      <c r="AA160" s="20"/>
      <c r="AB160" s="20"/>
      <c r="AC160" s="20"/>
      <c r="AD160" s="20"/>
      <c r="AE160" s="20"/>
      <c r="AF160" s="20"/>
      <c r="AG160" s="20"/>
      <c r="AH160" s="20"/>
      <c r="AI160" s="20"/>
      <c r="AJ160" s="20"/>
      <c r="AK160" s="20"/>
      <c r="AL160" s="20"/>
      <c r="AM160" s="20"/>
      <c r="AN160" s="20"/>
      <c r="AO160" s="20"/>
      <c r="AP160" s="20"/>
      <c r="AQ160" s="20"/>
      <c r="AR160" s="20"/>
      <c r="AS160" s="20"/>
      <c r="AT160" s="20"/>
      <c r="AU160" s="20"/>
      <c r="AV160" s="20"/>
      <c r="AW160" s="20"/>
      <c r="AX160" s="20"/>
      <c r="AY160" s="20"/>
      <c r="AZ160" s="20"/>
      <c r="BA160" s="20"/>
      <c r="BB160" s="20"/>
      <c r="BC160" s="20"/>
      <c r="BD160" s="20"/>
    </row>
    <row r="161" spans="1:56" s="14" customFormat="1" ht="319.95" customHeight="1" thickTop="1" thickBot="1">
      <c r="A161" s="249" t="s">
        <v>103</v>
      </c>
      <c r="B161" s="251"/>
      <c r="C161" s="251"/>
      <c r="D161" s="251"/>
      <c r="E161" s="251"/>
      <c r="F161" s="251"/>
      <c r="G161" s="251"/>
      <c r="H161" s="251"/>
      <c r="I161" s="251"/>
      <c r="J161" s="251"/>
      <c r="K161" s="251"/>
      <c r="L161" s="251"/>
      <c r="M161" s="251"/>
      <c r="N161" s="335"/>
      <c r="O161" s="16" t="s">
        <v>20</v>
      </c>
      <c r="P161" s="132" t="s">
        <v>21</v>
      </c>
      <c r="Q161" s="129"/>
      <c r="R161" s="13"/>
      <c r="S161" s="130"/>
      <c r="T161" s="160"/>
      <c r="U161" s="21"/>
      <c r="V161" s="21"/>
      <c r="W161" s="21"/>
      <c r="X161" s="20"/>
      <c r="Y161" s="20"/>
      <c r="Z161" s="20"/>
      <c r="AA161" s="20"/>
      <c r="AB161" s="20"/>
      <c r="AC161" s="20"/>
      <c r="AD161" s="20"/>
      <c r="AE161" s="20"/>
      <c r="AF161" s="20"/>
      <c r="AG161" s="20"/>
      <c r="AH161" s="20"/>
      <c r="AI161" s="20"/>
      <c r="AJ161" s="20"/>
      <c r="AK161" s="20"/>
      <c r="AL161" s="20"/>
      <c r="AM161" s="20"/>
      <c r="AN161" s="21"/>
      <c r="AO161" s="21"/>
      <c r="AP161" s="21"/>
      <c r="AQ161" s="21"/>
      <c r="AR161" s="21"/>
      <c r="AS161" s="21"/>
      <c r="AT161" s="21"/>
      <c r="AU161" s="21"/>
      <c r="AV161" s="21"/>
      <c r="AW161" s="21"/>
      <c r="AX161" s="21"/>
      <c r="AY161" s="21"/>
      <c r="AZ161" s="21"/>
      <c r="BA161" s="21"/>
      <c r="BB161" s="21"/>
      <c r="BC161" s="21"/>
      <c r="BD161" s="21"/>
    </row>
    <row r="162" spans="1:56" s="6" customFormat="1" ht="69.599999999999994" customHeight="1" thickTop="1">
      <c r="A162" s="221" t="s">
        <v>25</v>
      </c>
      <c r="B162" s="223"/>
      <c r="C162" s="223"/>
      <c r="D162" s="223"/>
      <c r="E162" s="223"/>
      <c r="F162" s="223"/>
      <c r="G162" s="223"/>
      <c r="H162" s="223"/>
      <c r="I162" s="223"/>
      <c r="J162" s="223"/>
      <c r="K162" s="223"/>
      <c r="L162" s="223"/>
      <c r="M162" s="223"/>
      <c r="N162" s="223"/>
      <c r="O162" s="223"/>
      <c r="P162" s="343"/>
      <c r="Q162" s="155"/>
      <c r="R162" s="13"/>
      <c r="S162" s="157"/>
      <c r="T162" s="156"/>
    </row>
    <row r="163" spans="1:56" s="14" customFormat="1" ht="75" customHeight="1">
      <c r="A163" s="225"/>
      <c r="B163" s="226"/>
      <c r="C163" s="226"/>
      <c r="D163" s="226"/>
      <c r="E163" s="226"/>
      <c r="F163" s="226"/>
      <c r="G163" s="226"/>
      <c r="H163" s="226"/>
      <c r="I163" s="226"/>
      <c r="J163" s="226"/>
      <c r="K163" s="226"/>
      <c r="L163" s="227"/>
      <c r="M163" s="226"/>
      <c r="N163" s="226"/>
      <c r="O163" s="226"/>
      <c r="P163" s="228"/>
      <c r="Q163" s="129"/>
      <c r="R163" s="13"/>
      <c r="S163" s="17"/>
      <c r="T163" s="156"/>
    </row>
    <row r="164" spans="1:56" s="14" customFormat="1" ht="75" customHeight="1" thickBot="1">
      <c r="A164" s="229"/>
      <c r="B164" s="230"/>
      <c r="C164" s="230"/>
      <c r="D164" s="230"/>
      <c r="E164" s="230"/>
      <c r="F164" s="230"/>
      <c r="G164" s="230"/>
      <c r="H164" s="230"/>
      <c r="I164" s="230"/>
      <c r="J164" s="230"/>
      <c r="K164" s="230"/>
      <c r="L164" s="231"/>
      <c r="M164" s="230"/>
      <c r="N164" s="230"/>
      <c r="O164" s="230"/>
      <c r="P164" s="232"/>
      <c r="Q164" s="129"/>
      <c r="R164" s="13"/>
      <c r="S164" s="17"/>
      <c r="T164" s="156"/>
    </row>
    <row r="165" spans="1:56" s="6" customFormat="1" ht="69.900000000000006" customHeight="1" thickBot="1">
      <c r="A165" s="245" t="s">
        <v>104</v>
      </c>
      <c r="B165" s="247"/>
      <c r="C165" s="247"/>
      <c r="D165" s="247"/>
      <c r="E165" s="247"/>
      <c r="F165" s="247"/>
      <c r="G165" s="247"/>
      <c r="H165" s="247"/>
      <c r="I165" s="247"/>
      <c r="J165" s="247"/>
      <c r="K165" s="247"/>
      <c r="L165" s="247"/>
      <c r="M165" s="247"/>
      <c r="N165" s="247"/>
      <c r="O165" s="247"/>
      <c r="P165" s="334"/>
      <c r="Q165" s="129"/>
      <c r="R165" s="13"/>
      <c r="S165" s="22"/>
      <c r="T165" s="50"/>
      <c r="U165" s="20"/>
      <c r="V165" s="20"/>
      <c r="W165" s="20"/>
      <c r="X165" s="20"/>
      <c r="Y165" s="20"/>
      <c r="Z165" s="20"/>
      <c r="AA165" s="20"/>
      <c r="AB165" s="20"/>
      <c r="AC165" s="20"/>
      <c r="AD165" s="20"/>
      <c r="AE165" s="20"/>
      <c r="AF165" s="20"/>
      <c r="AG165" s="20"/>
      <c r="AH165" s="20"/>
      <c r="AI165" s="20"/>
      <c r="AJ165" s="20"/>
      <c r="AK165" s="20"/>
      <c r="AL165" s="20"/>
      <c r="AM165" s="20"/>
      <c r="AN165" s="20"/>
      <c r="AO165" s="20"/>
      <c r="AP165" s="20"/>
      <c r="AQ165" s="20"/>
      <c r="AR165" s="20"/>
      <c r="AS165" s="20"/>
      <c r="AT165" s="20"/>
      <c r="AU165" s="20"/>
      <c r="AV165" s="20"/>
      <c r="AW165" s="20"/>
      <c r="AX165" s="20"/>
      <c r="AY165" s="20"/>
      <c r="AZ165" s="20"/>
      <c r="BA165" s="20"/>
      <c r="BB165" s="20"/>
      <c r="BC165" s="20"/>
      <c r="BD165" s="20"/>
    </row>
    <row r="166" spans="1:56" s="14" customFormat="1" ht="243" customHeight="1" thickTop="1" thickBot="1">
      <c r="A166" s="249" t="s">
        <v>105</v>
      </c>
      <c r="B166" s="251"/>
      <c r="C166" s="251"/>
      <c r="D166" s="251"/>
      <c r="E166" s="251"/>
      <c r="F166" s="251"/>
      <c r="G166" s="251"/>
      <c r="H166" s="251"/>
      <c r="I166" s="251"/>
      <c r="J166" s="251"/>
      <c r="K166" s="251"/>
      <c r="L166" s="251"/>
      <c r="M166" s="251"/>
      <c r="N166" s="335"/>
      <c r="O166" s="16" t="s">
        <v>20</v>
      </c>
      <c r="P166" s="132" t="s">
        <v>21</v>
      </c>
      <c r="Q166" s="129"/>
      <c r="R166" s="13"/>
      <c r="S166" s="130"/>
      <c r="T166" s="160"/>
      <c r="U166" s="21"/>
      <c r="V166" s="21"/>
      <c r="W166" s="21"/>
      <c r="X166" s="20"/>
      <c r="Y166" s="20"/>
      <c r="Z166" s="20"/>
      <c r="AA166" s="20"/>
      <c r="AB166" s="20"/>
      <c r="AC166" s="20"/>
      <c r="AD166" s="20"/>
      <c r="AE166" s="20"/>
      <c r="AF166" s="20"/>
      <c r="AG166" s="20"/>
      <c r="AH166" s="20"/>
      <c r="AI166" s="20"/>
      <c r="AJ166" s="20"/>
      <c r="AK166" s="20"/>
      <c r="AL166" s="20"/>
      <c r="AM166" s="20"/>
      <c r="AN166" s="21"/>
      <c r="AO166" s="21"/>
      <c r="AP166" s="21"/>
      <c r="AQ166" s="21"/>
      <c r="AR166" s="21"/>
      <c r="AS166" s="21"/>
      <c r="AT166" s="21"/>
      <c r="AU166" s="21"/>
      <c r="AV166" s="21"/>
      <c r="AW166" s="21"/>
      <c r="AX166" s="21"/>
      <c r="AY166" s="21"/>
      <c r="AZ166" s="21"/>
      <c r="BA166" s="21"/>
      <c r="BB166" s="21"/>
      <c r="BC166" s="21"/>
      <c r="BD166" s="21"/>
    </row>
    <row r="167" spans="1:56" s="6" customFormat="1" ht="69.900000000000006" customHeight="1" thickTop="1">
      <c r="A167" s="221" t="s">
        <v>25</v>
      </c>
      <c r="B167" s="223"/>
      <c r="C167" s="223"/>
      <c r="D167" s="223"/>
      <c r="E167" s="223"/>
      <c r="F167" s="223"/>
      <c r="G167" s="223"/>
      <c r="H167" s="223"/>
      <c r="I167" s="223"/>
      <c r="J167" s="223"/>
      <c r="K167" s="223"/>
      <c r="L167" s="223"/>
      <c r="M167" s="223"/>
      <c r="N167" s="223"/>
      <c r="O167" s="223"/>
      <c r="P167" s="343"/>
      <c r="Q167" s="155"/>
      <c r="R167" s="13"/>
      <c r="S167" s="157"/>
      <c r="T167" s="156"/>
    </row>
    <row r="168" spans="1:56" s="14" customFormat="1" ht="75" customHeight="1">
      <c r="A168" s="225"/>
      <c r="B168" s="226"/>
      <c r="C168" s="226"/>
      <c r="D168" s="226"/>
      <c r="E168" s="226"/>
      <c r="F168" s="226"/>
      <c r="G168" s="226"/>
      <c r="H168" s="226"/>
      <c r="I168" s="226"/>
      <c r="J168" s="226"/>
      <c r="K168" s="226"/>
      <c r="L168" s="227"/>
      <c r="M168" s="226"/>
      <c r="N168" s="226"/>
      <c r="O168" s="226"/>
      <c r="P168" s="228"/>
      <c r="Q168" s="129"/>
      <c r="R168" s="13"/>
      <c r="S168" s="17"/>
      <c r="T168" s="156"/>
    </row>
    <row r="169" spans="1:56" s="14" customFormat="1" ht="75" customHeight="1" thickBot="1">
      <c r="A169" s="229"/>
      <c r="B169" s="230"/>
      <c r="C169" s="230"/>
      <c r="D169" s="230"/>
      <c r="E169" s="230"/>
      <c r="F169" s="230"/>
      <c r="G169" s="230"/>
      <c r="H169" s="230"/>
      <c r="I169" s="230"/>
      <c r="J169" s="230"/>
      <c r="K169" s="230"/>
      <c r="L169" s="231"/>
      <c r="M169" s="230"/>
      <c r="N169" s="230"/>
      <c r="O169" s="230"/>
      <c r="P169" s="232"/>
      <c r="Q169" s="129"/>
      <c r="R169" s="13"/>
      <c r="S169" s="17"/>
      <c r="T169" s="156"/>
    </row>
    <row r="170" spans="1:56" s="6" customFormat="1" ht="69.900000000000006" customHeight="1" thickBot="1">
      <c r="A170" s="245" t="s">
        <v>106</v>
      </c>
      <c r="B170" s="247"/>
      <c r="C170" s="247"/>
      <c r="D170" s="247"/>
      <c r="E170" s="247"/>
      <c r="F170" s="247"/>
      <c r="G170" s="247"/>
      <c r="H170" s="247"/>
      <c r="I170" s="247"/>
      <c r="J170" s="247"/>
      <c r="K170" s="247"/>
      <c r="L170" s="247"/>
      <c r="M170" s="247"/>
      <c r="N170" s="247"/>
      <c r="O170" s="247"/>
      <c r="P170" s="334"/>
      <c r="Q170" s="129"/>
      <c r="R170" s="13"/>
      <c r="S170" s="22"/>
      <c r="T170" s="50"/>
      <c r="U170" s="20"/>
      <c r="V170" s="20"/>
      <c r="W170" s="20"/>
      <c r="X170" s="20"/>
      <c r="Y170" s="20"/>
      <c r="Z170" s="20"/>
      <c r="AA170" s="20"/>
      <c r="AB170" s="20"/>
      <c r="AC170" s="20"/>
      <c r="AD170" s="20"/>
      <c r="AE170" s="20"/>
      <c r="AF170" s="20"/>
      <c r="AG170" s="20"/>
      <c r="AH170" s="20"/>
      <c r="AI170" s="20"/>
      <c r="AJ170" s="20"/>
      <c r="AK170" s="20"/>
      <c r="AL170" s="20"/>
      <c r="AM170" s="20"/>
      <c r="AN170" s="20"/>
      <c r="AO170" s="20"/>
      <c r="AP170" s="20"/>
      <c r="AQ170" s="20"/>
      <c r="AR170" s="20"/>
      <c r="AS170" s="20"/>
      <c r="AT170" s="20"/>
      <c r="AU170" s="20"/>
      <c r="AV170" s="20"/>
      <c r="AW170" s="20"/>
      <c r="AX170" s="20"/>
      <c r="AY170" s="20"/>
      <c r="AZ170" s="20"/>
      <c r="BA170" s="20"/>
      <c r="BB170" s="20"/>
      <c r="BC170" s="20"/>
      <c r="BD170" s="20"/>
    </row>
    <row r="171" spans="1:56" s="14" customFormat="1" ht="132" customHeight="1" thickTop="1" thickBot="1">
      <c r="A171" s="249" t="s">
        <v>107</v>
      </c>
      <c r="B171" s="251"/>
      <c r="C171" s="251"/>
      <c r="D171" s="251"/>
      <c r="E171" s="251"/>
      <c r="F171" s="251"/>
      <c r="G171" s="251"/>
      <c r="H171" s="251"/>
      <c r="I171" s="251"/>
      <c r="J171" s="251"/>
      <c r="K171" s="251"/>
      <c r="L171" s="251"/>
      <c r="M171" s="251"/>
      <c r="N171" s="335"/>
      <c r="O171" s="16" t="s">
        <v>20</v>
      </c>
      <c r="P171" s="132" t="s">
        <v>21</v>
      </c>
      <c r="Q171" s="129"/>
      <c r="R171" s="13"/>
      <c r="S171" s="130"/>
      <c r="T171" s="50"/>
      <c r="U171" s="21"/>
      <c r="V171" s="21"/>
      <c r="W171" s="21"/>
      <c r="X171" s="21"/>
      <c r="Y171" s="21"/>
      <c r="Z171" s="21"/>
      <c r="AA171" s="21"/>
      <c r="AB171" s="21"/>
      <c r="AC171" s="21"/>
      <c r="AD171" s="21"/>
      <c r="AE171" s="21"/>
      <c r="AF171" s="21"/>
      <c r="AG171" s="21"/>
      <c r="AH171" s="21"/>
      <c r="AI171" s="21"/>
      <c r="AJ171" s="21"/>
      <c r="AK171" s="21"/>
      <c r="AL171" s="21"/>
      <c r="AM171" s="21"/>
      <c r="AN171" s="21"/>
      <c r="AO171" s="21"/>
      <c r="AP171" s="21"/>
      <c r="AQ171" s="21"/>
      <c r="AR171" s="21"/>
      <c r="AS171" s="21"/>
      <c r="AT171" s="21"/>
      <c r="AU171" s="21"/>
      <c r="AV171" s="21"/>
      <c r="AW171" s="21"/>
      <c r="AX171" s="21"/>
      <c r="AY171" s="21"/>
      <c r="AZ171" s="21"/>
      <c r="BA171" s="21"/>
      <c r="BB171" s="21"/>
      <c r="BC171" s="21"/>
      <c r="BD171" s="21"/>
    </row>
    <row r="172" spans="1:56" s="6" customFormat="1" ht="69.599999999999994" customHeight="1" thickTop="1">
      <c r="A172" s="270" t="s">
        <v>108</v>
      </c>
      <c r="B172" s="272"/>
      <c r="C172" s="272"/>
      <c r="D172" s="272"/>
      <c r="E172" s="272"/>
      <c r="F172" s="272"/>
      <c r="G172" s="272"/>
      <c r="H172" s="272"/>
      <c r="I172" s="272"/>
      <c r="J172" s="272"/>
      <c r="K172" s="272"/>
      <c r="L172" s="272"/>
      <c r="M172" s="272"/>
      <c r="N172" s="272"/>
      <c r="O172" s="272"/>
      <c r="P172" s="342"/>
      <c r="Q172" s="155"/>
      <c r="R172" s="13"/>
      <c r="S172" s="157"/>
      <c r="T172" s="156"/>
    </row>
    <row r="173" spans="1:56" s="6" customFormat="1" ht="69.599999999999994" customHeight="1">
      <c r="A173" s="274" t="s">
        <v>109</v>
      </c>
      <c r="B173" s="275"/>
      <c r="C173" s="275"/>
      <c r="D173" s="275"/>
      <c r="E173" s="275"/>
      <c r="F173" s="275"/>
      <c r="G173" s="275"/>
      <c r="H173" s="275"/>
      <c r="I173" s="275"/>
      <c r="J173" s="275"/>
      <c r="K173" s="275"/>
      <c r="L173" s="275"/>
      <c r="M173" s="275"/>
      <c r="N173" s="275"/>
      <c r="O173" s="275"/>
      <c r="P173" s="276"/>
      <c r="Q173" s="155"/>
      <c r="R173" s="13"/>
      <c r="S173" s="157"/>
      <c r="T173" s="156"/>
    </row>
    <row r="174" spans="1:56" s="14" customFormat="1" ht="69.900000000000006" customHeight="1">
      <c r="A174" s="277" t="s">
        <v>110</v>
      </c>
      <c r="B174" s="278"/>
      <c r="C174" s="278"/>
      <c r="D174" s="278"/>
      <c r="E174" s="278"/>
      <c r="F174" s="278"/>
      <c r="G174" s="278"/>
      <c r="H174" s="278"/>
      <c r="I174" s="278"/>
      <c r="J174" s="279"/>
      <c r="K174" s="360"/>
      <c r="L174" s="360"/>
      <c r="M174" s="360"/>
      <c r="N174" s="360"/>
      <c r="O174" s="360"/>
      <c r="P174" s="361"/>
      <c r="Q174" s="129"/>
      <c r="R174" s="13"/>
      <c r="S174" s="22"/>
      <c r="T174" s="50"/>
      <c r="U174" s="21"/>
      <c r="V174" s="21"/>
      <c r="W174" s="21"/>
      <c r="X174" s="21"/>
      <c r="Y174" s="21"/>
      <c r="Z174" s="21"/>
      <c r="AA174" s="21"/>
      <c r="AB174" s="21"/>
      <c r="AC174" s="21"/>
      <c r="AD174" s="21"/>
      <c r="AE174" s="21"/>
      <c r="AF174" s="21"/>
      <c r="AG174" s="21"/>
      <c r="AH174" s="21"/>
      <c r="AI174" s="21"/>
      <c r="AJ174" s="21"/>
      <c r="AK174" s="21"/>
      <c r="AL174" s="21"/>
      <c r="AM174" s="21"/>
      <c r="AN174" s="21"/>
      <c r="AO174" s="21"/>
      <c r="AP174" s="21"/>
      <c r="AQ174" s="21"/>
      <c r="AR174" s="21"/>
      <c r="AS174" s="21"/>
      <c r="AT174" s="21"/>
      <c r="AU174" s="21"/>
      <c r="AV174" s="21"/>
      <c r="AW174" s="21"/>
      <c r="AX174" s="21"/>
      <c r="AY174" s="21"/>
      <c r="AZ174" s="21"/>
      <c r="BA174" s="21"/>
      <c r="BB174" s="21"/>
      <c r="BC174" s="21"/>
      <c r="BD174" s="21"/>
    </row>
    <row r="175" spans="1:56" s="42" customFormat="1" ht="69.900000000000006" customHeight="1">
      <c r="A175" s="285" t="s">
        <v>111</v>
      </c>
      <c r="B175" s="286"/>
      <c r="C175" s="286"/>
      <c r="D175" s="286"/>
      <c r="E175" s="286"/>
      <c r="F175" s="286"/>
      <c r="G175" s="286"/>
      <c r="H175" s="286"/>
      <c r="I175" s="286"/>
      <c r="J175" s="287"/>
      <c r="K175" s="344" t="s">
        <v>112</v>
      </c>
      <c r="L175" s="345"/>
      <c r="M175" s="348" t="s">
        <v>113</v>
      </c>
      <c r="N175" s="349"/>
      <c r="O175" s="349"/>
      <c r="P175" s="350"/>
      <c r="Q175" s="134"/>
      <c r="R175" s="133"/>
      <c r="S175" s="39"/>
      <c r="T175" s="156"/>
      <c r="U175" s="41"/>
      <c r="V175" s="41"/>
      <c r="W175" s="41"/>
      <c r="X175" s="41"/>
      <c r="Y175" s="41"/>
      <c r="Z175" s="41"/>
      <c r="AA175" s="41"/>
      <c r="AB175" s="41"/>
      <c r="AC175" s="41"/>
      <c r="AD175" s="41"/>
      <c r="AE175" s="41"/>
      <c r="AF175" s="41"/>
      <c r="AG175" s="41"/>
      <c r="AH175" s="41"/>
      <c r="AI175" s="41"/>
      <c r="AJ175" s="41"/>
      <c r="AK175" s="41"/>
      <c r="AL175" s="41"/>
      <c r="AM175" s="41"/>
      <c r="AN175" s="41"/>
      <c r="AO175" s="41"/>
      <c r="AP175" s="41"/>
      <c r="AQ175" s="41"/>
      <c r="AR175" s="41"/>
      <c r="AS175" s="41"/>
      <c r="AT175" s="41"/>
      <c r="AU175" s="41"/>
      <c r="AV175" s="41"/>
      <c r="AW175" s="41"/>
      <c r="AX175" s="41"/>
      <c r="AY175" s="41"/>
      <c r="AZ175" s="41"/>
      <c r="BA175" s="41"/>
      <c r="BB175" s="41"/>
      <c r="BC175" s="41"/>
      <c r="BD175" s="41"/>
    </row>
    <row r="176" spans="1:56" s="42" customFormat="1" ht="69.900000000000006" customHeight="1">
      <c r="A176" s="291"/>
      <c r="B176" s="292"/>
      <c r="C176" s="292"/>
      <c r="D176" s="292"/>
      <c r="E176" s="292"/>
      <c r="F176" s="292"/>
      <c r="G176" s="292"/>
      <c r="H176" s="292"/>
      <c r="I176" s="292"/>
      <c r="J176" s="293"/>
      <c r="K176" s="346"/>
      <c r="L176" s="347"/>
      <c r="M176" s="351" t="s">
        <v>114</v>
      </c>
      <c r="N176" s="352"/>
      <c r="O176" s="352"/>
      <c r="P176" s="353"/>
      <c r="Q176" s="134"/>
      <c r="R176" s="133"/>
      <c r="S176" s="39"/>
      <c r="T176" s="159"/>
      <c r="U176" s="41"/>
      <c r="V176" s="41"/>
      <c r="W176" s="41"/>
      <c r="X176" s="41"/>
      <c r="Y176" s="41"/>
      <c r="Z176" s="41"/>
      <c r="AA176" s="41"/>
      <c r="AB176" s="41"/>
      <c r="AC176" s="41"/>
      <c r="AD176" s="41"/>
      <c r="AE176" s="41"/>
      <c r="AF176" s="41"/>
      <c r="AG176" s="41"/>
      <c r="AH176" s="41"/>
      <c r="AI176" s="41"/>
      <c r="AJ176" s="41"/>
      <c r="AK176" s="41"/>
      <c r="AL176" s="41"/>
      <c r="AM176" s="41"/>
      <c r="AN176" s="41"/>
      <c r="AO176" s="41"/>
      <c r="AP176" s="41"/>
      <c r="AQ176" s="41"/>
      <c r="AR176" s="41"/>
      <c r="AS176" s="41"/>
      <c r="AT176" s="41"/>
      <c r="AU176" s="41"/>
      <c r="AV176" s="41"/>
      <c r="AW176" s="41"/>
      <c r="AX176" s="41"/>
      <c r="AY176" s="41"/>
      <c r="AZ176" s="41"/>
      <c r="BA176" s="41"/>
      <c r="BB176" s="41"/>
      <c r="BC176" s="41"/>
      <c r="BD176" s="41"/>
    </row>
    <row r="177" spans="1:56" s="42" customFormat="1" ht="69.900000000000006" customHeight="1">
      <c r="A177" s="285" t="s">
        <v>115</v>
      </c>
      <c r="B177" s="286"/>
      <c r="C177" s="286"/>
      <c r="D177" s="286"/>
      <c r="E177" s="286"/>
      <c r="F177" s="286"/>
      <c r="G177" s="286"/>
      <c r="H177" s="286"/>
      <c r="I177" s="286"/>
      <c r="J177" s="287"/>
      <c r="K177" s="344" t="s">
        <v>112</v>
      </c>
      <c r="L177" s="345"/>
      <c r="M177" s="348" t="s">
        <v>113</v>
      </c>
      <c r="N177" s="349"/>
      <c r="O177" s="349"/>
      <c r="P177" s="350"/>
      <c r="Q177" s="134"/>
      <c r="R177" s="133"/>
      <c r="S177" s="39"/>
      <c r="T177" s="159"/>
      <c r="U177" s="41"/>
      <c r="V177" s="41"/>
      <c r="W177" s="41"/>
      <c r="X177" s="41"/>
      <c r="Y177" s="41"/>
      <c r="Z177" s="41"/>
      <c r="AA177" s="41"/>
      <c r="AB177" s="41"/>
      <c r="AC177" s="41"/>
      <c r="AD177" s="41"/>
      <c r="AE177" s="41"/>
      <c r="AF177" s="41"/>
      <c r="AG177" s="41"/>
      <c r="AH177" s="41"/>
      <c r="AI177" s="41"/>
      <c r="AJ177" s="41"/>
      <c r="AK177" s="41"/>
      <c r="AL177" s="41"/>
      <c r="AM177" s="41"/>
      <c r="AN177" s="41"/>
      <c r="AO177" s="41"/>
      <c r="AP177" s="41"/>
      <c r="AQ177" s="41"/>
      <c r="AR177" s="41"/>
      <c r="AS177" s="41"/>
      <c r="AT177" s="41"/>
      <c r="AU177" s="41"/>
      <c r="AV177" s="41"/>
      <c r="AW177" s="41"/>
      <c r="AX177" s="41"/>
      <c r="AY177" s="41"/>
      <c r="AZ177" s="41"/>
      <c r="BA177" s="41"/>
      <c r="BB177" s="41"/>
      <c r="BC177" s="41"/>
      <c r="BD177" s="41"/>
    </row>
    <row r="178" spans="1:56" s="42" customFormat="1" ht="69.900000000000006" customHeight="1">
      <c r="A178" s="291"/>
      <c r="B178" s="292"/>
      <c r="C178" s="292"/>
      <c r="D178" s="292"/>
      <c r="E178" s="292"/>
      <c r="F178" s="292"/>
      <c r="G178" s="292"/>
      <c r="H178" s="292"/>
      <c r="I178" s="292"/>
      <c r="J178" s="293"/>
      <c r="K178" s="346"/>
      <c r="L178" s="347"/>
      <c r="M178" s="351" t="s">
        <v>114</v>
      </c>
      <c r="N178" s="352"/>
      <c r="O178" s="352"/>
      <c r="P178" s="353"/>
      <c r="Q178" s="134"/>
      <c r="R178" s="133"/>
      <c r="S178" s="39"/>
      <c r="T178" s="159"/>
      <c r="U178" s="41"/>
      <c r="V178" s="41"/>
      <c r="W178" s="41"/>
      <c r="X178" s="41"/>
      <c r="Y178" s="41"/>
      <c r="Z178" s="41"/>
      <c r="AA178" s="41"/>
      <c r="AB178" s="41"/>
      <c r="AC178" s="41"/>
      <c r="AD178" s="41"/>
      <c r="AE178" s="41"/>
      <c r="AF178" s="41"/>
      <c r="AG178" s="41"/>
      <c r="AH178" s="41"/>
      <c r="AI178" s="41"/>
      <c r="AJ178" s="41"/>
      <c r="AK178" s="41"/>
      <c r="AL178" s="41"/>
      <c r="AM178" s="41"/>
      <c r="AN178" s="41"/>
      <c r="AO178" s="41"/>
      <c r="AP178" s="41"/>
      <c r="AQ178" s="41"/>
      <c r="AR178" s="41"/>
      <c r="AS178" s="41"/>
      <c r="AT178" s="41"/>
      <c r="AU178" s="41"/>
      <c r="AV178" s="41"/>
      <c r="AW178" s="41"/>
      <c r="AX178" s="41"/>
      <c r="AY178" s="41"/>
      <c r="AZ178" s="41"/>
      <c r="BA178" s="41"/>
      <c r="BB178" s="41"/>
      <c r="BC178" s="41"/>
      <c r="BD178" s="41"/>
    </row>
    <row r="179" spans="1:56" s="14" customFormat="1" ht="120" customHeight="1">
      <c r="A179" s="354" t="s">
        <v>116</v>
      </c>
      <c r="B179" s="355"/>
      <c r="C179" s="355"/>
      <c r="D179" s="355"/>
      <c r="E179" s="355"/>
      <c r="F179" s="355"/>
      <c r="G179" s="355"/>
      <c r="H179" s="355"/>
      <c r="I179" s="355"/>
      <c r="J179" s="356"/>
      <c r="K179" s="357"/>
      <c r="L179" s="358"/>
      <c r="M179" s="358"/>
      <c r="N179" s="358"/>
      <c r="O179" s="358"/>
      <c r="P179" s="359"/>
      <c r="Q179" s="129"/>
      <c r="R179" s="13"/>
      <c r="S179" s="22"/>
      <c r="T179" s="50"/>
      <c r="U179" s="21"/>
      <c r="V179" s="21"/>
      <c r="W179" s="21"/>
      <c r="X179" s="21"/>
      <c r="Y179" s="21"/>
      <c r="Z179" s="21"/>
      <c r="AA179" s="21"/>
      <c r="AB179" s="21"/>
      <c r="AC179" s="21"/>
      <c r="AD179" s="21"/>
      <c r="AE179" s="21"/>
      <c r="AF179" s="21"/>
      <c r="AG179" s="21"/>
      <c r="AH179" s="21"/>
      <c r="AI179" s="21"/>
      <c r="AJ179" s="21"/>
      <c r="AK179" s="21"/>
      <c r="AL179" s="21"/>
      <c r="AM179" s="21"/>
      <c r="AN179" s="21"/>
      <c r="AO179" s="21"/>
      <c r="AP179" s="21"/>
      <c r="AQ179" s="21"/>
      <c r="AR179" s="21"/>
      <c r="AS179" s="21"/>
      <c r="AT179" s="21"/>
      <c r="AU179" s="21"/>
      <c r="AV179" s="21"/>
      <c r="AW179" s="21"/>
      <c r="AX179" s="21"/>
      <c r="AY179" s="21"/>
      <c r="AZ179" s="21"/>
      <c r="BA179" s="21"/>
      <c r="BB179" s="21"/>
      <c r="BC179" s="21"/>
      <c r="BD179" s="21"/>
    </row>
    <row r="180" spans="1:56" s="6" customFormat="1" ht="69.599999999999994" customHeight="1">
      <c r="A180" s="364" t="s">
        <v>117</v>
      </c>
      <c r="B180" s="365"/>
      <c r="C180" s="365"/>
      <c r="D180" s="365"/>
      <c r="E180" s="365"/>
      <c r="F180" s="365"/>
      <c r="G180" s="365"/>
      <c r="H180" s="365"/>
      <c r="I180" s="365"/>
      <c r="J180" s="365"/>
      <c r="K180" s="365"/>
      <c r="L180" s="365"/>
      <c r="M180" s="365"/>
      <c r="N180" s="365"/>
      <c r="O180" s="365"/>
      <c r="P180" s="366"/>
      <c r="Q180" s="155"/>
      <c r="R180" s="13"/>
      <c r="S180" s="157"/>
      <c r="T180" s="156"/>
    </row>
    <row r="181" spans="1:56" s="6" customFormat="1" ht="69.599999999999994" customHeight="1">
      <c r="A181" s="367" t="s">
        <v>118</v>
      </c>
      <c r="B181" s="368"/>
      <c r="C181" s="368"/>
      <c r="D181" s="368"/>
      <c r="E181" s="368"/>
      <c r="F181" s="368"/>
      <c r="G181" s="368"/>
      <c r="H181" s="368"/>
      <c r="I181" s="368"/>
      <c r="J181" s="368"/>
      <c r="K181" s="368"/>
      <c r="L181" s="368"/>
      <c r="M181" s="368"/>
      <c r="N181" s="368"/>
      <c r="O181" s="368"/>
      <c r="P181" s="369"/>
      <c r="Q181" s="155"/>
      <c r="R181" s="13"/>
      <c r="S181" s="157"/>
      <c r="T181" s="156"/>
    </row>
    <row r="182" spans="1:56" s="6" customFormat="1" ht="69.599999999999994" customHeight="1">
      <c r="A182" s="364" t="s">
        <v>119</v>
      </c>
      <c r="B182" s="365"/>
      <c r="C182" s="365"/>
      <c r="D182" s="365"/>
      <c r="E182" s="365"/>
      <c r="F182" s="365"/>
      <c r="G182" s="365"/>
      <c r="H182" s="365"/>
      <c r="I182" s="365"/>
      <c r="J182" s="365"/>
      <c r="K182" s="365"/>
      <c r="L182" s="365"/>
      <c r="M182" s="365"/>
      <c r="N182" s="365"/>
      <c r="O182" s="365"/>
      <c r="P182" s="366"/>
      <c r="Q182" s="155"/>
      <c r="R182" s="13"/>
      <c r="S182" s="157"/>
      <c r="T182" s="156"/>
    </row>
    <row r="183" spans="1:56" s="14" customFormat="1" ht="69.900000000000006" customHeight="1">
      <c r="A183" s="367" t="s">
        <v>120</v>
      </c>
      <c r="B183" s="368"/>
      <c r="C183" s="368"/>
      <c r="D183" s="368"/>
      <c r="E183" s="368"/>
      <c r="F183" s="368"/>
      <c r="G183" s="368"/>
      <c r="H183" s="368"/>
      <c r="I183" s="368"/>
      <c r="J183" s="368"/>
      <c r="K183" s="368"/>
      <c r="L183" s="368"/>
      <c r="M183" s="368"/>
      <c r="N183" s="368"/>
      <c r="O183" s="368"/>
      <c r="P183" s="369"/>
      <c r="Q183" s="129"/>
      <c r="R183" s="13"/>
      <c r="S183" s="22"/>
      <c r="T183" s="50"/>
      <c r="U183" s="21"/>
      <c r="V183" s="21"/>
      <c r="W183" s="21"/>
      <c r="X183" s="21"/>
      <c r="Y183" s="21"/>
      <c r="Z183" s="21"/>
      <c r="AA183" s="21"/>
      <c r="AB183" s="21"/>
      <c r="AC183" s="21"/>
      <c r="AD183" s="21"/>
      <c r="AE183" s="21"/>
      <c r="AF183" s="21"/>
      <c r="AG183" s="21"/>
      <c r="AH183" s="21"/>
      <c r="AI183" s="21"/>
      <c r="AJ183" s="21"/>
      <c r="AK183" s="21"/>
      <c r="AL183" s="21"/>
      <c r="AM183" s="21"/>
      <c r="AN183" s="21"/>
      <c r="AO183" s="21"/>
      <c r="AP183" s="21"/>
      <c r="AQ183" s="21"/>
      <c r="AR183" s="21"/>
      <c r="AS183" s="21"/>
      <c r="AT183" s="21"/>
      <c r="AU183" s="21"/>
      <c r="AV183" s="21"/>
      <c r="AW183" s="21"/>
      <c r="AX183" s="21"/>
      <c r="AY183" s="21"/>
      <c r="AZ183" s="21"/>
      <c r="BA183" s="21"/>
      <c r="BB183" s="21"/>
      <c r="BC183" s="21"/>
      <c r="BD183" s="21"/>
    </row>
    <row r="184" spans="1:56" s="6" customFormat="1" ht="69.900000000000006" customHeight="1">
      <c r="A184" s="221" t="s">
        <v>25</v>
      </c>
      <c r="B184" s="223"/>
      <c r="C184" s="223"/>
      <c r="D184" s="223"/>
      <c r="E184" s="223"/>
      <c r="F184" s="223"/>
      <c r="G184" s="223"/>
      <c r="H184" s="223"/>
      <c r="I184" s="223"/>
      <c r="J184" s="223"/>
      <c r="K184" s="326"/>
      <c r="L184" s="326"/>
      <c r="M184" s="223"/>
      <c r="N184" s="223"/>
      <c r="O184" s="223"/>
      <c r="P184" s="343"/>
      <c r="Q184" s="155"/>
      <c r="R184" s="13"/>
      <c r="S184" s="157"/>
      <c r="T184" s="156"/>
    </row>
    <row r="185" spans="1:56" s="14" customFormat="1" ht="75" customHeight="1">
      <c r="A185" s="225"/>
      <c r="B185" s="226"/>
      <c r="C185" s="226"/>
      <c r="D185" s="226"/>
      <c r="E185" s="226"/>
      <c r="F185" s="226"/>
      <c r="G185" s="226"/>
      <c r="H185" s="226"/>
      <c r="I185" s="226"/>
      <c r="J185" s="226"/>
      <c r="K185" s="226"/>
      <c r="L185" s="227"/>
      <c r="M185" s="226"/>
      <c r="N185" s="226"/>
      <c r="O185" s="226"/>
      <c r="P185" s="228"/>
      <c r="Q185" s="129"/>
      <c r="R185" s="13"/>
      <c r="S185" s="17"/>
      <c r="T185" s="156"/>
    </row>
    <row r="186" spans="1:56" s="14" customFormat="1" ht="75" customHeight="1" thickBot="1">
      <c r="A186" s="229"/>
      <c r="B186" s="230"/>
      <c r="C186" s="230"/>
      <c r="D186" s="230"/>
      <c r="E186" s="230"/>
      <c r="F186" s="230"/>
      <c r="G186" s="230"/>
      <c r="H186" s="230"/>
      <c r="I186" s="230"/>
      <c r="J186" s="230"/>
      <c r="K186" s="230"/>
      <c r="L186" s="231"/>
      <c r="M186" s="230"/>
      <c r="N186" s="230"/>
      <c r="O186" s="230"/>
      <c r="P186" s="232"/>
      <c r="Q186" s="129"/>
      <c r="R186" s="13"/>
      <c r="S186" s="207"/>
      <c r="T186" s="156"/>
    </row>
    <row r="187" spans="1:56" s="6" customFormat="1" ht="69.900000000000006" customHeight="1" thickBot="1">
      <c r="A187" s="245" t="s">
        <v>121</v>
      </c>
      <c r="B187" s="247"/>
      <c r="C187" s="247"/>
      <c r="D187" s="247"/>
      <c r="E187" s="247"/>
      <c r="F187" s="247"/>
      <c r="G187" s="247"/>
      <c r="H187" s="247"/>
      <c r="I187" s="247"/>
      <c r="J187" s="247"/>
      <c r="K187" s="247"/>
      <c r="L187" s="247"/>
      <c r="M187" s="247"/>
      <c r="N187" s="247"/>
      <c r="O187" s="247"/>
      <c r="P187" s="334"/>
      <c r="Q187" s="129"/>
      <c r="R187" s="13"/>
      <c r="S187" s="206" t="s">
        <v>122</v>
      </c>
      <c r="T187" s="50"/>
      <c r="U187" s="20"/>
      <c r="V187" s="20"/>
      <c r="W187" s="20"/>
      <c r="X187" s="20"/>
      <c r="Y187" s="20"/>
      <c r="Z187" s="20"/>
      <c r="AA187" s="20"/>
      <c r="AB187" s="20"/>
      <c r="AC187" s="20"/>
      <c r="AD187" s="20"/>
      <c r="AE187" s="20"/>
      <c r="AF187" s="20"/>
      <c r="AG187" s="20"/>
      <c r="AH187" s="20"/>
      <c r="AI187" s="20"/>
      <c r="AJ187" s="20"/>
      <c r="AK187" s="20"/>
      <c r="AL187" s="20"/>
      <c r="AM187" s="20"/>
      <c r="AN187" s="20"/>
      <c r="AO187" s="20"/>
      <c r="AP187" s="20"/>
      <c r="AQ187" s="20"/>
      <c r="AR187" s="20"/>
      <c r="AS187" s="20"/>
      <c r="AT187" s="20"/>
      <c r="AU187" s="20"/>
      <c r="AV187" s="20"/>
      <c r="AW187" s="20"/>
      <c r="AX187" s="20"/>
      <c r="AY187" s="20"/>
      <c r="AZ187" s="20"/>
      <c r="BA187" s="20"/>
      <c r="BB187" s="20"/>
      <c r="BC187" s="20"/>
      <c r="BD187" s="20"/>
    </row>
    <row r="188" spans="1:56" s="14" customFormat="1" ht="132" customHeight="1" thickTop="1" thickBot="1">
      <c r="A188" s="249" t="s">
        <v>123</v>
      </c>
      <c r="B188" s="251"/>
      <c r="C188" s="251"/>
      <c r="D188" s="251"/>
      <c r="E188" s="251"/>
      <c r="F188" s="251"/>
      <c r="G188" s="251"/>
      <c r="H188" s="251"/>
      <c r="I188" s="251"/>
      <c r="J188" s="251"/>
      <c r="K188" s="251"/>
      <c r="L188" s="251"/>
      <c r="M188" s="335"/>
      <c r="N188" s="131" t="s">
        <v>24</v>
      </c>
      <c r="O188" s="16" t="s">
        <v>20</v>
      </c>
      <c r="P188" s="132" t="s">
        <v>21</v>
      </c>
      <c r="Q188" s="129"/>
      <c r="R188" s="13"/>
      <c r="S188" s="130"/>
      <c r="T188" s="50"/>
      <c r="U188" s="21"/>
      <c r="V188" s="21"/>
      <c r="W188" s="21"/>
      <c r="X188" s="21"/>
      <c r="Y188" s="21"/>
      <c r="Z188" s="21"/>
      <c r="AA188" s="21"/>
      <c r="AB188" s="21"/>
      <c r="AC188" s="21"/>
      <c r="AD188" s="21"/>
      <c r="AE188" s="21"/>
      <c r="AF188" s="21"/>
      <c r="AG188" s="21"/>
      <c r="AH188" s="21"/>
      <c r="AI188" s="21"/>
      <c r="AJ188" s="21"/>
      <c r="AK188" s="21"/>
      <c r="AL188" s="21"/>
      <c r="AM188" s="21"/>
      <c r="AN188" s="21"/>
      <c r="AO188" s="21"/>
      <c r="AP188" s="21"/>
      <c r="AQ188" s="21"/>
      <c r="AR188" s="21"/>
      <c r="AS188" s="21"/>
      <c r="AT188" s="21"/>
      <c r="AU188" s="21"/>
      <c r="AV188" s="21"/>
      <c r="AW188" s="21"/>
      <c r="AX188" s="21"/>
      <c r="AY188" s="21"/>
      <c r="AZ188" s="21"/>
      <c r="BA188" s="21"/>
      <c r="BB188" s="21"/>
      <c r="BC188" s="21"/>
      <c r="BD188" s="21"/>
    </row>
    <row r="189" spans="1:56" s="6" customFormat="1" ht="69.900000000000006" customHeight="1" thickTop="1">
      <c r="A189" s="221" t="s">
        <v>52</v>
      </c>
      <c r="B189" s="223"/>
      <c r="C189" s="223"/>
      <c r="D189" s="223"/>
      <c r="E189" s="223"/>
      <c r="F189" s="223"/>
      <c r="G189" s="223"/>
      <c r="H189" s="223"/>
      <c r="I189" s="223"/>
      <c r="J189" s="223"/>
      <c r="K189" s="223"/>
      <c r="L189" s="223"/>
      <c r="M189" s="223"/>
      <c r="N189" s="223"/>
      <c r="O189" s="223"/>
      <c r="P189" s="343"/>
      <c r="Q189" s="155"/>
      <c r="R189" s="13"/>
      <c r="S189" s="157"/>
      <c r="T189" s="156"/>
    </row>
    <row r="190" spans="1:56" s="14" customFormat="1" ht="70.2" customHeight="1">
      <c r="A190" s="264" t="s">
        <v>124</v>
      </c>
      <c r="B190" s="265"/>
      <c r="C190" s="265"/>
      <c r="D190" s="265"/>
      <c r="E190" s="265"/>
      <c r="F190" s="265"/>
      <c r="G190" s="265"/>
      <c r="H190" s="265"/>
      <c r="I190" s="265"/>
      <c r="J190" s="266"/>
      <c r="K190" s="362"/>
      <c r="L190" s="362"/>
      <c r="M190" s="362"/>
      <c r="N190" s="362"/>
      <c r="O190" s="362"/>
      <c r="P190" s="363"/>
      <c r="Q190" s="129"/>
      <c r="R190" s="13"/>
      <c r="S190" s="22"/>
      <c r="T190" s="50"/>
      <c r="U190" s="21"/>
      <c r="V190" s="21"/>
      <c r="W190" s="21"/>
      <c r="X190" s="21"/>
      <c r="Y190" s="21"/>
      <c r="Z190" s="21"/>
      <c r="AA190" s="21"/>
      <c r="AB190" s="21"/>
      <c r="AC190" s="21"/>
      <c r="AD190" s="21"/>
      <c r="AE190" s="21"/>
      <c r="AF190" s="21"/>
      <c r="AG190" s="21"/>
      <c r="AH190" s="21"/>
      <c r="AI190" s="21"/>
      <c r="AJ190" s="21"/>
      <c r="AK190" s="21"/>
      <c r="AL190" s="21"/>
      <c r="AM190" s="21"/>
      <c r="AN190" s="21"/>
      <c r="AO190" s="21"/>
      <c r="AP190" s="21"/>
      <c r="AQ190" s="21"/>
      <c r="AR190" s="21"/>
      <c r="AS190" s="21"/>
      <c r="AT190" s="21"/>
      <c r="AU190" s="21"/>
      <c r="AV190" s="21"/>
      <c r="AW190" s="21"/>
      <c r="AX190" s="21"/>
      <c r="AY190" s="21"/>
      <c r="AZ190" s="21"/>
      <c r="BA190" s="21"/>
      <c r="BB190" s="21"/>
      <c r="BC190" s="21"/>
      <c r="BD190" s="21"/>
    </row>
    <row r="191" spans="1:56" s="42" customFormat="1" ht="70.2" customHeight="1">
      <c r="A191" s="372" t="s">
        <v>125</v>
      </c>
      <c r="B191" s="373"/>
      <c r="C191" s="373"/>
      <c r="D191" s="373"/>
      <c r="E191" s="373"/>
      <c r="F191" s="373"/>
      <c r="G191" s="373"/>
      <c r="H191" s="373"/>
      <c r="I191" s="373"/>
      <c r="J191" s="374"/>
      <c r="K191" s="348" t="s">
        <v>126</v>
      </c>
      <c r="L191" s="349"/>
      <c r="M191" s="349"/>
      <c r="N191" s="349"/>
      <c r="O191" s="349"/>
      <c r="P191" s="350"/>
      <c r="Q191" s="134"/>
      <c r="R191" s="133"/>
      <c r="S191" s="39"/>
      <c r="T191" s="159"/>
      <c r="U191" s="41"/>
      <c r="V191" s="41"/>
      <c r="W191" s="41"/>
      <c r="X191" s="41"/>
      <c r="Y191" s="41"/>
      <c r="Z191" s="41"/>
      <c r="AA191" s="41"/>
      <c r="AB191" s="41"/>
      <c r="AC191" s="41"/>
      <c r="AD191" s="41"/>
      <c r="AE191" s="41"/>
      <c r="AF191" s="41"/>
      <c r="AG191" s="41"/>
      <c r="AH191" s="41"/>
      <c r="AI191" s="41"/>
      <c r="AJ191" s="41"/>
      <c r="AK191" s="41"/>
      <c r="AL191" s="41"/>
      <c r="AM191" s="41"/>
      <c r="AN191" s="41"/>
      <c r="AO191" s="41"/>
      <c r="AP191" s="41"/>
      <c r="AQ191" s="41"/>
      <c r="AR191" s="41"/>
      <c r="AS191" s="41"/>
      <c r="AT191" s="41"/>
      <c r="AU191" s="41"/>
      <c r="AV191" s="41"/>
      <c r="AW191" s="41"/>
      <c r="AX191" s="41"/>
      <c r="AY191" s="41"/>
      <c r="AZ191" s="41"/>
      <c r="BA191" s="41"/>
      <c r="BB191" s="41"/>
      <c r="BC191" s="41"/>
      <c r="BD191" s="41"/>
    </row>
    <row r="192" spans="1:56" s="52" customFormat="1" ht="70.2" customHeight="1">
      <c r="A192" s="375"/>
      <c r="B192" s="376"/>
      <c r="C192" s="376"/>
      <c r="D192" s="376"/>
      <c r="E192" s="376"/>
      <c r="F192" s="376"/>
      <c r="G192" s="376"/>
      <c r="H192" s="376"/>
      <c r="I192" s="376"/>
      <c r="J192" s="377"/>
      <c r="K192" s="378" t="s">
        <v>127</v>
      </c>
      <c r="L192" s="379"/>
      <c r="M192" s="379"/>
      <c r="N192" s="379"/>
      <c r="O192" s="379"/>
      <c r="P192" s="380"/>
      <c r="Q192" s="161"/>
      <c r="R192" s="133"/>
      <c r="S192" s="162"/>
      <c r="T192" s="163"/>
    </row>
    <row r="193" spans="1:56" s="6" customFormat="1" ht="69.900000000000006" customHeight="1">
      <c r="A193" s="221" t="s">
        <v>25</v>
      </c>
      <c r="B193" s="223"/>
      <c r="C193" s="223"/>
      <c r="D193" s="223"/>
      <c r="E193" s="223"/>
      <c r="F193" s="223"/>
      <c r="G193" s="223"/>
      <c r="H193" s="223"/>
      <c r="I193" s="223"/>
      <c r="J193" s="223"/>
      <c r="K193" s="223"/>
      <c r="L193" s="223"/>
      <c r="M193" s="223"/>
      <c r="N193" s="223"/>
      <c r="O193" s="223"/>
      <c r="P193" s="343"/>
      <c r="Q193" s="155"/>
      <c r="R193" s="13"/>
      <c r="S193" s="157"/>
      <c r="T193" s="156"/>
    </row>
    <row r="194" spans="1:56" s="14" customFormat="1" ht="75" customHeight="1">
      <c r="A194" s="225"/>
      <c r="B194" s="226"/>
      <c r="C194" s="226"/>
      <c r="D194" s="226"/>
      <c r="E194" s="226"/>
      <c r="F194" s="226"/>
      <c r="G194" s="226"/>
      <c r="H194" s="226"/>
      <c r="I194" s="226"/>
      <c r="J194" s="226"/>
      <c r="K194" s="226"/>
      <c r="L194" s="227"/>
      <c r="M194" s="226"/>
      <c r="N194" s="226"/>
      <c r="O194" s="226"/>
      <c r="P194" s="228"/>
      <c r="Q194" s="129"/>
      <c r="R194" s="13"/>
      <c r="S194" s="17"/>
      <c r="T194" s="156"/>
    </row>
    <row r="195" spans="1:56" s="14" customFormat="1" ht="75" customHeight="1" thickBot="1">
      <c r="A195" s="229"/>
      <c r="B195" s="230"/>
      <c r="C195" s="230"/>
      <c r="D195" s="230"/>
      <c r="E195" s="230"/>
      <c r="F195" s="230"/>
      <c r="G195" s="230"/>
      <c r="H195" s="230"/>
      <c r="I195" s="230"/>
      <c r="J195" s="230"/>
      <c r="K195" s="230"/>
      <c r="L195" s="231"/>
      <c r="M195" s="230"/>
      <c r="N195" s="230"/>
      <c r="O195" s="230"/>
      <c r="P195" s="232"/>
      <c r="Q195" s="129"/>
      <c r="R195" s="13"/>
      <c r="S195" s="17"/>
      <c r="T195" s="156"/>
    </row>
    <row r="196" spans="1:56" s="6" customFormat="1" ht="69.900000000000006" customHeight="1" thickBot="1">
      <c r="A196" s="245" t="s">
        <v>128</v>
      </c>
      <c r="B196" s="247"/>
      <c r="C196" s="247"/>
      <c r="D196" s="247"/>
      <c r="E196" s="247"/>
      <c r="F196" s="247"/>
      <c r="G196" s="247"/>
      <c r="H196" s="247"/>
      <c r="I196" s="247"/>
      <c r="J196" s="247"/>
      <c r="K196" s="247"/>
      <c r="L196" s="247"/>
      <c r="M196" s="247"/>
      <c r="N196" s="247"/>
      <c r="O196" s="247"/>
      <c r="P196" s="334"/>
      <c r="Q196" s="129"/>
      <c r="R196" s="13"/>
      <c r="S196" s="22"/>
      <c r="T196" s="50"/>
      <c r="U196" s="20"/>
      <c r="V196" s="20"/>
      <c r="W196" s="20"/>
      <c r="X196" s="20"/>
      <c r="Y196" s="20"/>
      <c r="Z196" s="20"/>
      <c r="AA196" s="20"/>
      <c r="AB196" s="20"/>
      <c r="AC196" s="20"/>
      <c r="AD196" s="20"/>
      <c r="AE196" s="20"/>
      <c r="AF196" s="20"/>
      <c r="AG196" s="20"/>
      <c r="AH196" s="20"/>
      <c r="AI196" s="20"/>
      <c r="AJ196" s="20"/>
      <c r="AK196" s="20"/>
      <c r="AL196" s="20"/>
      <c r="AM196" s="20"/>
      <c r="AN196" s="20"/>
      <c r="AO196" s="20"/>
      <c r="AP196" s="20"/>
      <c r="AQ196" s="20"/>
      <c r="AR196" s="20"/>
      <c r="AS196" s="20"/>
      <c r="AT196" s="20"/>
      <c r="AU196" s="20"/>
      <c r="AV196" s="20"/>
      <c r="AW196" s="20"/>
      <c r="AX196" s="20"/>
      <c r="AY196" s="20"/>
      <c r="AZ196" s="20"/>
      <c r="BA196" s="20"/>
      <c r="BB196" s="20"/>
      <c r="BC196" s="20"/>
      <c r="BD196" s="20"/>
    </row>
    <row r="197" spans="1:56" s="14" customFormat="1" ht="199.95" customHeight="1" thickTop="1" thickBot="1">
      <c r="A197" s="212" t="s">
        <v>129</v>
      </c>
      <c r="B197" s="214"/>
      <c r="C197" s="214"/>
      <c r="D197" s="214"/>
      <c r="E197" s="214"/>
      <c r="F197" s="214"/>
      <c r="G197" s="214"/>
      <c r="H197" s="214"/>
      <c r="I197" s="214"/>
      <c r="J197" s="214"/>
      <c r="K197" s="214"/>
      <c r="L197" s="214"/>
      <c r="M197" s="370"/>
      <c r="N197" s="24" t="s">
        <v>24</v>
      </c>
      <c r="O197" s="11" t="s">
        <v>20</v>
      </c>
      <c r="P197" s="12" t="s">
        <v>21</v>
      </c>
      <c r="Q197" s="129"/>
      <c r="R197" s="13"/>
      <c r="S197" s="130"/>
      <c r="T197" s="50"/>
      <c r="U197" s="21"/>
      <c r="V197" s="21"/>
      <c r="W197" s="21"/>
      <c r="X197" s="20"/>
      <c r="Y197" s="20"/>
      <c r="Z197" s="20"/>
      <c r="AA197" s="20"/>
      <c r="AB197" s="20"/>
      <c r="AC197" s="20"/>
      <c r="AD197" s="20"/>
      <c r="AE197" s="20"/>
      <c r="AF197" s="20"/>
      <c r="AG197" s="20"/>
      <c r="AH197" s="20"/>
      <c r="AI197" s="20"/>
      <c r="AJ197" s="20"/>
      <c r="AK197" s="20"/>
      <c r="AL197" s="20"/>
      <c r="AM197" s="20"/>
      <c r="AN197" s="21"/>
      <c r="AO197" s="21"/>
      <c r="AP197" s="21"/>
      <c r="AQ197" s="21"/>
      <c r="AR197" s="21"/>
      <c r="AS197" s="21"/>
      <c r="AT197" s="21"/>
      <c r="AU197" s="21"/>
      <c r="AV197" s="21"/>
      <c r="AW197" s="21"/>
      <c r="AX197" s="21"/>
      <c r="AY197" s="21"/>
      <c r="AZ197" s="21"/>
      <c r="BA197" s="21"/>
      <c r="BB197" s="21"/>
      <c r="BC197" s="21"/>
      <c r="BD197" s="21"/>
    </row>
    <row r="198" spans="1:56" s="14" customFormat="1" ht="241.95" customHeight="1" thickTop="1" thickBot="1">
      <c r="A198" s="218" t="s">
        <v>130</v>
      </c>
      <c r="B198" s="220"/>
      <c r="C198" s="220"/>
      <c r="D198" s="220"/>
      <c r="E198" s="220"/>
      <c r="F198" s="220"/>
      <c r="G198" s="220"/>
      <c r="H198" s="220"/>
      <c r="I198" s="220"/>
      <c r="J198" s="220"/>
      <c r="K198" s="220"/>
      <c r="L198" s="220"/>
      <c r="M198" s="371"/>
      <c r="N198" s="15" t="s">
        <v>24</v>
      </c>
      <c r="O198" s="16" t="s">
        <v>20</v>
      </c>
      <c r="P198" s="132" t="s">
        <v>21</v>
      </c>
      <c r="Q198" s="129"/>
      <c r="R198" s="13"/>
      <c r="S198" s="130"/>
      <c r="T198" s="50"/>
      <c r="U198" s="21"/>
      <c r="V198" s="21"/>
      <c r="W198" s="21"/>
      <c r="X198" s="20"/>
      <c r="Y198" s="20"/>
      <c r="Z198" s="20"/>
      <c r="AA198" s="20"/>
      <c r="AB198" s="20"/>
      <c r="AC198" s="20"/>
      <c r="AD198" s="20"/>
      <c r="AE198" s="20"/>
      <c r="AF198" s="20"/>
      <c r="AG198" s="20"/>
      <c r="AH198" s="20"/>
      <c r="AI198" s="20"/>
      <c r="AJ198" s="20"/>
      <c r="AK198" s="20"/>
      <c r="AL198" s="20"/>
      <c r="AM198" s="20"/>
      <c r="AN198" s="21"/>
      <c r="AO198" s="21"/>
      <c r="AP198" s="21"/>
      <c r="AQ198" s="21"/>
      <c r="AR198" s="21"/>
      <c r="AS198" s="21"/>
      <c r="AT198" s="21"/>
      <c r="AU198" s="21"/>
      <c r="AV198" s="21"/>
      <c r="AW198" s="21"/>
      <c r="AX198" s="21"/>
      <c r="AY198" s="21"/>
      <c r="AZ198" s="21"/>
      <c r="BA198" s="21"/>
      <c r="BB198" s="21"/>
      <c r="BC198" s="21"/>
      <c r="BD198" s="21"/>
    </row>
    <row r="199" spans="1:56" s="6" customFormat="1" ht="69.900000000000006" customHeight="1" thickTop="1">
      <c r="A199" s="221" t="s">
        <v>25</v>
      </c>
      <c r="B199" s="223"/>
      <c r="C199" s="223"/>
      <c r="D199" s="223"/>
      <c r="E199" s="223"/>
      <c r="F199" s="223"/>
      <c r="G199" s="223"/>
      <c r="H199" s="223"/>
      <c r="I199" s="223"/>
      <c r="J199" s="223"/>
      <c r="K199" s="223"/>
      <c r="L199" s="223"/>
      <c r="M199" s="223"/>
      <c r="N199" s="223"/>
      <c r="O199" s="223"/>
      <c r="P199" s="343"/>
      <c r="Q199" s="155"/>
      <c r="R199" s="13"/>
      <c r="S199" s="157"/>
      <c r="T199" s="156"/>
    </row>
    <row r="200" spans="1:56" s="14" customFormat="1" ht="75" customHeight="1">
      <c r="A200" s="225"/>
      <c r="B200" s="226"/>
      <c r="C200" s="226"/>
      <c r="D200" s="226"/>
      <c r="E200" s="226"/>
      <c r="F200" s="226"/>
      <c r="G200" s="226"/>
      <c r="H200" s="226"/>
      <c r="I200" s="226"/>
      <c r="J200" s="226"/>
      <c r="K200" s="226"/>
      <c r="L200" s="227"/>
      <c r="M200" s="226"/>
      <c r="N200" s="226"/>
      <c r="O200" s="226"/>
      <c r="P200" s="228"/>
      <c r="Q200" s="129"/>
      <c r="R200" s="13"/>
      <c r="S200" s="17"/>
      <c r="T200" s="156"/>
    </row>
    <row r="201" spans="1:56" s="14" customFormat="1" ht="75" customHeight="1" thickBot="1">
      <c r="A201" s="229"/>
      <c r="B201" s="230"/>
      <c r="C201" s="230"/>
      <c r="D201" s="230"/>
      <c r="E201" s="230"/>
      <c r="F201" s="230"/>
      <c r="G201" s="230"/>
      <c r="H201" s="230"/>
      <c r="I201" s="230"/>
      <c r="J201" s="230"/>
      <c r="K201" s="230"/>
      <c r="L201" s="231"/>
      <c r="M201" s="230"/>
      <c r="N201" s="230"/>
      <c r="O201" s="230"/>
      <c r="P201" s="232"/>
      <c r="Q201" s="129"/>
      <c r="R201" s="13"/>
      <c r="S201" s="17"/>
      <c r="T201" s="156"/>
    </row>
    <row r="202" spans="1:56" s="6" customFormat="1" ht="69.900000000000006" customHeight="1" thickBot="1">
      <c r="A202" s="328" t="s">
        <v>131</v>
      </c>
      <c r="B202" s="329"/>
      <c r="C202" s="329"/>
      <c r="D202" s="329"/>
      <c r="E202" s="329"/>
      <c r="F202" s="329"/>
      <c r="G202" s="329"/>
      <c r="H202" s="329"/>
      <c r="I202" s="329"/>
      <c r="J202" s="329"/>
      <c r="K202" s="329"/>
      <c r="L202" s="329"/>
      <c r="M202" s="329"/>
      <c r="N202" s="329"/>
      <c r="O202" s="329"/>
      <c r="P202" s="330"/>
      <c r="Q202" s="129"/>
      <c r="R202" s="13"/>
      <c r="S202" s="22"/>
      <c r="T202" s="50"/>
      <c r="U202" s="20"/>
      <c r="V202" s="20"/>
      <c r="W202" s="20"/>
      <c r="X202" s="21"/>
      <c r="Y202" s="21"/>
      <c r="Z202" s="21"/>
      <c r="AA202" s="21"/>
      <c r="AB202" s="21"/>
      <c r="AC202" s="21"/>
      <c r="AD202" s="21"/>
      <c r="AE202" s="21"/>
      <c r="AF202" s="21"/>
      <c r="AG202" s="21"/>
      <c r="AH202" s="21"/>
      <c r="AI202" s="21"/>
      <c r="AJ202" s="21"/>
      <c r="AK202" s="21"/>
      <c r="AL202" s="21"/>
      <c r="AM202" s="21"/>
      <c r="AN202" s="20"/>
      <c r="AO202" s="20"/>
      <c r="AP202" s="20"/>
      <c r="AQ202" s="20"/>
      <c r="AR202" s="20"/>
      <c r="AS202" s="20"/>
      <c r="AT202" s="20"/>
      <c r="AU202" s="20"/>
      <c r="AV202" s="20"/>
      <c r="AW202" s="20"/>
      <c r="AX202" s="20"/>
      <c r="AY202" s="20"/>
      <c r="AZ202" s="20"/>
      <c r="BA202" s="20"/>
      <c r="BB202" s="20"/>
      <c r="BC202" s="20"/>
      <c r="BD202" s="20"/>
    </row>
    <row r="203" spans="1:56" s="6" customFormat="1" ht="69.900000000000006" customHeight="1" thickBot="1">
      <c r="A203" s="245" t="s">
        <v>132</v>
      </c>
      <c r="B203" s="247"/>
      <c r="C203" s="247"/>
      <c r="D203" s="247"/>
      <c r="E203" s="247"/>
      <c r="F203" s="247"/>
      <c r="G203" s="247"/>
      <c r="H203" s="247"/>
      <c r="I203" s="247"/>
      <c r="J203" s="247"/>
      <c r="K203" s="247"/>
      <c r="L203" s="247"/>
      <c r="M203" s="247"/>
      <c r="N203" s="247"/>
      <c r="O203" s="247"/>
      <c r="P203" s="334"/>
      <c r="Q203" s="129"/>
      <c r="R203" s="13"/>
      <c r="S203" s="22"/>
      <c r="T203" s="50"/>
      <c r="U203" s="20"/>
      <c r="V203" s="20"/>
      <c r="W203" s="20"/>
      <c r="X203" s="20"/>
      <c r="Y203" s="20"/>
      <c r="Z203" s="20"/>
      <c r="AA203" s="20"/>
      <c r="AB203" s="20"/>
      <c r="AC203" s="20"/>
      <c r="AD203" s="20"/>
      <c r="AE203" s="20"/>
      <c r="AF203" s="20"/>
      <c r="AG203" s="20"/>
      <c r="AH203" s="20"/>
      <c r="AI203" s="20"/>
      <c r="AJ203" s="20"/>
      <c r="AK203" s="20"/>
      <c r="AL203" s="20"/>
      <c r="AM203" s="20"/>
      <c r="AN203" s="20"/>
      <c r="AO203" s="20"/>
      <c r="AP203" s="20"/>
      <c r="AQ203" s="20"/>
      <c r="AR203" s="20"/>
      <c r="AS203" s="20"/>
      <c r="AT203" s="20"/>
      <c r="AU203" s="20"/>
      <c r="AV203" s="20"/>
      <c r="AW203" s="20"/>
      <c r="AX203" s="20"/>
      <c r="AY203" s="20"/>
      <c r="AZ203" s="20"/>
      <c r="BA203" s="20"/>
      <c r="BB203" s="20"/>
      <c r="BC203" s="20"/>
      <c r="BD203" s="20"/>
    </row>
    <row r="204" spans="1:56" s="14" customFormat="1" ht="242.4" customHeight="1" thickTop="1" thickBot="1">
      <c r="A204" s="309" t="s">
        <v>133</v>
      </c>
      <c r="B204" s="311"/>
      <c r="C204" s="311"/>
      <c r="D204" s="311"/>
      <c r="E204" s="311"/>
      <c r="F204" s="311"/>
      <c r="G204" s="311"/>
      <c r="H204" s="311"/>
      <c r="I204" s="311"/>
      <c r="J204" s="311"/>
      <c r="K204" s="311"/>
      <c r="L204" s="311"/>
      <c r="M204" s="311"/>
      <c r="N204" s="384"/>
      <c r="O204" s="44" t="s">
        <v>20</v>
      </c>
      <c r="P204" s="45" t="s">
        <v>21</v>
      </c>
      <c r="Q204" s="129"/>
      <c r="R204" s="13"/>
      <c r="S204" s="130"/>
      <c r="T204" s="50"/>
      <c r="U204" s="21"/>
      <c r="V204" s="21"/>
      <c r="W204" s="21"/>
      <c r="X204" s="20"/>
      <c r="Y204" s="20"/>
      <c r="Z204" s="20"/>
      <c r="AA204" s="20"/>
      <c r="AB204" s="20"/>
      <c r="AC204" s="20"/>
      <c r="AD204" s="20"/>
      <c r="AE204" s="20"/>
      <c r="AF204" s="20"/>
      <c r="AG204" s="20"/>
      <c r="AH204" s="20"/>
      <c r="AI204" s="20"/>
      <c r="AJ204" s="20"/>
      <c r="AK204" s="20"/>
      <c r="AL204" s="20"/>
      <c r="AM204" s="20"/>
      <c r="AN204" s="21"/>
      <c r="AO204" s="21"/>
      <c r="AP204" s="21"/>
      <c r="AQ204" s="21"/>
      <c r="AR204" s="21"/>
      <c r="AS204" s="21"/>
      <c r="AT204" s="21"/>
      <c r="AU204" s="21"/>
      <c r="AV204" s="21"/>
      <c r="AW204" s="21"/>
      <c r="AX204" s="21"/>
      <c r="AY204" s="21"/>
      <c r="AZ204" s="21"/>
      <c r="BA204" s="21"/>
      <c r="BB204" s="21"/>
      <c r="BC204" s="21"/>
      <c r="BD204" s="21"/>
    </row>
    <row r="205" spans="1:56" s="6" customFormat="1" ht="69.900000000000006" customHeight="1" thickTop="1">
      <c r="A205" s="324" t="s">
        <v>25</v>
      </c>
      <c r="B205" s="326"/>
      <c r="C205" s="326"/>
      <c r="D205" s="326"/>
      <c r="E205" s="326"/>
      <c r="F205" s="326"/>
      <c r="G205" s="326"/>
      <c r="H205" s="326"/>
      <c r="I205" s="326"/>
      <c r="J205" s="326"/>
      <c r="K205" s="326"/>
      <c r="L205" s="326"/>
      <c r="M205" s="326"/>
      <c r="N205" s="326"/>
      <c r="O205" s="326"/>
      <c r="P205" s="385"/>
      <c r="Q205" s="155"/>
      <c r="R205" s="13"/>
      <c r="S205" s="157"/>
      <c r="T205" s="156"/>
    </row>
    <row r="206" spans="1:56" s="14" customFormat="1" ht="75" customHeight="1">
      <c r="A206" s="225"/>
      <c r="B206" s="226"/>
      <c r="C206" s="226"/>
      <c r="D206" s="226"/>
      <c r="E206" s="226"/>
      <c r="F206" s="226"/>
      <c r="G206" s="226"/>
      <c r="H206" s="226"/>
      <c r="I206" s="226"/>
      <c r="J206" s="226"/>
      <c r="K206" s="226"/>
      <c r="L206" s="227"/>
      <c r="M206" s="226"/>
      <c r="N206" s="226"/>
      <c r="O206" s="226"/>
      <c r="P206" s="228"/>
      <c r="Q206" s="129"/>
      <c r="R206" s="13"/>
      <c r="S206" s="17"/>
      <c r="T206" s="156"/>
    </row>
    <row r="207" spans="1:56" s="14" customFormat="1" ht="75" customHeight="1" thickBot="1">
      <c r="A207" s="229"/>
      <c r="B207" s="230"/>
      <c r="C207" s="230"/>
      <c r="D207" s="230"/>
      <c r="E207" s="230"/>
      <c r="F207" s="230"/>
      <c r="G207" s="230"/>
      <c r="H207" s="230"/>
      <c r="I207" s="230"/>
      <c r="J207" s="230"/>
      <c r="K207" s="230"/>
      <c r="L207" s="231"/>
      <c r="M207" s="230"/>
      <c r="N207" s="230"/>
      <c r="O207" s="230"/>
      <c r="P207" s="232"/>
      <c r="Q207" s="129"/>
      <c r="R207" s="13"/>
      <c r="S207" s="17"/>
      <c r="T207" s="156"/>
    </row>
    <row r="208" spans="1:56" s="6" customFormat="1" ht="69.900000000000006" customHeight="1" thickBot="1">
      <c r="A208" s="245" t="s">
        <v>134</v>
      </c>
      <c r="B208" s="247"/>
      <c r="C208" s="247"/>
      <c r="D208" s="247"/>
      <c r="E208" s="247"/>
      <c r="F208" s="247"/>
      <c r="G208" s="247"/>
      <c r="H208" s="247"/>
      <c r="I208" s="247"/>
      <c r="J208" s="247"/>
      <c r="K208" s="247"/>
      <c r="L208" s="247"/>
      <c r="M208" s="247"/>
      <c r="N208" s="247"/>
      <c r="O208" s="247"/>
      <c r="P208" s="334"/>
      <c r="Q208" s="129"/>
      <c r="R208" s="13"/>
      <c r="S208" s="22"/>
      <c r="T208" s="50"/>
      <c r="U208" s="20"/>
      <c r="V208" s="20"/>
      <c r="W208" s="20"/>
      <c r="X208" s="21"/>
      <c r="Y208" s="21"/>
      <c r="Z208" s="21"/>
      <c r="AA208" s="21"/>
      <c r="AB208" s="21"/>
      <c r="AC208" s="21"/>
      <c r="AD208" s="21"/>
      <c r="AE208" s="21"/>
      <c r="AF208" s="21"/>
      <c r="AG208" s="21"/>
      <c r="AH208" s="21"/>
      <c r="AI208" s="21"/>
      <c r="AJ208" s="21"/>
      <c r="AK208" s="21"/>
      <c r="AL208" s="21"/>
      <c r="AM208" s="21"/>
      <c r="AN208" s="20"/>
      <c r="AO208" s="20"/>
      <c r="AP208" s="20"/>
      <c r="AQ208" s="20"/>
      <c r="AR208" s="20"/>
      <c r="AS208" s="20"/>
      <c r="AT208" s="20"/>
      <c r="AU208" s="20"/>
      <c r="AV208" s="20"/>
      <c r="AW208" s="20"/>
      <c r="AX208" s="20"/>
      <c r="AY208" s="20"/>
      <c r="AZ208" s="20"/>
      <c r="BA208" s="20"/>
      <c r="BB208" s="20"/>
      <c r="BC208" s="20"/>
      <c r="BD208" s="20"/>
    </row>
    <row r="209" spans="1:56" s="14" customFormat="1" ht="230.1" customHeight="1" thickTop="1" thickBot="1">
      <c r="A209" s="212" t="s">
        <v>135</v>
      </c>
      <c r="B209" s="214"/>
      <c r="C209" s="214"/>
      <c r="D209" s="214"/>
      <c r="E209" s="214"/>
      <c r="F209" s="214"/>
      <c r="G209" s="214"/>
      <c r="H209" s="214"/>
      <c r="I209" s="214"/>
      <c r="J209" s="214"/>
      <c r="K209" s="214"/>
      <c r="L209" s="214"/>
      <c r="M209" s="214"/>
      <c r="N209" s="370"/>
      <c r="O209" s="11" t="s">
        <v>20</v>
      </c>
      <c r="P209" s="12" t="s">
        <v>21</v>
      </c>
      <c r="Q209" s="129"/>
      <c r="R209" s="13"/>
      <c r="S209" s="130"/>
      <c r="T209" s="50"/>
      <c r="U209" s="21"/>
      <c r="V209" s="21"/>
      <c r="W209" s="21"/>
      <c r="X209" s="21"/>
      <c r="Y209" s="21"/>
      <c r="Z209" s="21"/>
      <c r="AA209" s="21"/>
      <c r="AB209" s="21"/>
      <c r="AC209" s="21"/>
      <c r="AD209" s="21"/>
      <c r="AE209" s="21"/>
      <c r="AF209" s="21"/>
      <c r="AG209" s="21"/>
      <c r="AH209" s="21"/>
      <c r="AI209" s="21"/>
      <c r="AJ209" s="21"/>
      <c r="AK209" s="21"/>
      <c r="AL209" s="21"/>
      <c r="AM209" s="21"/>
      <c r="AN209" s="21"/>
      <c r="AO209" s="21"/>
      <c r="AP209" s="21"/>
      <c r="AQ209" s="21"/>
      <c r="AR209" s="21"/>
      <c r="AS209" s="21"/>
      <c r="AT209" s="21"/>
      <c r="AU209" s="21"/>
      <c r="AV209" s="21"/>
      <c r="AW209" s="21"/>
      <c r="AX209" s="21"/>
      <c r="AY209" s="21"/>
      <c r="AZ209" s="21"/>
      <c r="BA209" s="21"/>
      <c r="BB209" s="21"/>
      <c r="BC209" s="21"/>
      <c r="BD209" s="21"/>
    </row>
    <row r="210" spans="1:56" s="14" customFormat="1" ht="132" customHeight="1" thickTop="1" thickBot="1">
      <c r="A210" s="381" t="s">
        <v>136</v>
      </c>
      <c r="B210" s="382"/>
      <c r="C210" s="382"/>
      <c r="D210" s="382"/>
      <c r="E210" s="382"/>
      <c r="F210" s="382"/>
      <c r="G210" s="382"/>
      <c r="H210" s="382"/>
      <c r="I210" s="382"/>
      <c r="J210" s="382"/>
      <c r="K210" s="382"/>
      <c r="L210" s="382"/>
      <c r="M210" s="382"/>
      <c r="N210" s="383"/>
      <c r="O210" s="53" t="s">
        <v>20</v>
      </c>
      <c r="P210" s="54" t="s">
        <v>21</v>
      </c>
      <c r="Q210" s="129"/>
      <c r="R210" s="13"/>
      <c r="S210" s="130"/>
      <c r="T210" s="50"/>
      <c r="U210" s="21"/>
      <c r="V210" s="21"/>
      <c r="W210" s="21"/>
      <c r="X210" s="21"/>
      <c r="Y210" s="21"/>
      <c r="Z210" s="21"/>
      <c r="AA210" s="21"/>
      <c r="AB210" s="21"/>
      <c r="AC210" s="21"/>
      <c r="AD210" s="21"/>
      <c r="AE210" s="21"/>
      <c r="AF210" s="21"/>
      <c r="AG210" s="21"/>
      <c r="AH210" s="21"/>
      <c r="AI210" s="21"/>
      <c r="AJ210" s="21"/>
      <c r="AK210" s="21"/>
      <c r="AL210" s="21"/>
      <c r="AM210" s="21"/>
      <c r="AN210" s="21"/>
      <c r="AO210" s="21"/>
      <c r="AP210" s="21"/>
      <c r="AQ210" s="21"/>
      <c r="AR210" s="21"/>
      <c r="AS210" s="21"/>
      <c r="AT210" s="21"/>
      <c r="AU210" s="21"/>
      <c r="AV210" s="21"/>
      <c r="AW210" s="21"/>
      <c r="AX210" s="21"/>
      <c r="AY210" s="21"/>
      <c r="AZ210" s="21"/>
      <c r="BA210" s="21"/>
      <c r="BB210" s="21"/>
      <c r="BC210" s="21"/>
      <c r="BD210" s="21"/>
    </row>
    <row r="211" spans="1:56" s="6" customFormat="1" ht="69.900000000000006" customHeight="1" thickTop="1">
      <c r="A211" s="221" t="s">
        <v>25</v>
      </c>
      <c r="B211" s="223"/>
      <c r="C211" s="223"/>
      <c r="D211" s="223"/>
      <c r="E211" s="223"/>
      <c r="F211" s="223"/>
      <c r="G211" s="223"/>
      <c r="H211" s="223"/>
      <c r="I211" s="223"/>
      <c r="J211" s="223"/>
      <c r="K211" s="223"/>
      <c r="L211" s="223"/>
      <c r="M211" s="223"/>
      <c r="N211" s="223"/>
      <c r="O211" s="223"/>
      <c r="P211" s="343"/>
      <c r="Q211" s="155"/>
      <c r="R211" s="13"/>
      <c r="S211" s="157"/>
      <c r="T211" s="156"/>
    </row>
    <row r="212" spans="1:56" s="14" customFormat="1" ht="75" customHeight="1">
      <c r="A212" s="225"/>
      <c r="B212" s="226"/>
      <c r="C212" s="226"/>
      <c r="D212" s="226"/>
      <c r="E212" s="226"/>
      <c r="F212" s="226"/>
      <c r="G212" s="226"/>
      <c r="H212" s="226"/>
      <c r="I212" s="226"/>
      <c r="J212" s="226"/>
      <c r="K212" s="226"/>
      <c r="L212" s="227"/>
      <c r="M212" s="226"/>
      <c r="N212" s="226"/>
      <c r="O212" s="226"/>
      <c r="P212" s="228"/>
      <c r="Q212" s="129"/>
      <c r="R212" s="13"/>
      <c r="S212" s="17"/>
      <c r="T212" s="156"/>
    </row>
    <row r="213" spans="1:56" s="14" customFormat="1" ht="75" customHeight="1" thickBot="1">
      <c r="A213" s="229"/>
      <c r="B213" s="230"/>
      <c r="C213" s="230"/>
      <c r="D213" s="230"/>
      <c r="E213" s="230"/>
      <c r="F213" s="230"/>
      <c r="G213" s="230"/>
      <c r="H213" s="230"/>
      <c r="I213" s="230"/>
      <c r="J213" s="230"/>
      <c r="K213" s="230"/>
      <c r="L213" s="231"/>
      <c r="M213" s="230"/>
      <c r="N213" s="230"/>
      <c r="O213" s="230"/>
      <c r="P213" s="232"/>
      <c r="Q213" s="129"/>
      <c r="R213" s="13"/>
      <c r="S213" s="17"/>
      <c r="T213" s="156"/>
    </row>
    <row r="214" spans="1:56" s="6" customFormat="1" ht="69.900000000000006" customHeight="1" thickBot="1">
      <c r="A214" s="245" t="s">
        <v>137</v>
      </c>
      <c r="B214" s="247"/>
      <c r="C214" s="247"/>
      <c r="D214" s="247"/>
      <c r="E214" s="247"/>
      <c r="F214" s="247"/>
      <c r="G214" s="247"/>
      <c r="H214" s="247"/>
      <c r="I214" s="247"/>
      <c r="J214" s="247"/>
      <c r="K214" s="247"/>
      <c r="L214" s="247"/>
      <c r="M214" s="247"/>
      <c r="N214" s="247"/>
      <c r="O214" s="247"/>
      <c r="P214" s="334"/>
      <c r="Q214" s="129"/>
      <c r="R214" s="13"/>
      <c r="S214" s="22"/>
      <c r="T214" s="50"/>
      <c r="U214" s="20"/>
      <c r="V214" s="20"/>
      <c r="W214" s="20"/>
      <c r="X214" s="21"/>
      <c r="Y214" s="21"/>
      <c r="Z214" s="21"/>
      <c r="AA214" s="21"/>
      <c r="AB214" s="21"/>
      <c r="AC214" s="21"/>
      <c r="AD214" s="21"/>
      <c r="AE214" s="21"/>
      <c r="AF214" s="21"/>
      <c r="AG214" s="21"/>
      <c r="AH214" s="21"/>
      <c r="AI214" s="21"/>
      <c r="AJ214" s="21"/>
      <c r="AK214" s="21"/>
      <c r="AL214" s="21"/>
      <c r="AM214" s="21"/>
      <c r="AN214" s="20"/>
      <c r="AO214" s="20"/>
      <c r="AP214" s="20"/>
      <c r="AQ214" s="20"/>
      <c r="AR214" s="20"/>
      <c r="AS214" s="20"/>
      <c r="AT214" s="20"/>
      <c r="AU214" s="20"/>
      <c r="AV214" s="20"/>
      <c r="AW214" s="20"/>
      <c r="AX214" s="20"/>
      <c r="AY214" s="20"/>
      <c r="AZ214" s="20"/>
      <c r="BA214" s="20"/>
      <c r="BB214" s="20"/>
      <c r="BC214" s="20"/>
      <c r="BD214" s="20"/>
    </row>
    <row r="215" spans="1:56" s="14" customFormat="1" ht="140.1" customHeight="1" thickTop="1" thickBot="1">
      <c r="A215" s="212" t="s">
        <v>138</v>
      </c>
      <c r="B215" s="214"/>
      <c r="C215" s="214"/>
      <c r="D215" s="214"/>
      <c r="E215" s="214"/>
      <c r="F215" s="214"/>
      <c r="G215" s="214"/>
      <c r="H215" s="214"/>
      <c r="I215" s="214"/>
      <c r="J215" s="214"/>
      <c r="K215" s="214"/>
      <c r="L215" s="214"/>
      <c r="M215" s="214"/>
      <c r="N215" s="370"/>
      <c r="O215" s="11" t="s">
        <v>20</v>
      </c>
      <c r="P215" s="12" t="s">
        <v>21</v>
      </c>
      <c r="Q215" s="129"/>
      <c r="R215" s="13"/>
      <c r="S215" s="130"/>
      <c r="T215" s="50"/>
      <c r="U215" s="21"/>
      <c r="V215" s="21"/>
      <c r="W215" s="21"/>
      <c r="X215" s="20"/>
      <c r="Y215" s="20"/>
      <c r="Z215" s="20"/>
      <c r="AA215" s="20"/>
      <c r="AB215" s="20"/>
      <c r="AC215" s="20"/>
      <c r="AD215" s="20"/>
      <c r="AE215" s="20"/>
      <c r="AF215" s="20"/>
      <c r="AG215" s="20"/>
      <c r="AH215" s="20"/>
      <c r="AI215" s="20"/>
      <c r="AJ215" s="20"/>
      <c r="AK215" s="20"/>
      <c r="AL215" s="20"/>
      <c r="AM215" s="20"/>
      <c r="AN215" s="21"/>
      <c r="AO215" s="21"/>
      <c r="AP215" s="21"/>
      <c r="AQ215" s="21"/>
      <c r="AR215" s="21"/>
      <c r="AS215" s="21"/>
      <c r="AT215" s="21"/>
      <c r="AU215" s="21"/>
      <c r="AV215" s="21"/>
      <c r="AW215" s="21"/>
      <c r="AX215" s="21"/>
      <c r="AY215" s="21"/>
      <c r="AZ215" s="21"/>
      <c r="BA215" s="21"/>
      <c r="BB215" s="21"/>
      <c r="BC215" s="21"/>
      <c r="BD215" s="21"/>
    </row>
    <row r="216" spans="1:56" s="14" customFormat="1" ht="140.1" customHeight="1" thickTop="1" thickBot="1">
      <c r="A216" s="218" t="s">
        <v>139</v>
      </c>
      <c r="B216" s="220"/>
      <c r="C216" s="220"/>
      <c r="D216" s="220"/>
      <c r="E216" s="220"/>
      <c r="F216" s="220"/>
      <c r="G216" s="220"/>
      <c r="H216" s="220"/>
      <c r="I216" s="220"/>
      <c r="J216" s="220"/>
      <c r="K216" s="220"/>
      <c r="L216" s="220"/>
      <c r="M216" s="371"/>
      <c r="N216" s="15" t="s">
        <v>24</v>
      </c>
      <c r="O216" s="16" t="s">
        <v>20</v>
      </c>
      <c r="P216" s="132" t="s">
        <v>21</v>
      </c>
      <c r="Q216" s="129"/>
      <c r="R216" s="13"/>
      <c r="S216" s="130"/>
      <c r="T216" s="50"/>
      <c r="U216" s="21"/>
      <c r="V216" s="21"/>
      <c r="W216" s="21"/>
      <c r="X216" s="21"/>
      <c r="Y216" s="21"/>
      <c r="Z216" s="21"/>
      <c r="AA216" s="21"/>
      <c r="AB216" s="21"/>
      <c r="AC216" s="21"/>
      <c r="AD216" s="21"/>
      <c r="AE216" s="21"/>
      <c r="AF216" s="21"/>
      <c r="AG216" s="21"/>
      <c r="AH216" s="21"/>
      <c r="AI216" s="21"/>
      <c r="AJ216" s="21"/>
      <c r="AK216" s="21"/>
      <c r="AL216" s="21"/>
      <c r="AM216" s="21"/>
      <c r="AN216" s="21"/>
      <c r="AO216" s="21"/>
      <c r="AP216" s="21"/>
      <c r="AQ216" s="21"/>
      <c r="AR216" s="21"/>
      <c r="AS216" s="21"/>
      <c r="AT216" s="21"/>
      <c r="AU216" s="21"/>
      <c r="AV216" s="21"/>
      <c r="AW216" s="21"/>
      <c r="AX216" s="21"/>
      <c r="AY216" s="21"/>
      <c r="AZ216" s="21"/>
      <c r="BA216" s="21"/>
      <c r="BB216" s="21"/>
      <c r="BC216" s="21"/>
      <c r="BD216" s="21"/>
    </row>
    <row r="217" spans="1:56" s="6" customFormat="1" ht="69.900000000000006" customHeight="1" thickTop="1">
      <c r="A217" s="221" t="s">
        <v>25</v>
      </c>
      <c r="B217" s="223"/>
      <c r="C217" s="223"/>
      <c r="D217" s="223"/>
      <c r="E217" s="223"/>
      <c r="F217" s="223"/>
      <c r="G217" s="223"/>
      <c r="H217" s="223"/>
      <c r="I217" s="223"/>
      <c r="J217" s="223"/>
      <c r="K217" s="223"/>
      <c r="L217" s="223"/>
      <c r="M217" s="223"/>
      <c r="N217" s="223"/>
      <c r="O217" s="223"/>
      <c r="P217" s="343"/>
      <c r="Q217" s="155"/>
      <c r="R217" s="13"/>
      <c r="S217" s="157"/>
      <c r="T217" s="156"/>
    </row>
    <row r="218" spans="1:56" s="14" customFormat="1" ht="75" customHeight="1">
      <c r="A218" s="225"/>
      <c r="B218" s="226"/>
      <c r="C218" s="226"/>
      <c r="D218" s="226"/>
      <c r="E218" s="226"/>
      <c r="F218" s="226"/>
      <c r="G218" s="226"/>
      <c r="H218" s="226"/>
      <c r="I218" s="226"/>
      <c r="J218" s="226"/>
      <c r="K218" s="226"/>
      <c r="L218" s="227"/>
      <c r="M218" s="226"/>
      <c r="N218" s="226"/>
      <c r="O218" s="226"/>
      <c r="P218" s="228"/>
      <c r="Q218" s="129"/>
      <c r="R218" s="13"/>
      <c r="S218" s="17"/>
      <c r="T218" s="156"/>
    </row>
    <row r="219" spans="1:56" s="14" customFormat="1" ht="75" customHeight="1" thickBot="1">
      <c r="A219" s="229"/>
      <c r="B219" s="230"/>
      <c r="C219" s="230"/>
      <c r="D219" s="230"/>
      <c r="E219" s="230"/>
      <c r="F219" s="230"/>
      <c r="G219" s="230"/>
      <c r="H219" s="230"/>
      <c r="I219" s="230"/>
      <c r="J219" s="230"/>
      <c r="K219" s="230"/>
      <c r="L219" s="231"/>
      <c r="M219" s="230"/>
      <c r="N219" s="230"/>
      <c r="O219" s="230"/>
      <c r="P219" s="232"/>
      <c r="Q219" s="129"/>
      <c r="R219" s="13"/>
      <c r="S219" s="207"/>
      <c r="T219" s="156"/>
    </row>
    <row r="220" spans="1:56" s="6" customFormat="1" ht="69.900000000000006" customHeight="1" thickBot="1">
      <c r="A220" s="245" t="s">
        <v>140</v>
      </c>
      <c r="B220" s="247"/>
      <c r="C220" s="247"/>
      <c r="D220" s="247"/>
      <c r="E220" s="247"/>
      <c r="F220" s="247"/>
      <c r="G220" s="247"/>
      <c r="H220" s="247"/>
      <c r="I220" s="247"/>
      <c r="J220" s="247"/>
      <c r="K220" s="247"/>
      <c r="L220" s="247"/>
      <c r="M220" s="247"/>
      <c r="N220" s="247"/>
      <c r="O220" s="247"/>
      <c r="P220" s="334"/>
      <c r="Q220" s="129"/>
      <c r="R220" s="13"/>
      <c r="S220" s="206" t="s">
        <v>141</v>
      </c>
      <c r="T220" s="50"/>
      <c r="U220" s="20"/>
      <c r="V220" s="20"/>
      <c r="W220" s="20"/>
      <c r="X220" s="21"/>
      <c r="Y220" s="21"/>
      <c r="Z220" s="21"/>
      <c r="AA220" s="21"/>
      <c r="AB220" s="21"/>
      <c r="AC220" s="21"/>
      <c r="AD220" s="21"/>
      <c r="AE220" s="21"/>
      <c r="AF220" s="21"/>
      <c r="AG220" s="21"/>
      <c r="AH220" s="21"/>
      <c r="AI220" s="21"/>
      <c r="AJ220" s="21"/>
      <c r="AK220" s="21"/>
      <c r="AL220" s="21"/>
      <c r="AM220" s="21"/>
      <c r="AN220" s="20"/>
      <c r="AO220" s="20"/>
      <c r="AP220" s="20"/>
      <c r="AQ220" s="20"/>
      <c r="AR220" s="20"/>
      <c r="AS220" s="20"/>
      <c r="AT220" s="20"/>
      <c r="AU220" s="20"/>
      <c r="AV220" s="20"/>
      <c r="AW220" s="20"/>
      <c r="AX220" s="20"/>
      <c r="AY220" s="20"/>
      <c r="AZ220" s="20"/>
      <c r="BA220" s="20"/>
      <c r="BB220" s="20"/>
      <c r="BC220" s="20"/>
      <c r="BD220" s="20"/>
    </row>
    <row r="221" spans="1:56" s="14" customFormat="1" ht="132" customHeight="1" thickTop="1" thickBot="1">
      <c r="A221" s="249" t="s">
        <v>142</v>
      </c>
      <c r="B221" s="251"/>
      <c r="C221" s="251"/>
      <c r="D221" s="251"/>
      <c r="E221" s="251"/>
      <c r="F221" s="251"/>
      <c r="G221" s="251"/>
      <c r="H221" s="251"/>
      <c r="I221" s="251"/>
      <c r="J221" s="251"/>
      <c r="K221" s="251"/>
      <c r="L221" s="251"/>
      <c r="M221" s="251"/>
      <c r="N221" s="335"/>
      <c r="O221" s="16" t="s">
        <v>20</v>
      </c>
      <c r="P221" s="132" t="s">
        <v>21</v>
      </c>
      <c r="Q221" s="129"/>
      <c r="R221" s="13"/>
      <c r="S221" s="130"/>
      <c r="T221" s="50"/>
      <c r="U221" s="21"/>
      <c r="V221" s="21"/>
      <c r="W221" s="21"/>
      <c r="X221" s="21"/>
      <c r="Y221" s="21"/>
      <c r="Z221" s="21"/>
      <c r="AA221" s="21"/>
      <c r="AB221" s="21"/>
      <c r="AC221" s="21"/>
      <c r="AD221" s="21"/>
      <c r="AE221" s="21"/>
      <c r="AF221" s="21"/>
      <c r="AG221" s="21"/>
      <c r="AH221" s="21"/>
      <c r="AI221" s="21"/>
      <c r="AJ221" s="21"/>
      <c r="AK221" s="21"/>
      <c r="AL221" s="21"/>
      <c r="AM221" s="21"/>
      <c r="AN221" s="21"/>
      <c r="AO221" s="21"/>
      <c r="AP221" s="21"/>
      <c r="AQ221" s="21"/>
      <c r="AR221" s="21"/>
      <c r="AS221" s="21"/>
      <c r="AT221" s="21"/>
      <c r="AU221" s="21"/>
      <c r="AV221" s="21"/>
      <c r="AW221" s="21"/>
      <c r="AX221" s="21"/>
      <c r="AY221" s="21"/>
      <c r="AZ221" s="21"/>
      <c r="BA221" s="21"/>
      <c r="BB221" s="21"/>
      <c r="BC221" s="21"/>
      <c r="BD221" s="21"/>
    </row>
    <row r="222" spans="1:56" s="6" customFormat="1" ht="69.900000000000006" customHeight="1" thickTop="1">
      <c r="A222" s="221" t="s">
        <v>25</v>
      </c>
      <c r="B222" s="223"/>
      <c r="C222" s="223"/>
      <c r="D222" s="223"/>
      <c r="E222" s="223"/>
      <c r="F222" s="223"/>
      <c r="G222" s="223"/>
      <c r="H222" s="223"/>
      <c r="I222" s="223"/>
      <c r="J222" s="223"/>
      <c r="K222" s="223"/>
      <c r="L222" s="223"/>
      <c r="M222" s="223"/>
      <c r="N222" s="223"/>
      <c r="O222" s="223"/>
      <c r="P222" s="343"/>
      <c r="Q222" s="155"/>
      <c r="R222" s="13"/>
      <c r="S222" s="157"/>
      <c r="T222" s="156"/>
    </row>
    <row r="223" spans="1:56" s="14" customFormat="1" ht="75" customHeight="1">
      <c r="A223" s="225"/>
      <c r="B223" s="226"/>
      <c r="C223" s="226"/>
      <c r="D223" s="226"/>
      <c r="E223" s="226"/>
      <c r="F223" s="226"/>
      <c r="G223" s="226"/>
      <c r="H223" s="226"/>
      <c r="I223" s="226"/>
      <c r="J223" s="226"/>
      <c r="K223" s="226"/>
      <c r="L223" s="227"/>
      <c r="M223" s="226"/>
      <c r="N223" s="226"/>
      <c r="O223" s="226"/>
      <c r="P223" s="228"/>
      <c r="Q223" s="129"/>
      <c r="R223" s="13"/>
      <c r="S223" s="17"/>
      <c r="T223" s="156"/>
    </row>
    <row r="224" spans="1:56" s="14" customFormat="1" ht="75" customHeight="1" thickBot="1">
      <c r="A224" s="229"/>
      <c r="B224" s="230"/>
      <c r="C224" s="230"/>
      <c r="D224" s="230"/>
      <c r="E224" s="230"/>
      <c r="F224" s="230"/>
      <c r="G224" s="230"/>
      <c r="H224" s="230"/>
      <c r="I224" s="230"/>
      <c r="J224" s="230"/>
      <c r="K224" s="230"/>
      <c r="L224" s="231"/>
      <c r="M224" s="230"/>
      <c r="N224" s="230"/>
      <c r="O224" s="230"/>
      <c r="P224" s="232"/>
      <c r="Q224" s="129"/>
      <c r="R224" s="13"/>
      <c r="S224" s="17"/>
      <c r="T224" s="156"/>
    </row>
    <row r="225" spans="1:56" s="6" customFormat="1" ht="69.900000000000006" customHeight="1" thickBot="1">
      <c r="A225" s="245" t="s">
        <v>143</v>
      </c>
      <c r="B225" s="247"/>
      <c r="C225" s="247"/>
      <c r="D225" s="247"/>
      <c r="E225" s="247"/>
      <c r="F225" s="247"/>
      <c r="G225" s="247"/>
      <c r="H225" s="247"/>
      <c r="I225" s="247"/>
      <c r="J225" s="247"/>
      <c r="K225" s="247"/>
      <c r="L225" s="247"/>
      <c r="M225" s="247"/>
      <c r="N225" s="247"/>
      <c r="O225" s="247"/>
      <c r="P225" s="334"/>
      <c r="Q225" s="129"/>
      <c r="R225" s="13"/>
      <c r="S225" s="22"/>
      <c r="T225" s="50"/>
      <c r="U225" s="20"/>
      <c r="V225" s="20"/>
      <c r="W225" s="20"/>
      <c r="X225" s="21"/>
      <c r="Y225" s="21"/>
      <c r="Z225" s="21"/>
      <c r="AA225" s="21"/>
      <c r="AB225" s="21"/>
      <c r="AC225" s="21"/>
      <c r="AD225" s="21"/>
      <c r="AE225" s="21"/>
      <c r="AF225" s="21"/>
      <c r="AG225" s="21"/>
      <c r="AH225" s="21"/>
      <c r="AI225" s="21"/>
      <c r="AJ225" s="21"/>
      <c r="AK225" s="21"/>
      <c r="AL225" s="21"/>
      <c r="AM225" s="21"/>
      <c r="AN225" s="20"/>
      <c r="AO225" s="20"/>
      <c r="AP225" s="20"/>
      <c r="AQ225" s="20"/>
      <c r="AR225" s="20"/>
      <c r="AS225" s="20"/>
      <c r="AT225" s="20"/>
      <c r="AU225" s="20"/>
      <c r="AV225" s="20"/>
      <c r="AW225" s="20"/>
      <c r="AX225" s="20"/>
      <c r="AY225" s="20"/>
      <c r="AZ225" s="20"/>
      <c r="BA225" s="20"/>
      <c r="BB225" s="20"/>
      <c r="BC225" s="20"/>
      <c r="BD225" s="20"/>
    </row>
    <row r="226" spans="1:56" s="14" customFormat="1" ht="132" customHeight="1" thickTop="1" thickBot="1">
      <c r="A226" s="249" t="s">
        <v>144</v>
      </c>
      <c r="B226" s="251"/>
      <c r="C226" s="251"/>
      <c r="D226" s="251"/>
      <c r="E226" s="251"/>
      <c r="F226" s="251"/>
      <c r="G226" s="251"/>
      <c r="H226" s="251"/>
      <c r="I226" s="251"/>
      <c r="J226" s="251"/>
      <c r="K226" s="251"/>
      <c r="L226" s="251"/>
      <c r="M226" s="335"/>
      <c r="N226" s="131" t="s">
        <v>24</v>
      </c>
      <c r="O226" s="16" t="s">
        <v>20</v>
      </c>
      <c r="P226" s="132" t="s">
        <v>21</v>
      </c>
      <c r="Q226" s="129"/>
      <c r="R226" s="13"/>
      <c r="S226" s="130"/>
      <c r="T226" s="50"/>
      <c r="U226" s="21"/>
      <c r="V226" s="21"/>
      <c r="W226" s="21"/>
      <c r="X226" s="21"/>
      <c r="Y226" s="21"/>
      <c r="Z226" s="21"/>
      <c r="AA226" s="21"/>
      <c r="AB226" s="21"/>
      <c r="AC226" s="21"/>
      <c r="AD226" s="21"/>
      <c r="AE226" s="21"/>
      <c r="AF226" s="21"/>
      <c r="AG226" s="21"/>
      <c r="AH226" s="21"/>
      <c r="AI226" s="21"/>
      <c r="AJ226" s="21"/>
      <c r="AK226" s="21"/>
      <c r="AL226" s="21"/>
      <c r="AM226" s="21"/>
      <c r="AN226" s="21"/>
      <c r="AO226" s="21"/>
      <c r="AP226" s="21"/>
      <c r="AQ226" s="21"/>
      <c r="AR226" s="21"/>
      <c r="AS226" s="21"/>
      <c r="AT226" s="21"/>
      <c r="AU226" s="21"/>
      <c r="AV226" s="21"/>
      <c r="AW226" s="21"/>
      <c r="AX226" s="21"/>
      <c r="AY226" s="21"/>
      <c r="AZ226" s="21"/>
      <c r="BA226" s="21"/>
      <c r="BB226" s="21"/>
      <c r="BC226" s="21"/>
      <c r="BD226" s="21"/>
    </row>
    <row r="227" spans="1:56" s="6" customFormat="1" ht="69.900000000000006" customHeight="1" thickTop="1">
      <c r="A227" s="270" t="s">
        <v>108</v>
      </c>
      <c r="B227" s="272"/>
      <c r="C227" s="272"/>
      <c r="D227" s="272"/>
      <c r="E227" s="272"/>
      <c r="F227" s="272"/>
      <c r="G227" s="272"/>
      <c r="H227" s="272"/>
      <c r="I227" s="272"/>
      <c r="J227" s="272"/>
      <c r="K227" s="272"/>
      <c r="L227" s="272"/>
      <c r="M227" s="272"/>
      <c r="N227" s="272"/>
      <c r="O227" s="272"/>
      <c r="P227" s="342"/>
      <c r="Q227" s="155"/>
      <c r="R227" s="13"/>
      <c r="S227" s="157"/>
      <c r="T227" s="156"/>
    </row>
    <row r="228" spans="1:56" s="6" customFormat="1" ht="69.900000000000006" customHeight="1">
      <c r="A228" s="274" t="s">
        <v>145</v>
      </c>
      <c r="B228" s="275"/>
      <c r="C228" s="275"/>
      <c r="D228" s="275"/>
      <c r="E228" s="275"/>
      <c r="F228" s="275"/>
      <c r="G228" s="275"/>
      <c r="H228" s="275"/>
      <c r="I228" s="275"/>
      <c r="J228" s="275"/>
      <c r="K228" s="275"/>
      <c r="L228" s="275"/>
      <c r="M228" s="275"/>
      <c r="N228" s="275"/>
      <c r="O228" s="275"/>
      <c r="P228" s="276"/>
      <c r="Q228" s="155"/>
      <c r="R228" s="13"/>
      <c r="S228" s="157"/>
      <c r="T228" s="156"/>
    </row>
    <row r="229" spans="1:56" s="6" customFormat="1" ht="69.900000000000006" customHeight="1">
      <c r="A229" s="364" t="s">
        <v>146</v>
      </c>
      <c r="B229" s="365"/>
      <c r="C229" s="365"/>
      <c r="D229" s="365"/>
      <c r="E229" s="365"/>
      <c r="F229" s="365"/>
      <c r="G229" s="365"/>
      <c r="H229" s="365"/>
      <c r="I229" s="365"/>
      <c r="J229" s="365"/>
      <c r="K229" s="365"/>
      <c r="L229" s="365"/>
      <c r="M229" s="365"/>
      <c r="N229" s="365"/>
      <c r="O229" s="365"/>
      <c r="P229" s="366"/>
      <c r="Q229" s="155"/>
      <c r="R229" s="13"/>
      <c r="S229" s="157"/>
      <c r="T229" s="156"/>
    </row>
    <row r="230" spans="1:56" s="42" customFormat="1" ht="69.900000000000006" customHeight="1">
      <c r="A230" s="392" t="s">
        <v>147</v>
      </c>
      <c r="B230" s="393"/>
      <c r="C230" s="393"/>
      <c r="D230" s="393"/>
      <c r="E230" s="393"/>
      <c r="F230" s="393"/>
      <c r="G230" s="393"/>
      <c r="H230" s="393"/>
      <c r="I230" s="393"/>
      <c r="J230" s="393"/>
      <c r="K230" s="393"/>
      <c r="L230" s="393"/>
      <c r="M230" s="393"/>
      <c r="N230" s="393"/>
      <c r="O230" s="393"/>
      <c r="P230" s="394"/>
      <c r="Q230" s="134"/>
      <c r="R230" s="133"/>
      <c r="S230" s="39"/>
      <c r="T230" s="164"/>
      <c r="U230" s="41"/>
      <c r="V230" s="41"/>
      <c r="W230" s="41"/>
      <c r="X230" s="41"/>
      <c r="Y230" s="41"/>
      <c r="Z230" s="41"/>
      <c r="AA230" s="41"/>
      <c r="AB230" s="41"/>
      <c r="AC230" s="41"/>
      <c r="AD230" s="41"/>
      <c r="AE230" s="41"/>
      <c r="AF230" s="41"/>
      <c r="AG230" s="41"/>
      <c r="AH230" s="41"/>
      <c r="AI230" s="41"/>
      <c r="AJ230" s="41"/>
      <c r="AK230" s="41"/>
      <c r="AL230" s="41"/>
      <c r="AM230" s="41"/>
      <c r="AN230" s="41"/>
      <c r="AO230" s="41"/>
      <c r="AP230" s="41"/>
      <c r="AQ230" s="41"/>
      <c r="AR230" s="41"/>
      <c r="AS230" s="41"/>
      <c r="AT230" s="41"/>
      <c r="AU230" s="41"/>
      <c r="AV230" s="41"/>
      <c r="AW230" s="41"/>
      <c r="AX230" s="41"/>
      <c r="AY230" s="41"/>
      <c r="AZ230" s="41"/>
      <c r="BA230" s="41"/>
      <c r="BB230" s="41"/>
      <c r="BC230" s="41"/>
      <c r="BD230" s="41"/>
    </row>
    <row r="231" spans="1:56" s="42" customFormat="1" ht="69.900000000000006" customHeight="1">
      <c r="A231" s="318" t="s">
        <v>148</v>
      </c>
      <c r="B231" s="319"/>
      <c r="C231" s="319"/>
      <c r="D231" s="319"/>
      <c r="E231" s="319"/>
      <c r="F231" s="319"/>
      <c r="G231" s="319"/>
      <c r="H231" s="319"/>
      <c r="I231" s="319"/>
      <c r="J231" s="319"/>
      <c r="K231" s="319"/>
      <c r="L231" s="319"/>
      <c r="M231" s="319"/>
      <c r="N231" s="319"/>
      <c r="O231" s="319"/>
      <c r="P231" s="320"/>
      <c r="Q231" s="134"/>
      <c r="R231" s="133"/>
      <c r="S231" s="39"/>
      <c r="T231" s="164"/>
      <c r="U231" s="41"/>
      <c r="V231" s="41"/>
      <c r="W231" s="41"/>
      <c r="X231" s="41"/>
      <c r="Y231" s="41"/>
      <c r="Z231" s="41"/>
      <c r="AA231" s="41"/>
      <c r="AB231" s="41"/>
      <c r="AC231" s="41"/>
      <c r="AD231" s="41"/>
      <c r="AE231" s="41"/>
      <c r="AF231" s="41"/>
      <c r="AG231" s="41"/>
      <c r="AH231" s="41"/>
      <c r="AI231" s="41"/>
      <c r="AJ231" s="41"/>
      <c r="AK231" s="41"/>
      <c r="AL231" s="41"/>
      <c r="AM231" s="41"/>
      <c r="AN231" s="41"/>
      <c r="AO231" s="41"/>
      <c r="AP231" s="41"/>
      <c r="AQ231" s="41"/>
      <c r="AR231" s="41"/>
      <c r="AS231" s="41"/>
      <c r="AT231" s="41"/>
      <c r="AU231" s="41"/>
      <c r="AV231" s="41"/>
      <c r="AW231" s="41"/>
      <c r="AX231" s="41"/>
      <c r="AY231" s="41"/>
      <c r="AZ231" s="41"/>
      <c r="BA231" s="41"/>
      <c r="BB231" s="41"/>
      <c r="BC231" s="41"/>
      <c r="BD231" s="41"/>
    </row>
    <row r="232" spans="1:56" s="6" customFormat="1" ht="69.900000000000006" customHeight="1">
      <c r="A232" s="364" t="s">
        <v>149</v>
      </c>
      <c r="B232" s="365"/>
      <c r="C232" s="365"/>
      <c r="D232" s="365"/>
      <c r="E232" s="365"/>
      <c r="F232" s="365"/>
      <c r="G232" s="365"/>
      <c r="H232" s="365"/>
      <c r="I232" s="365"/>
      <c r="J232" s="365"/>
      <c r="K232" s="365"/>
      <c r="L232" s="365"/>
      <c r="M232" s="365"/>
      <c r="N232" s="365"/>
      <c r="O232" s="365"/>
      <c r="P232" s="366"/>
      <c r="Q232" s="155"/>
      <c r="R232" s="13"/>
      <c r="S232" s="157"/>
      <c r="T232" s="156"/>
    </row>
    <row r="233" spans="1:56" s="14" customFormat="1" ht="70.2" customHeight="1">
      <c r="A233" s="277" t="s">
        <v>150</v>
      </c>
      <c r="B233" s="278"/>
      <c r="C233" s="278"/>
      <c r="D233" s="278"/>
      <c r="E233" s="278"/>
      <c r="F233" s="278"/>
      <c r="G233" s="278"/>
      <c r="H233" s="278"/>
      <c r="I233" s="279"/>
      <c r="J233" s="386"/>
      <c r="K233" s="386"/>
      <c r="L233" s="386"/>
      <c r="M233" s="386"/>
      <c r="N233" s="386"/>
      <c r="O233" s="386"/>
      <c r="P233" s="387"/>
      <c r="Q233" s="129"/>
      <c r="R233" s="13"/>
      <c r="S233" s="22"/>
      <c r="T233" s="50"/>
      <c r="U233" s="21"/>
      <c r="V233" s="21"/>
      <c r="W233" s="21"/>
      <c r="X233" s="21"/>
      <c r="Y233" s="21"/>
      <c r="Z233" s="21"/>
      <c r="AA233" s="21"/>
      <c r="AB233" s="21"/>
      <c r="AC233" s="21"/>
      <c r="AD233" s="21"/>
      <c r="AE233" s="21"/>
      <c r="AF233" s="21"/>
      <c r="AG233" s="21"/>
      <c r="AH233" s="21"/>
      <c r="AI233" s="21"/>
      <c r="AJ233" s="21"/>
      <c r="AK233" s="21"/>
      <c r="AL233" s="21"/>
      <c r="AM233" s="21"/>
      <c r="AN233" s="21"/>
      <c r="AO233" s="21"/>
      <c r="AP233" s="21"/>
      <c r="AQ233" s="21"/>
      <c r="AR233" s="21"/>
      <c r="AS233" s="21"/>
      <c r="AT233" s="21"/>
      <c r="AU233" s="21"/>
      <c r="AV233" s="21"/>
      <c r="AW233" s="21"/>
      <c r="AX233" s="21"/>
      <c r="AY233" s="21"/>
      <c r="AZ233" s="21"/>
      <c r="BA233" s="21"/>
      <c r="BB233" s="21"/>
      <c r="BC233" s="21"/>
      <c r="BD233" s="21"/>
    </row>
    <row r="234" spans="1:56" s="14" customFormat="1" ht="70.2" customHeight="1">
      <c r="A234" s="354" t="s">
        <v>151</v>
      </c>
      <c r="B234" s="355"/>
      <c r="C234" s="355"/>
      <c r="D234" s="355"/>
      <c r="E234" s="355"/>
      <c r="F234" s="355"/>
      <c r="G234" s="355"/>
      <c r="H234" s="355"/>
      <c r="I234" s="356"/>
      <c r="J234" s="216" t="s">
        <v>152</v>
      </c>
      <c r="K234" s="217"/>
      <c r="L234" s="217"/>
      <c r="M234" s="217"/>
      <c r="N234" s="217"/>
      <c r="O234" s="217"/>
      <c r="P234" s="391"/>
      <c r="Q234" s="129"/>
      <c r="R234" s="13"/>
      <c r="S234" s="22"/>
      <c r="T234" s="50"/>
      <c r="U234" s="21"/>
      <c r="V234" s="21"/>
      <c r="W234" s="21"/>
      <c r="X234" s="21"/>
      <c r="Y234" s="21"/>
      <c r="Z234" s="21"/>
      <c r="AA234" s="21"/>
      <c r="AB234" s="21"/>
      <c r="AC234" s="21"/>
      <c r="AD234" s="21"/>
      <c r="AE234" s="21"/>
      <c r="AF234" s="21"/>
      <c r="AG234" s="21"/>
      <c r="AH234" s="21"/>
      <c r="AI234" s="21"/>
      <c r="AJ234" s="21"/>
      <c r="AK234" s="21"/>
      <c r="AL234" s="21"/>
      <c r="AM234" s="21"/>
      <c r="AN234" s="21"/>
      <c r="AO234" s="21"/>
      <c r="AP234" s="21"/>
      <c r="AQ234" s="21"/>
      <c r="AR234" s="21"/>
      <c r="AS234" s="21"/>
      <c r="AT234" s="21"/>
      <c r="AU234" s="21"/>
      <c r="AV234" s="21"/>
      <c r="AW234" s="21"/>
      <c r="AX234" s="21"/>
      <c r="AY234" s="21"/>
      <c r="AZ234" s="21"/>
      <c r="BA234" s="21"/>
      <c r="BB234" s="21"/>
      <c r="BC234" s="21"/>
      <c r="BD234" s="21"/>
    </row>
    <row r="235" spans="1:56" s="14" customFormat="1" ht="70.2" customHeight="1">
      <c r="A235" s="388"/>
      <c r="B235" s="389"/>
      <c r="C235" s="389"/>
      <c r="D235" s="389"/>
      <c r="E235" s="389"/>
      <c r="F235" s="389"/>
      <c r="G235" s="389"/>
      <c r="H235" s="389"/>
      <c r="I235" s="390"/>
      <c r="J235" s="214" t="s">
        <v>153</v>
      </c>
      <c r="K235" s="370"/>
      <c r="L235" s="55" t="s">
        <v>154</v>
      </c>
      <c r="M235" s="216"/>
      <c r="N235" s="217"/>
      <c r="O235" s="217"/>
      <c r="P235" s="391"/>
      <c r="Q235" s="129"/>
      <c r="R235" s="13"/>
      <c r="S235" s="22"/>
      <c r="T235" s="50"/>
      <c r="U235" s="21"/>
      <c r="V235" s="21"/>
      <c r="W235" s="21"/>
      <c r="X235" s="21"/>
      <c r="Y235" s="21"/>
      <c r="Z235" s="21"/>
      <c r="AA235" s="21"/>
      <c r="AB235" s="21"/>
      <c r="AC235" s="21"/>
      <c r="AD235" s="21"/>
      <c r="AE235" s="21"/>
      <c r="AF235" s="21"/>
      <c r="AG235" s="21"/>
      <c r="AH235" s="21"/>
      <c r="AI235" s="21"/>
      <c r="AJ235" s="21"/>
      <c r="AK235" s="21"/>
      <c r="AL235" s="21"/>
      <c r="AM235" s="21"/>
      <c r="AN235" s="21"/>
      <c r="AO235" s="21"/>
      <c r="AP235" s="21"/>
      <c r="AQ235" s="21"/>
      <c r="AR235" s="21"/>
      <c r="AS235" s="21"/>
      <c r="AT235" s="21"/>
      <c r="AU235" s="21"/>
      <c r="AV235" s="21"/>
      <c r="AW235" s="21"/>
      <c r="AX235" s="21"/>
      <c r="AY235" s="21"/>
      <c r="AZ235" s="21"/>
      <c r="BA235" s="21"/>
      <c r="BB235" s="21"/>
      <c r="BC235" s="21"/>
      <c r="BD235" s="21"/>
    </row>
    <row r="236" spans="1:56" s="14" customFormat="1" ht="70.2" customHeight="1">
      <c r="A236" s="395" t="s">
        <v>155</v>
      </c>
      <c r="B236" s="396"/>
      <c r="C236" s="396"/>
      <c r="D236" s="396"/>
      <c r="E236" s="396"/>
      <c r="F236" s="396"/>
      <c r="G236" s="396"/>
      <c r="H236" s="396"/>
      <c r="I236" s="397"/>
      <c r="J236" s="398"/>
      <c r="K236" s="398"/>
      <c r="L236" s="398"/>
      <c r="M236" s="398"/>
      <c r="N236" s="398"/>
      <c r="O236" s="398"/>
      <c r="P236" s="399"/>
      <c r="Q236" s="129"/>
      <c r="R236" s="13"/>
      <c r="S236" s="22"/>
      <c r="T236" s="50"/>
      <c r="U236" s="21"/>
      <c r="V236" s="21"/>
      <c r="W236" s="21"/>
      <c r="X236" s="21"/>
      <c r="Y236" s="21"/>
      <c r="Z236" s="21"/>
      <c r="AA236" s="21"/>
      <c r="AB236" s="21"/>
      <c r="AC236" s="21"/>
      <c r="AD236" s="21"/>
      <c r="AE236" s="21"/>
      <c r="AF236" s="21"/>
      <c r="AG236" s="21"/>
      <c r="AH236" s="21"/>
      <c r="AI236" s="21"/>
      <c r="AJ236" s="21"/>
      <c r="AK236" s="21"/>
      <c r="AL236" s="21"/>
      <c r="AM236" s="21"/>
      <c r="AN236" s="21"/>
      <c r="AO236" s="21"/>
      <c r="AP236" s="21"/>
      <c r="AQ236" s="21"/>
      <c r="AR236" s="21"/>
      <c r="AS236" s="21"/>
      <c r="AT236" s="21"/>
      <c r="AU236" s="21"/>
      <c r="AV236" s="21"/>
      <c r="AW236" s="21"/>
      <c r="AX236" s="21"/>
      <c r="AY236" s="21"/>
      <c r="AZ236" s="21"/>
      <c r="BA236" s="21"/>
      <c r="BB236" s="21"/>
      <c r="BC236" s="21"/>
      <c r="BD236" s="21"/>
    </row>
    <row r="237" spans="1:56" s="14" customFormat="1" ht="70.2" customHeight="1">
      <c r="A237" s="395" t="s">
        <v>156</v>
      </c>
      <c r="B237" s="396"/>
      <c r="C237" s="396"/>
      <c r="D237" s="396"/>
      <c r="E237" s="396"/>
      <c r="F237" s="396"/>
      <c r="G237" s="396"/>
      <c r="H237" s="396"/>
      <c r="I237" s="397"/>
      <c r="J237" s="398"/>
      <c r="K237" s="398"/>
      <c r="L237" s="398"/>
      <c r="M237" s="398"/>
      <c r="N237" s="398"/>
      <c r="O237" s="398"/>
      <c r="P237" s="399"/>
      <c r="Q237" s="129"/>
      <c r="R237" s="13"/>
      <c r="S237" s="22"/>
      <c r="T237" s="50"/>
      <c r="U237" s="21"/>
      <c r="V237" s="21"/>
      <c r="W237" s="21"/>
      <c r="X237" s="21"/>
      <c r="Y237" s="21"/>
      <c r="Z237" s="21"/>
      <c r="AA237" s="21"/>
      <c r="AB237" s="21"/>
      <c r="AC237" s="21"/>
      <c r="AD237" s="21"/>
      <c r="AE237" s="21"/>
      <c r="AF237" s="21"/>
      <c r="AG237" s="21"/>
      <c r="AH237" s="21"/>
      <c r="AI237" s="21"/>
      <c r="AJ237" s="21"/>
      <c r="AK237" s="21"/>
      <c r="AL237" s="21"/>
      <c r="AM237" s="21"/>
      <c r="AN237" s="21"/>
      <c r="AO237" s="21"/>
      <c r="AP237" s="21"/>
      <c r="AQ237" s="21"/>
      <c r="AR237" s="21"/>
      <c r="AS237" s="21"/>
      <c r="AT237" s="21"/>
      <c r="AU237" s="21"/>
      <c r="AV237" s="21"/>
      <c r="AW237" s="21"/>
      <c r="AX237" s="21"/>
      <c r="AY237" s="21"/>
      <c r="AZ237" s="21"/>
      <c r="BA237" s="21"/>
      <c r="BB237" s="21"/>
      <c r="BC237" s="21"/>
      <c r="BD237" s="21"/>
    </row>
    <row r="238" spans="1:56" s="14" customFormat="1" ht="70.2" customHeight="1">
      <c r="A238" s="354" t="s">
        <v>157</v>
      </c>
      <c r="B238" s="355"/>
      <c r="C238" s="355"/>
      <c r="D238" s="355"/>
      <c r="E238" s="355"/>
      <c r="F238" s="355"/>
      <c r="G238" s="355"/>
      <c r="H238" s="355"/>
      <c r="I238" s="356"/>
      <c r="J238" s="56" t="s">
        <v>158</v>
      </c>
      <c r="K238" s="216" t="s">
        <v>159</v>
      </c>
      <c r="L238" s="217"/>
      <c r="M238" s="217"/>
      <c r="N238" s="217"/>
      <c r="O238" s="217"/>
      <c r="P238" s="391"/>
      <c r="Q238" s="129"/>
      <c r="R238" s="13"/>
      <c r="S238" s="22"/>
      <c r="T238" s="50"/>
      <c r="U238" s="21"/>
      <c r="V238" s="21"/>
      <c r="W238" s="21"/>
      <c r="X238" s="21"/>
      <c r="Y238" s="21"/>
      <c r="Z238" s="21"/>
      <c r="AA238" s="21"/>
      <c r="AB238" s="21"/>
      <c r="AC238" s="21"/>
      <c r="AD238" s="21"/>
      <c r="AE238" s="21"/>
      <c r="AF238" s="21"/>
      <c r="AG238" s="21"/>
      <c r="AH238" s="21"/>
      <c r="AI238" s="21"/>
      <c r="AJ238" s="21"/>
      <c r="AK238" s="21"/>
      <c r="AL238" s="21"/>
      <c r="AM238" s="21"/>
      <c r="AN238" s="21"/>
      <c r="AO238" s="21"/>
      <c r="AP238" s="21"/>
      <c r="AQ238" s="21"/>
      <c r="AR238" s="21"/>
      <c r="AS238" s="21"/>
      <c r="AT238" s="21"/>
      <c r="AU238" s="21"/>
      <c r="AV238" s="21"/>
      <c r="AW238" s="21"/>
      <c r="AX238" s="21"/>
      <c r="AY238" s="21"/>
      <c r="AZ238" s="21"/>
      <c r="BA238" s="21"/>
      <c r="BB238" s="21"/>
      <c r="BC238" s="21"/>
      <c r="BD238" s="21"/>
    </row>
    <row r="239" spans="1:56" s="14" customFormat="1" ht="70.2" customHeight="1">
      <c r="A239" s="402"/>
      <c r="B239" s="403"/>
      <c r="C239" s="403"/>
      <c r="D239" s="403"/>
      <c r="E239" s="403"/>
      <c r="F239" s="403"/>
      <c r="G239" s="403"/>
      <c r="H239" s="403"/>
      <c r="I239" s="404"/>
      <c r="J239" s="216" t="s">
        <v>160</v>
      </c>
      <c r="K239" s="217"/>
      <c r="L239" s="217"/>
      <c r="M239" s="217"/>
      <c r="N239" s="217"/>
      <c r="O239" s="217"/>
      <c r="P239" s="391"/>
      <c r="Q239" s="129"/>
      <c r="R239" s="13"/>
      <c r="S239" s="22"/>
      <c r="T239" s="50"/>
      <c r="U239" s="21"/>
      <c r="V239" s="21"/>
      <c r="W239" s="21"/>
      <c r="X239" s="21"/>
      <c r="Y239" s="21"/>
      <c r="Z239" s="21"/>
      <c r="AA239" s="21"/>
      <c r="AB239" s="21"/>
      <c r="AC239" s="21"/>
      <c r="AD239" s="21"/>
      <c r="AE239" s="21"/>
      <c r="AF239" s="21"/>
      <c r="AG239" s="21"/>
      <c r="AH239" s="21"/>
      <c r="AI239" s="21"/>
      <c r="AJ239" s="21"/>
      <c r="AK239" s="21"/>
      <c r="AL239" s="21"/>
      <c r="AM239" s="21"/>
      <c r="AN239" s="21"/>
      <c r="AO239" s="21"/>
      <c r="AP239" s="21"/>
      <c r="AQ239" s="21"/>
      <c r="AR239" s="21"/>
      <c r="AS239" s="21"/>
      <c r="AT239" s="21"/>
      <c r="AU239" s="21"/>
      <c r="AV239" s="21"/>
      <c r="AW239" s="21"/>
      <c r="AX239" s="21"/>
      <c r="AY239" s="21"/>
      <c r="AZ239" s="21"/>
      <c r="BA239" s="21"/>
      <c r="BB239" s="21"/>
      <c r="BC239" s="21"/>
      <c r="BD239" s="21"/>
    </row>
    <row r="240" spans="1:56" s="14" customFormat="1" ht="70.2" customHeight="1">
      <c r="A240" s="388"/>
      <c r="B240" s="389"/>
      <c r="C240" s="389"/>
      <c r="D240" s="389"/>
      <c r="E240" s="389"/>
      <c r="F240" s="389"/>
      <c r="G240" s="389"/>
      <c r="H240" s="389"/>
      <c r="I240" s="390"/>
      <c r="J240" s="214" t="s">
        <v>161</v>
      </c>
      <c r="K240" s="370"/>
      <c r="L240" s="55" t="s">
        <v>154</v>
      </c>
      <c r="M240" s="216"/>
      <c r="N240" s="217"/>
      <c r="O240" s="217"/>
      <c r="P240" s="391"/>
      <c r="Q240" s="129"/>
      <c r="R240" s="13"/>
      <c r="S240" s="22"/>
      <c r="T240" s="50"/>
      <c r="U240" s="21"/>
      <c r="V240" s="21"/>
      <c r="W240" s="21"/>
      <c r="X240" s="21"/>
      <c r="Y240" s="21"/>
      <c r="Z240" s="21"/>
      <c r="AA240" s="21"/>
      <c r="AB240" s="21"/>
      <c r="AC240" s="21"/>
      <c r="AD240" s="21"/>
      <c r="AE240" s="21"/>
      <c r="AF240" s="21"/>
      <c r="AG240" s="21"/>
      <c r="AH240" s="21"/>
      <c r="AI240" s="21"/>
      <c r="AJ240" s="21"/>
      <c r="AK240" s="21"/>
      <c r="AL240" s="21"/>
      <c r="AM240" s="21"/>
      <c r="AN240" s="21"/>
      <c r="AO240" s="21"/>
      <c r="AP240" s="21"/>
      <c r="AQ240" s="21"/>
      <c r="AR240" s="21"/>
      <c r="AS240" s="21"/>
      <c r="AT240" s="21"/>
      <c r="AU240" s="21"/>
      <c r="AV240" s="21"/>
      <c r="AW240" s="21"/>
      <c r="AX240" s="21"/>
      <c r="AY240" s="21"/>
      <c r="AZ240" s="21"/>
      <c r="BA240" s="21"/>
      <c r="BB240" s="21"/>
      <c r="BC240" s="21"/>
      <c r="BD240" s="21"/>
    </row>
    <row r="241" spans="1:56" s="14" customFormat="1" ht="70.2" customHeight="1">
      <c r="A241" s="395" t="s">
        <v>162</v>
      </c>
      <c r="B241" s="396"/>
      <c r="C241" s="396"/>
      <c r="D241" s="396"/>
      <c r="E241" s="396"/>
      <c r="F241" s="396"/>
      <c r="G241" s="396"/>
      <c r="H241" s="396"/>
      <c r="I241" s="397"/>
      <c r="J241" s="398"/>
      <c r="K241" s="398"/>
      <c r="L241" s="398"/>
      <c r="M241" s="398"/>
      <c r="N241" s="398"/>
      <c r="O241" s="398"/>
      <c r="P241" s="399"/>
      <c r="Q241" s="129"/>
      <c r="R241" s="13"/>
      <c r="S241" s="22"/>
      <c r="T241" s="50"/>
      <c r="U241" s="21"/>
      <c r="V241" s="21"/>
      <c r="W241" s="21"/>
      <c r="X241" s="21"/>
      <c r="Y241" s="21"/>
      <c r="Z241" s="21"/>
      <c r="AA241" s="21"/>
      <c r="AB241" s="21"/>
      <c r="AC241" s="21"/>
      <c r="AD241" s="21"/>
      <c r="AE241" s="21"/>
      <c r="AF241" s="21"/>
      <c r="AG241" s="21"/>
      <c r="AH241" s="21"/>
      <c r="AI241" s="21"/>
      <c r="AJ241" s="21"/>
      <c r="AK241" s="21"/>
      <c r="AL241" s="21"/>
      <c r="AM241" s="21"/>
      <c r="AN241" s="21"/>
      <c r="AO241" s="21"/>
      <c r="AP241" s="21"/>
      <c r="AQ241" s="21"/>
      <c r="AR241" s="21"/>
      <c r="AS241" s="21"/>
      <c r="AT241" s="21"/>
      <c r="AU241" s="21"/>
      <c r="AV241" s="21"/>
      <c r="AW241" s="21"/>
      <c r="AX241" s="21"/>
      <c r="AY241" s="21"/>
      <c r="AZ241" s="21"/>
      <c r="BA241" s="21"/>
      <c r="BB241" s="21"/>
      <c r="BC241" s="21"/>
      <c r="BD241" s="21"/>
    </row>
    <row r="242" spans="1:56" s="14" customFormat="1" ht="70.2" customHeight="1">
      <c r="A242" s="354" t="s">
        <v>163</v>
      </c>
      <c r="B242" s="355"/>
      <c r="C242" s="355"/>
      <c r="D242" s="355"/>
      <c r="E242" s="355"/>
      <c r="F242" s="355"/>
      <c r="G242" s="355"/>
      <c r="H242" s="355"/>
      <c r="I242" s="356"/>
      <c r="J242" s="400"/>
      <c r="K242" s="355"/>
      <c r="L242" s="355"/>
      <c r="M242" s="355"/>
      <c r="N242" s="355"/>
      <c r="O242" s="355"/>
      <c r="P242" s="401"/>
      <c r="Q242" s="129"/>
      <c r="R242" s="13"/>
      <c r="S242" s="22"/>
      <c r="T242" s="50"/>
      <c r="U242" s="21"/>
      <c r="V242" s="21"/>
      <c r="W242" s="21"/>
      <c r="X242" s="21"/>
      <c r="Y242" s="21"/>
      <c r="Z242" s="21"/>
      <c r="AA242" s="21"/>
      <c r="AB242" s="21"/>
      <c r="AC242" s="21"/>
      <c r="AD242" s="21"/>
      <c r="AE242" s="21"/>
      <c r="AF242" s="21"/>
      <c r="AG242" s="21"/>
      <c r="AH242" s="21"/>
      <c r="AI242" s="21"/>
      <c r="AJ242" s="21"/>
      <c r="AK242" s="21"/>
      <c r="AL242" s="21"/>
      <c r="AM242" s="21"/>
      <c r="AN242" s="21"/>
      <c r="AO242" s="21"/>
      <c r="AP242" s="21"/>
      <c r="AQ242" s="21"/>
      <c r="AR242" s="21"/>
      <c r="AS242" s="21"/>
      <c r="AT242" s="21"/>
      <c r="AU242" s="21"/>
      <c r="AV242" s="21"/>
      <c r="AW242" s="21"/>
      <c r="AX242" s="21"/>
      <c r="AY242" s="21"/>
      <c r="AZ242" s="21"/>
      <c r="BA242" s="21"/>
      <c r="BB242" s="21"/>
      <c r="BC242" s="21"/>
      <c r="BD242" s="21"/>
    </row>
    <row r="243" spans="1:56" s="6" customFormat="1" ht="69.900000000000006" customHeight="1">
      <c r="A243" s="221" t="s">
        <v>25</v>
      </c>
      <c r="B243" s="223"/>
      <c r="C243" s="223"/>
      <c r="D243" s="223"/>
      <c r="E243" s="223"/>
      <c r="F243" s="223"/>
      <c r="G243" s="223"/>
      <c r="H243" s="223"/>
      <c r="I243" s="223"/>
      <c r="J243" s="223"/>
      <c r="K243" s="223"/>
      <c r="L243" s="223"/>
      <c r="M243" s="223"/>
      <c r="N243" s="223"/>
      <c r="O243" s="223"/>
      <c r="P243" s="343"/>
      <c r="Q243" s="155"/>
      <c r="R243" s="13"/>
      <c r="S243" s="157"/>
      <c r="T243" s="156"/>
    </row>
    <row r="244" spans="1:56" s="14" customFormat="1" ht="75" customHeight="1">
      <c r="A244" s="225"/>
      <c r="B244" s="226"/>
      <c r="C244" s="226"/>
      <c r="D244" s="226"/>
      <c r="E244" s="226"/>
      <c r="F244" s="226"/>
      <c r="G244" s="226"/>
      <c r="H244" s="226"/>
      <c r="I244" s="226"/>
      <c r="J244" s="226"/>
      <c r="K244" s="226"/>
      <c r="L244" s="227"/>
      <c r="M244" s="226"/>
      <c r="N244" s="226"/>
      <c r="O244" s="226"/>
      <c r="P244" s="228"/>
      <c r="Q244" s="129"/>
      <c r="R244" s="13"/>
      <c r="S244" s="17"/>
      <c r="T244" s="156"/>
    </row>
    <row r="245" spans="1:56" s="14" customFormat="1" ht="75" customHeight="1" thickBot="1">
      <c r="A245" s="229"/>
      <c r="B245" s="230"/>
      <c r="C245" s="230"/>
      <c r="D245" s="230"/>
      <c r="E245" s="230"/>
      <c r="F245" s="230"/>
      <c r="G245" s="230"/>
      <c r="H245" s="230"/>
      <c r="I245" s="230"/>
      <c r="J245" s="230"/>
      <c r="K245" s="230"/>
      <c r="L245" s="231"/>
      <c r="M245" s="230"/>
      <c r="N245" s="230"/>
      <c r="O245" s="230"/>
      <c r="P245" s="232"/>
      <c r="Q245" s="129"/>
      <c r="R245" s="13"/>
      <c r="S245" s="17"/>
      <c r="T245" s="156"/>
    </row>
    <row r="246" spans="1:56" s="6" customFormat="1" ht="69.900000000000006" customHeight="1" thickBot="1">
      <c r="A246" s="245" t="s">
        <v>164</v>
      </c>
      <c r="B246" s="247"/>
      <c r="C246" s="247"/>
      <c r="D246" s="247"/>
      <c r="E246" s="247"/>
      <c r="F246" s="247"/>
      <c r="G246" s="247"/>
      <c r="H246" s="247"/>
      <c r="I246" s="247"/>
      <c r="J246" s="247"/>
      <c r="K246" s="247"/>
      <c r="L246" s="247"/>
      <c r="M246" s="247"/>
      <c r="N246" s="247"/>
      <c r="O246" s="247"/>
      <c r="P246" s="334"/>
      <c r="Q246" s="129"/>
      <c r="R246" s="13"/>
      <c r="S246" s="22"/>
      <c r="T246" s="50"/>
      <c r="U246" s="20"/>
      <c r="V246" s="20"/>
      <c r="W246" s="20"/>
      <c r="X246" s="21"/>
      <c r="Y246" s="21"/>
      <c r="Z246" s="21"/>
      <c r="AA246" s="21"/>
      <c r="AB246" s="21"/>
      <c r="AC246" s="21"/>
      <c r="AD246" s="21"/>
      <c r="AE246" s="21"/>
      <c r="AF246" s="21"/>
      <c r="AG246" s="21"/>
      <c r="AH246" s="21"/>
      <c r="AI246" s="21"/>
      <c r="AJ246" s="21"/>
      <c r="AK246" s="21"/>
      <c r="AL246" s="21"/>
      <c r="AM246" s="21"/>
      <c r="AN246" s="20"/>
      <c r="AO246" s="20"/>
      <c r="AP246" s="20"/>
      <c r="AQ246" s="20"/>
      <c r="AR246" s="20"/>
      <c r="AS246" s="20"/>
      <c r="AT246" s="20"/>
      <c r="AU246" s="20"/>
      <c r="AV246" s="20"/>
      <c r="AW246" s="20"/>
      <c r="AX246" s="20"/>
      <c r="AY246" s="20"/>
      <c r="AZ246" s="20"/>
      <c r="BA246" s="20"/>
      <c r="BB246" s="20"/>
      <c r="BC246" s="20"/>
      <c r="BD246" s="20"/>
    </row>
    <row r="247" spans="1:56" s="14" customFormat="1" ht="140.1" customHeight="1" thickTop="1" thickBot="1">
      <c r="A247" s="249" t="s">
        <v>165</v>
      </c>
      <c r="B247" s="251"/>
      <c r="C247" s="251"/>
      <c r="D247" s="251"/>
      <c r="E247" s="251"/>
      <c r="F247" s="251"/>
      <c r="G247" s="251"/>
      <c r="H247" s="251"/>
      <c r="I247" s="251"/>
      <c r="J247" s="251"/>
      <c r="K247" s="251"/>
      <c r="L247" s="251"/>
      <c r="M247" s="251"/>
      <c r="N247" s="335"/>
      <c r="O247" s="16" t="s">
        <v>20</v>
      </c>
      <c r="P247" s="132" t="s">
        <v>21</v>
      </c>
      <c r="Q247" s="129"/>
      <c r="R247" s="13"/>
      <c r="S247" s="130"/>
      <c r="T247" s="50"/>
      <c r="U247" s="21"/>
      <c r="V247" s="21"/>
      <c r="W247" s="21"/>
      <c r="X247" s="21"/>
      <c r="Y247" s="21"/>
      <c r="Z247" s="21"/>
      <c r="AA247" s="21"/>
      <c r="AB247" s="21"/>
      <c r="AC247" s="21"/>
      <c r="AD247" s="21"/>
      <c r="AE247" s="21"/>
      <c r="AF247" s="21"/>
      <c r="AG247" s="21"/>
      <c r="AH247" s="21"/>
      <c r="AI247" s="21"/>
      <c r="AJ247" s="21"/>
      <c r="AK247" s="21"/>
      <c r="AL247" s="21"/>
      <c r="AM247" s="21"/>
      <c r="AN247" s="21"/>
      <c r="AO247" s="21"/>
      <c r="AP247" s="21"/>
      <c r="AQ247" s="21"/>
      <c r="AR247" s="21"/>
      <c r="AS247" s="21"/>
      <c r="AT247" s="21"/>
      <c r="AU247" s="21"/>
      <c r="AV247" s="21"/>
      <c r="AW247" s="21"/>
      <c r="AX247" s="21"/>
      <c r="AY247" s="21"/>
      <c r="AZ247" s="21"/>
      <c r="BA247" s="21"/>
      <c r="BB247" s="21"/>
      <c r="BC247" s="21"/>
      <c r="BD247" s="21"/>
    </row>
    <row r="248" spans="1:56" s="6" customFormat="1" ht="69.900000000000006" customHeight="1" thickTop="1">
      <c r="A248" s="221" t="s">
        <v>25</v>
      </c>
      <c r="B248" s="223"/>
      <c r="C248" s="223"/>
      <c r="D248" s="223"/>
      <c r="E248" s="223"/>
      <c r="F248" s="223"/>
      <c r="G248" s="223"/>
      <c r="H248" s="223"/>
      <c r="I248" s="223"/>
      <c r="J248" s="223"/>
      <c r="K248" s="223"/>
      <c r="L248" s="223"/>
      <c r="M248" s="223"/>
      <c r="N248" s="223"/>
      <c r="O248" s="223"/>
      <c r="P248" s="343"/>
      <c r="Q248" s="155"/>
      <c r="R248" s="13"/>
      <c r="S248" s="157"/>
      <c r="T248" s="156"/>
    </row>
    <row r="249" spans="1:56" s="14" customFormat="1" ht="75" customHeight="1">
      <c r="A249" s="225"/>
      <c r="B249" s="226"/>
      <c r="C249" s="226"/>
      <c r="D249" s="226"/>
      <c r="E249" s="226"/>
      <c r="F249" s="226"/>
      <c r="G249" s="226"/>
      <c r="H249" s="226"/>
      <c r="I249" s="226"/>
      <c r="J249" s="226"/>
      <c r="K249" s="226"/>
      <c r="L249" s="227"/>
      <c r="M249" s="226"/>
      <c r="N249" s="226"/>
      <c r="O249" s="226"/>
      <c r="P249" s="228"/>
      <c r="Q249" s="129"/>
      <c r="R249" s="13"/>
      <c r="S249" s="17"/>
      <c r="T249" s="156"/>
    </row>
    <row r="250" spans="1:56" s="14" customFormat="1" ht="75" customHeight="1" thickBot="1">
      <c r="A250" s="229"/>
      <c r="B250" s="230"/>
      <c r="C250" s="230"/>
      <c r="D250" s="230"/>
      <c r="E250" s="230"/>
      <c r="F250" s="230"/>
      <c r="G250" s="230"/>
      <c r="H250" s="230"/>
      <c r="I250" s="230"/>
      <c r="J250" s="230"/>
      <c r="K250" s="230"/>
      <c r="L250" s="231"/>
      <c r="M250" s="230"/>
      <c r="N250" s="230"/>
      <c r="O250" s="230"/>
      <c r="P250" s="232"/>
      <c r="Q250" s="129"/>
      <c r="R250" s="13"/>
      <c r="S250" s="17"/>
      <c r="T250" s="156"/>
    </row>
    <row r="251" spans="1:56" s="6" customFormat="1" ht="69.900000000000006" customHeight="1" thickBot="1">
      <c r="A251" s="245" t="s">
        <v>166</v>
      </c>
      <c r="B251" s="247"/>
      <c r="C251" s="247"/>
      <c r="D251" s="247"/>
      <c r="E251" s="247"/>
      <c r="F251" s="247"/>
      <c r="G251" s="247"/>
      <c r="H251" s="247"/>
      <c r="I251" s="247"/>
      <c r="J251" s="247"/>
      <c r="K251" s="247"/>
      <c r="L251" s="247"/>
      <c r="M251" s="247"/>
      <c r="N251" s="247"/>
      <c r="O251" s="247"/>
      <c r="P251" s="334"/>
      <c r="Q251" s="129"/>
      <c r="R251" s="13"/>
      <c r="S251" s="22"/>
      <c r="T251" s="50"/>
      <c r="U251" s="20"/>
      <c r="V251" s="20"/>
      <c r="W251" s="20"/>
      <c r="X251" s="20"/>
      <c r="Y251" s="20"/>
      <c r="Z251" s="20"/>
      <c r="AA251" s="20"/>
      <c r="AB251" s="20"/>
      <c r="AC251" s="20"/>
      <c r="AD251" s="20"/>
      <c r="AE251" s="20"/>
      <c r="AF251" s="20"/>
      <c r="AG251" s="20"/>
      <c r="AH251" s="20"/>
      <c r="AI251" s="20"/>
      <c r="AJ251" s="20"/>
      <c r="AK251" s="20"/>
      <c r="AL251" s="20"/>
      <c r="AM251" s="20"/>
      <c r="AN251" s="20"/>
      <c r="AO251" s="20"/>
      <c r="AP251" s="20"/>
      <c r="AQ251" s="20"/>
      <c r="AR251" s="20"/>
      <c r="AS251" s="20"/>
      <c r="AT251" s="20"/>
      <c r="AU251" s="20"/>
      <c r="AV251" s="20"/>
      <c r="AW251" s="20"/>
      <c r="AX251" s="20"/>
      <c r="AY251" s="20"/>
      <c r="AZ251" s="20"/>
      <c r="BA251" s="20"/>
      <c r="BB251" s="20"/>
      <c r="BC251" s="20"/>
      <c r="BD251" s="20"/>
    </row>
    <row r="252" spans="1:56" s="14" customFormat="1" ht="140.1" customHeight="1" thickTop="1" thickBot="1">
      <c r="A252" s="249" t="s">
        <v>167</v>
      </c>
      <c r="B252" s="251"/>
      <c r="C252" s="251"/>
      <c r="D252" s="251"/>
      <c r="E252" s="251"/>
      <c r="F252" s="251"/>
      <c r="G252" s="251"/>
      <c r="H252" s="251"/>
      <c r="I252" s="251"/>
      <c r="J252" s="251"/>
      <c r="K252" s="251"/>
      <c r="L252" s="251"/>
      <c r="M252" s="251"/>
      <c r="N252" s="335"/>
      <c r="O252" s="16" t="s">
        <v>20</v>
      </c>
      <c r="P252" s="132" t="s">
        <v>21</v>
      </c>
      <c r="Q252" s="129"/>
      <c r="R252" s="13"/>
      <c r="S252" s="130"/>
      <c r="T252" s="50"/>
      <c r="U252" s="21"/>
      <c r="V252" s="21"/>
      <c r="W252" s="21"/>
      <c r="X252" s="20"/>
      <c r="Y252" s="20"/>
      <c r="Z252" s="20"/>
      <c r="AA252" s="20"/>
      <c r="AB252" s="20"/>
      <c r="AC252" s="20"/>
      <c r="AD252" s="20"/>
      <c r="AE252" s="20"/>
      <c r="AF252" s="20"/>
      <c r="AG252" s="20"/>
      <c r="AH252" s="20"/>
      <c r="AI252" s="20"/>
      <c r="AJ252" s="20"/>
      <c r="AK252" s="20"/>
      <c r="AL252" s="20"/>
      <c r="AM252" s="20"/>
      <c r="AN252" s="21"/>
      <c r="AO252" s="21"/>
      <c r="AP252" s="21"/>
      <c r="AQ252" s="21"/>
      <c r="AR252" s="21"/>
      <c r="AS252" s="21"/>
      <c r="AT252" s="21"/>
      <c r="AU252" s="21"/>
      <c r="AV252" s="21"/>
      <c r="AW252" s="21"/>
      <c r="AX252" s="21"/>
      <c r="AY252" s="21"/>
      <c r="AZ252" s="21"/>
      <c r="BA252" s="21"/>
      <c r="BB252" s="21"/>
      <c r="BC252" s="21"/>
      <c r="BD252" s="21"/>
    </row>
    <row r="253" spans="1:56" s="6" customFormat="1" ht="69.900000000000006" customHeight="1" thickTop="1">
      <c r="A253" s="270" t="s">
        <v>52</v>
      </c>
      <c r="B253" s="272"/>
      <c r="C253" s="272"/>
      <c r="D253" s="272"/>
      <c r="E253" s="272"/>
      <c r="F253" s="272"/>
      <c r="G253" s="272"/>
      <c r="H253" s="272"/>
      <c r="I253" s="272"/>
      <c r="J253" s="272"/>
      <c r="K253" s="272"/>
      <c r="L253" s="272"/>
      <c r="M253" s="272"/>
      <c r="N253" s="272"/>
      <c r="O253" s="272"/>
      <c r="P253" s="342"/>
      <c r="Q253" s="155"/>
      <c r="R253" s="13"/>
      <c r="S253" s="157"/>
      <c r="T253" s="156"/>
    </row>
    <row r="254" spans="1:56" s="6" customFormat="1" ht="69.900000000000006" customHeight="1">
      <c r="A254" s="274" t="s">
        <v>168</v>
      </c>
      <c r="B254" s="275"/>
      <c r="C254" s="275"/>
      <c r="D254" s="275"/>
      <c r="E254" s="275"/>
      <c r="F254" s="275"/>
      <c r="G254" s="275"/>
      <c r="H254" s="275"/>
      <c r="I254" s="275"/>
      <c r="J254" s="275"/>
      <c r="K254" s="275"/>
      <c r="L254" s="275"/>
      <c r="M254" s="275"/>
      <c r="N254" s="275"/>
      <c r="O254" s="275"/>
      <c r="P254" s="276"/>
      <c r="Q254" s="155"/>
      <c r="R254" s="13"/>
      <c r="S254" s="157"/>
      <c r="T254" s="156"/>
    </row>
    <row r="255" spans="1:56" s="42" customFormat="1" ht="69.900000000000006" customHeight="1">
      <c r="A255" s="405" t="s">
        <v>169</v>
      </c>
      <c r="B255" s="406"/>
      <c r="C255" s="406"/>
      <c r="D255" s="406"/>
      <c r="E255" s="406"/>
      <c r="F255" s="406"/>
      <c r="G255" s="406"/>
      <c r="H255" s="406"/>
      <c r="I255" s="406"/>
      <c r="J255" s="406"/>
      <c r="K255" s="406"/>
      <c r="L255" s="406"/>
      <c r="M255" s="406"/>
      <c r="N255" s="406"/>
      <c r="O255" s="406"/>
      <c r="P255" s="407"/>
      <c r="Q255" s="134"/>
      <c r="R255" s="133"/>
      <c r="S255" s="39"/>
      <c r="T255" s="159"/>
      <c r="U255" s="41"/>
      <c r="V255" s="41"/>
      <c r="W255" s="41"/>
      <c r="X255" s="41"/>
      <c r="Y255" s="41"/>
      <c r="Z255" s="41"/>
      <c r="AA255" s="41"/>
      <c r="AB255" s="41"/>
      <c r="AC255" s="41"/>
      <c r="AD255" s="41"/>
      <c r="AE255" s="41"/>
      <c r="AF255" s="41"/>
      <c r="AG255" s="41"/>
      <c r="AH255" s="41"/>
      <c r="AI255" s="41"/>
      <c r="AJ255" s="41"/>
      <c r="AK255" s="41"/>
      <c r="AL255" s="41"/>
      <c r="AM255" s="41"/>
      <c r="AN255" s="41"/>
      <c r="AO255" s="41"/>
      <c r="AP255" s="41"/>
      <c r="AQ255" s="41"/>
      <c r="AR255" s="41"/>
      <c r="AS255" s="41"/>
      <c r="AT255" s="41"/>
      <c r="AU255" s="41"/>
      <c r="AV255" s="41"/>
      <c r="AW255" s="41"/>
      <c r="AX255" s="41"/>
      <c r="AY255" s="41"/>
      <c r="AZ255" s="41"/>
      <c r="BA255" s="41"/>
      <c r="BB255" s="41"/>
      <c r="BC255" s="41"/>
      <c r="BD255" s="41"/>
    </row>
    <row r="256" spans="1:56" s="42" customFormat="1" ht="69.900000000000006" customHeight="1">
      <c r="A256" s="318" t="s">
        <v>85</v>
      </c>
      <c r="B256" s="319"/>
      <c r="C256" s="319"/>
      <c r="D256" s="319"/>
      <c r="E256" s="319"/>
      <c r="F256" s="319"/>
      <c r="G256" s="319"/>
      <c r="H256" s="319"/>
      <c r="I256" s="319"/>
      <c r="J256" s="319"/>
      <c r="K256" s="319"/>
      <c r="L256" s="319"/>
      <c r="M256" s="319"/>
      <c r="N256" s="319"/>
      <c r="O256" s="319"/>
      <c r="P256" s="320"/>
      <c r="Q256" s="134"/>
      <c r="R256" s="133"/>
      <c r="S256" s="39"/>
      <c r="T256" s="159"/>
      <c r="U256" s="41"/>
      <c r="V256" s="41"/>
      <c r="W256" s="41"/>
      <c r="X256" s="41"/>
      <c r="Y256" s="41"/>
      <c r="Z256" s="41"/>
      <c r="AA256" s="41"/>
      <c r="AB256" s="41"/>
      <c r="AC256" s="41"/>
      <c r="AD256" s="41"/>
      <c r="AE256" s="41"/>
      <c r="AF256" s="41"/>
      <c r="AG256" s="41"/>
      <c r="AH256" s="41"/>
      <c r="AI256" s="41"/>
      <c r="AJ256" s="41"/>
      <c r="AK256" s="41"/>
      <c r="AL256" s="41"/>
      <c r="AM256" s="41"/>
      <c r="AN256" s="41"/>
      <c r="AO256" s="41"/>
      <c r="AP256" s="41"/>
      <c r="AQ256" s="41"/>
      <c r="AR256" s="41"/>
      <c r="AS256" s="41"/>
      <c r="AT256" s="41"/>
      <c r="AU256" s="41"/>
      <c r="AV256" s="41"/>
      <c r="AW256" s="41"/>
      <c r="AX256" s="41"/>
      <c r="AY256" s="41"/>
      <c r="AZ256" s="41"/>
      <c r="BA256" s="41"/>
      <c r="BB256" s="41"/>
      <c r="BC256" s="41"/>
      <c r="BD256" s="41"/>
    </row>
    <row r="257" spans="1:56" s="6" customFormat="1" ht="69.900000000000006" customHeight="1">
      <c r="A257" s="364" t="s">
        <v>170</v>
      </c>
      <c r="B257" s="365"/>
      <c r="C257" s="365"/>
      <c r="D257" s="365"/>
      <c r="E257" s="365"/>
      <c r="F257" s="365"/>
      <c r="G257" s="365"/>
      <c r="H257" s="365"/>
      <c r="I257" s="365"/>
      <c r="J257" s="365"/>
      <c r="K257" s="365"/>
      <c r="L257" s="365"/>
      <c r="M257" s="365"/>
      <c r="N257" s="365"/>
      <c r="O257" s="365"/>
      <c r="P257" s="366"/>
      <c r="Q257" s="155"/>
      <c r="R257" s="13"/>
      <c r="S257" s="157"/>
      <c r="T257" s="156"/>
    </row>
    <row r="258" spans="1:56" s="42" customFormat="1" ht="69.900000000000006" customHeight="1">
      <c r="A258" s="315" t="s">
        <v>171</v>
      </c>
      <c r="B258" s="316"/>
      <c r="C258" s="316"/>
      <c r="D258" s="316"/>
      <c r="E258" s="316"/>
      <c r="F258" s="316"/>
      <c r="G258" s="316"/>
      <c r="H258" s="316"/>
      <c r="I258" s="316"/>
      <c r="J258" s="316"/>
      <c r="K258" s="316"/>
      <c r="L258" s="316"/>
      <c r="M258" s="316"/>
      <c r="N258" s="316"/>
      <c r="O258" s="316"/>
      <c r="P258" s="317"/>
      <c r="Q258" s="134"/>
      <c r="R258" s="133"/>
      <c r="S258" s="39"/>
      <c r="T258" s="159"/>
      <c r="U258" s="41"/>
      <c r="V258" s="41"/>
      <c r="W258" s="41"/>
      <c r="X258" s="41"/>
      <c r="Y258" s="41"/>
      <c r="Z258" s="41"/>
      <c r="AA258" s="41"/>
      <c r="AB258" s="41"/>
      <c r="AC258" s="41"/>
      <c r="AD258" s="41"/>
      <c r="AE258" s="41"/>
      <c r="AF258" s="41"/>
      <c r="AG258" s="41"/>
      <c r="AH258" s="41"/>
      <c r="AI258" s="41"/>
      <c r="AJ258" s="41"/>
      <c r="AK258" s="41"/>
      <c r="AL258" s="41"/>
      <c r="AM258" s="41"/>
      <c r="AN258" s="41"/>
      <c r="AO258" s="41"/>
      <c r="AP258" s="41"/>
      <c r="AQ258" s="41"/>
      <c r="AR258" s="41"/>
      <c r="AS258" s="41"/>
      <c r="AT258" s="41"/>
      <c r="AU258" s="41"/>
      <c r="AV258" s="41"/>
      <c r="AW258" s="41"/>
      <c r="AX258" s="41"/>
      <c r="AY258" s="41"/>
      <c r="AZ258" s="41"/>
      <c r="BA258" s="41"/>
      <c r="BB258" s="41"/>
      <c r="BC258" s="41"/>
      <c r="BD258" s="41"/>
    </row>
    <row r="259" spans="1:56" s="42" customFormat="1" ht="69.900000000000006" customHeight="1">
      <c r="A259" s="318" t="s">
        <v>85</v>
      </c>
      <c r="B259" s="319"/>
      <c r="C259" s="319"/>
      <c r="D259" s="319"/>
      <c r="E259" s="319"/>
      <c r="F259" s="319"/>
      <c r="G259" s="319"/>
      <c r="H259" s="319"/>
      <c r="I259" s="319"/>
      <c r="J259" s="319"/>
      <c r="K259" s="319"/>
      <c r="L259" s="319"/>
      <c r="M259" s="319"/>
      <c r="N259" s="319"/>
      <c r="O259" s="319"/>
      <c r="P259" s="320"/>
      <c r="Q259" s="134"/>
      <c r="R259" s="133"/>
      <c r="S259" s="39"/>
      <c r="T259" s="159"/>
      <c r="U259" s="41"/>
      <c r="V259" s="41"/>
      <c r="W259" s="41"/>
      <c r="X259" s="41"/>
      <c r="Y259" s="41"/>
      <c r="Z259" s="41"/>
      <c r="AA259" s="41"/>
      <c r="AB259" s="41"/>
      <c r="AC259" s="41"/>
      <c r="AD259" s="41"/>
      <c r="AE259" s="41"/>
      <c r="AF259" s="41"/>
      <c r="AG259" s="41"/>
      <c r="AH259" s="41"/>
      <c r="AI259" s="41"/>
      <c r="AJ259" s="41"/>
      <c r="AK259" s="41"/>
      <c r="AL259" s="41"/>
      <c r="AM259" s="41"/>
      <c r="AN259" s="41"/>
      <c r="AO259" s="41"/>
      <c r="AP259" s="41"/>
      <c r="AQ259" s="41"/>
      <c r="AR259" s="41"/>
      <c r="AS259" s="41"/>
      <c r="AT259" s="41"/>
      <c r="AU259" s="41"/>
      <c r="AV259" s="41"/>
      <c r="AW259" s="41"/>
      <c r="AX259" s="41"/>
      <c r="AY259" s="41"/>
      <c r="AZ259" s="41"/>
      <c r="BA259" s="41"/>
      <c r="BB259" s="41"/>
      <c r="BC259" s="41"/>
      <c r="BD259" s="41"/>
    </row>
    <row r="260" spans="1:56" s="6" customFormat="1" ht="69.900000000000006" customHeight="1">
      <c r="A260" s="221" t="s">
        <v>25</v>
      </c>
      <c r="B260" s="223"/>
      <c r="C260" s="223"/>
      <c r="D260" s="223"/>
      <c r="E260" s="223"/>
      <c r="F260" s="223"/>
      <c r="G260" s="223"/>
      <c r="H260" s="223"/>
      <c r="I260" s="223"/>
      <c r="J260" s="223"/>
      <c r="K260" s="223"/>
      <c r="L260" s="223"/>
      <c r="M260" s="223"/>
      <c r="N260" s="223"/>
      <c r="O260" s="223"/>
      <c r="P260" s="343"/>
      <c r="Q260" s="155"/>
      <c r="R260" s="13"/>
      <c r="S260" s="157"/>
      <c r="T260" s="156"/>
    </row>
    <row r="261" spans="1:56" s="14" customFormat="1" ht="75" customHeight="1">
      <c r="A261" s="225"/>
      <c r="B261" s="226"/>
      <c r="C261" s="226"/>
      <c r="D261" s="226"/>
      <c r="E261" s="226"/>
      <c r="F261" s="226"/>
      <c r="G261" s="226"/>
      <c r="H261" s="226"/>
      <c r="I261" s="226"/>
      <c r="J261" s="226"/>
      <c r="K261" s="226"/>
      <c r="L261" s="227"/>
      <c r="M261" s="226"/>
      <c r="N261" s="226"/>
      <c r="O261" s="226"/>
      <c r="P261" s="228"/>
      <c r="Q261" s="129"/>
      <c r="R261" s="13"/>
      <c r="S261" s="17"/>
      <c r="T261" s="156"/>
    </row>
    <row r="262" spans="1:56" s="14" customFormat="1" ht="75" customHeight="1" thickBot="1">
      <c r="A262" s="229"/>
      <c r="B262" s="230"/>
      <c r="C262" s="230"/>
      <c r="D262" s="230"/>
      <c r="E262" s="230"/>
      <c r="F262" s="230"/>
      <c r="G262" s="230"/>
      <c r="H262" s="230"/>
      <c r="I262" s="230"/>
      <c r="J262" s="230"/>
      <c r="K262" s="230"/>
      <c r="L262" s="231"/>
      <c r="M262" s="230"/>
      <c r="N262" s="230"/>
      <c r="O262" s="230"/>
      <c r="P262" s="232"/>
      <c r="Q262" s="129"/>
      <c r="R262" s="13"/>
      <c r="S262" s="17"/>
      <c r="T262" s="156"/>
    </row>
    <row r="263" spans="1:56" s="6" customFormat="1" ht="69.900000000000006" customHeight="1" thickBot="1">
      <c r="A263" s="245" t="s">
        <v>172</v>
      </c>
      <c r="B263" s="247"/>
      <c r="C263" s="247"/>
      <c r="D263" s="247"/>
      <c r="E263" s="247"/>
      <c r="F263" s="247"/>
      <c r="G263" s="247"/>
      <c r="H263" s="247"/>
      <c r="I263" s="247"/>
      <c r="J263" s="247"/>
      <c r="K263" s="247"/>
      <c r="L263" s="247"/>
      <c r="M263" s="247"/>
      <c r="N263" s="247"/>
      <c r="O263" s="247"/>
      <c r="P263" s="334"/>
      <c r="Q263" s="129"/>
      <c r="R263" s="13"/>
      <c r="S263" s="22"/>
      <c r="T263" s="50"/>
      <c r="U263" s="20"/>
      <c r="V263" s="20"/>
      <c r="W263" s="20"/>
      <c r="X263" s="21"/>
      <c r="Y263" s="21"/>
      <c r="Z263" s="21"/>
      <c r="AA263" s="21"/>
      <c r="AB263" s="21"/>
      <c r="AC263" s="21"/>
      <c r="AD263" s="21"/>
      <c r="AE263" s="21"/>
      <c r="AF263" s="21"/>
      <c r="AG263" s="21"/>
      <c r="AH263" s="21"/>
      <c r="AI263" s="21"/>
      <c r="AJ263" s="21"/>
      <c r="AK263" s="21"/>
      <c r="AL263" s="21"/>
      <c r="AM263" s="21"/>
      <c r="AN263" s="20"/>
      <c r="AO263" s="20"/>
      <c r="AP263" s="20"/>
      <c r="AQ263" s="20"/>
      <c r="AR263" s="20"/>
      <c r="AS263" s="20"/>
      <c r="AT263" s="20"/>
      <c r="AU263" s="20"/>
      <c r="AV263" s="20"/>
      <c r="AW263" s="20"/>
      <c r="AX263" s="20"/>
      <c r="AY263" s="20"/>
      <c r="AZ263" s="20"/>
      <c r="BA263" s="20"/>
      <c r="BB263" s="20"/>
      <c r="BC263" s="20"/>
      <c r="BD263" s="20"/>
    </row>
    <row r="264" spans="1:56" s="14" customFormat="1" ht="132" customHeight="1" thickTop="1" thickBot="1">
      <c r="A264" s="212" t="s">
        <v>173</v>
      </c>
      <c r="B264" s="214"/>
      <c r="C264" s="214"/>
      <c r="D264" s="214"/>
      <c r="E264" s="214"/>
      <c r="F264" s="214"/>
      <c r="G264" s="214"/>
      <c r="H264" s="214"/>
      <c r="I264" s="214"/>
      <c r="J264" s="214"/>
      <c r="K264" s="214"/>
      <c r="L264" s="214"/>
      <c r="M264" s="214"/>
      <c r="N264" s="370"/>
      <c r="O264" s="11" t="s">
        <v>20</v>
      </c>
      <c r="P264" s="12" t="s">
        <v>21</v>
      </c>
      <c r="Q264" s="129"/>
      <c r="R264" s="13"/>
      <c r="S264" s="130"/>
      <c r="T264" s="50"/>
      <c r="U264" s="21"/>
      <c r="V264" s="21"/>
      <c r="W264" s="21"/>
      <c r="X264" s="20"/>
      <c r="Y264" s="20"/>
      <c r="Z264" s="20"/>
      <c r="AA264" s="20"/>
      <c r="AB264" s="20"/>
      <c r="AC264" s="20"/>
      <c r="AD264" s="20"/>
      <c r="AE264" s="20"/>
      <c r="AF264" s="20"/>
      <c r="AG264" s="20"/>
      <c r="AH264" s="20"/>
      <c r="AI264" s="20"/>
      <c r="AJ264" s="20"/>
      <c r="AK264" s="20"/>
      <c r="AL264" s="20"/>
      <c r="AM264" s="20"/>
      <c r="AN264" s="21"/>
      <c r="AO264" s="21"/>
      <c r="AP264" s="21"/>
      <c r="AQ264" s="21"/>
      <c r="AR264" s="21"/>
      <c r="AS264" s="21"/>
      <c r="AT264" s="21"/>
      <c r="AU264" s="21"/>
      <c r="AV264" s="21"/>
      <c r="AW264" s="21"/>
      <c r="AX264" s="21"/>
      <c r="AY264" s="21"/>
      <c r="AZ264" s="21"/>
      <c r="BA264" s="21"/>
      <c r="BB264" s="21"/>
      <c r="BC264" s="21"/>
      <c r="BD264" s="21"/>
    </row>
    <row r="265" spans="1:56" s="14" customFormat="1" ht="132" customHeight="1" thickTop="1" thickBot="1">
      <c r="A265" s="218" t="s">
        <v>174</v>
      </c>
      <c r="B265" s="220"/>
      <c r="C265" s="220"/>
      <c r="D265" s="220"/>
      <c r="E265" s="220"/>
      <c r="F265" s="220"/>
      <c r="G265" s="220"/>
      <c r="H265" s="220"/>
      <c r="I265" s="220"/>
      <c r="J265" s="220"/>
      <c r="K265" s="220"/>
      <c r="L265" s="220"/>
      <c r="M265" s="220"/>
      <c r="N265" s="371"/>
      <c r="O265" s="16" t="s">
        <v>20</v>
      </c>
      <c r="P265" s="132" t="s">
        <v>21</v>
      </c>
      <c r="Q265" s="129"/>
      <c r="R265" s="13"/>
      <c r="S265" s="130"/>
      <c r="T265" s="50"/>
      <c r="U265" s="21"/>
      <c r="V265" s="21"/>
      <c r="W265" s="21"/>
      <c r="X265" s="20"/>
      <c r="Y265" s="20"/>
      <c r="Z265" s="20"/>
      <c r="AA265" s="20"/>
      <c r="AB265" s="20"/>
      <c r="AC265" s="20"/>
      <c r="AD265" s="20"/>
      <c r="AE265" s="20"/>
      <c r="AF265" s="20"/>
      <c r="AG265" s="20"/>
      <c r="AH265" s="20"/>
      <c r="AI265" s="20"/>
      <c r="AJ265" s="20"/>
      <c r="AK265" s="20"/>
      <c r="AL265" s="20"/>
      <c r="AM265" s="20"/>
      <c r="AN265" s="21"/>
      <c r="AO265" s="21"/>
      <c r="AP265" s="21"/>
      <c r="AQ265" s="21"/>
      <c r="AR265" s="21"/>
      <c r="AS265" s="21"/>
      <c r="AT265" s="21"/>
      <c r="AU265" s="21"/>
      <c r="AV265" s="21"/>
      <c r="AW265" s="21"/>
      <c r="AX265" s="21"/>
      <c r="AY265" s="21"/>
      <c r="AZ265" s="21"/>
      <c r="BA265" s="21"/>
      <c r="BB265" s="21"/>
      <c r="BC265" s="21"/>
      <c r="BD265" s="21"/>
    </row>
    <row r="266" spans="1:56" s="6" customFormat="1" ht="69.900000000000006" customHeight="1" thickTop="1">
      <c r="A266" s="221" t="s">
        <v>25</v>
      </c>
      <c r="B266" s="223"/>
      <c r="C266" s="223"/>
      <c r="D266" s="223"/>
      <c r="E266" s="223"/>
      <c r="F266" s="223"/>
      <c r="G266" s="223"/>
      <c r="H266" s="223"/>
      <c r="I266" s="223"/>
      <c r="J266" s="223"/>
      <c r="K266" s="223"/>
      <c r="L266" s="223"/>
      <c r="M266" s="223"/>
      <c r="N266" s="223"/>
      <c r="O266" s="223"/>
      <c r="P266" s="343"/>
      <c r="Q266" s="155"/>
      <c r="R266" s="13"/>
      <c r="S266" s="157"/>
      <c r="T266" s="156"/>
    </row>
    <row r="267" spans="1:56" s="14" customFormat="1" ht="75" customHeight="1">
      <c r="A267" s="225"/>
      <c r="B267" s="226"/>
      <c r="C267" s="226"/>
      <c r="D267" s="226"/>
      <c r="E267" s="226"/>
      <c r="F267" s="226"/>
      <c r="G267" s="226"/>
      <c r="H267" s="226"/>
      <c r="I267" s="226"/>
      <c r="J267" s="226"/>
      <c r="K267" s="226"/>
      <c r="L267" s="227"/>
      <c r="M267" s="226"/>
      <c r="N267" s="226"/>
      <c r="O267" s="226"/>
      <c r="P267" s="228"/>
      <c r="Q267" s="129"/>
      <c r="R267" s="13"/>
      <c r="S267" s="17"/>
      <c r="T267" s="156"/>
    </row>
    <row r="268" spans="1:56" s="14" customFormat="1" ht="75" customHeight="1" thickBot="1">
      <c r="A268" s="229"/>
      <c r="B268" s="230"/>
      <c r="C268" s="230"/>
      <c r="D268" s="230"/>
      <c r="E268" s="230"/>
      <c r="F268" s="230"/>
      <c r="G268" s="230"/>
      <c r="H268" s="230"/>
      <c r="I268" s="230"/>
      <c r="J268" s="230"/>
      <c r="K268" s="230"/>
      <c r="L268" s="231"/>
      <c r="M268" s="230"/>
      <c r="N268" s="230"/>
      <c r="O268" s="230"/>
      <c r="P268" s="232"/>
      <c r="Q268" s="129"/>
      <c r="R268" s="13"/>
      <c r="S268" s="207"/>
      <c r="T268" s="156"/>
    </row>
    <row r="269" spans="1:56" s="6" customFormat="1" ht="69.900000000000006" customHeight="1" thickBot="1">
      <c r="A269" s="245" t="s">
        <v>175</v>
      </c>
      <c r="B269" s="247"/>
      <c r="C269" s="247"/>
      <c r="D269" s="247"/>
      <c r="E269" s="247"/>
      <c r="F269" s="247"/>
      <c r="G269" s="247"/>
      <c r="H269" s="247"/>
      <c r="I269" s="247"/>
      <c r="J269" s="247"/>
      <c r="K269" s="247"/>
      <c r="L269" s="247"/>
      <c r="M269" s="247"/>
      <c r="N269" s="247"/>
      <c r="O269" s="247"/>
      <c r="P269" s="334"/>
      <c r="Q269" s="129"/>
      <c r="R269" s="13"/>
      <c r="S269" s="206" t="s">
        <v>176</v>
      </c>
      <c r="T269" s="50"/>
      <c r="U269" s="20"/>
      <c r="V269" s="20"/>
      <c r="W269" s="20"/>
      <c r="X269" s="21"/>
      <c r="Y269" s="21"/>
      <c r="Z269" s="21"/>
      <c r="AA269" s="21"/>
      <c r="AB269" s="21"/>
      <c r="AC269" s="21"/>
      <c r="AD269" s="21"/>
      <c r="AE269" s="21"/>
      <c r="AF269" s="21"/>
      <c r="AG269" s="21"/>
      <c r="AH269" s="21"/>
      <c r="AI269" s="21"/>
      <c r="AJ269" s="21"/>
      <c r="AK269" s="21"/>
      <c r="AL269" s="21"/>
      <c r="AM269" s="21"/>
      <c r="AN269" s="20"/>
      <c r="AO269" s="20"/>
      <c r="AP269" s="20"/>
      <c r="AQ269" s="20"/>
      <c r="AR269" s="20"/>
      <c r="AS269" s="20"/>
      <c r="AT269" s="20"/>
      <c r="AU269" s="20"/>
      <c r="AV269" s="20"/>
      <c r="AW269" s="20"/>
      <c r="AX269" s="20"/>
      <c r="AY269" s="20"/>
      <c r="AZ269" s="20"/>
      <c r="BA269" s="20"/>
      <c r="BB269" s="20"/>
      <c r="BC269" s="20"/>
      <c r="BD269" s="20"/>
    </row>
    <row r="270" spans="1:56" s="14" customFormat="1" ht="132" customHeight="1" thickTop="1" thickBot="1">
      <c r="A270" s="249" t="s">
        <v>177</v>
      </c>
      <c r="B270" s="251"/>
      <c r="C270" s="251"/>
      <c r="D270" s="251"/>
      <c r="E270" s="251"/>
      <c r="F270" s="251"/>
      <c r="G270" s="251"/>
      <c r="H270" s="251"/>
      <c r="I270" s="251"/>
      <c r="J270" s="251"/>
      <c r="K270" s="251"/>
      <c r="L270" s="251"/>
      <c r="M270" s="251"/>
      <c r="N270" s="335"/>
      <c r="O270" s="16" t="s">
        <v>20</v>
      </c>
      <c r="P270" s="132" t="s">
        <v>21</v>
      </c>
      <c r="Q270" s="129"/>
      <c r="R270" s="13"/>
      <c r="S270" s="130"/>
      <c r="T270" s="50"/>
      <c r="U270" s="21"/>
      <c r="V270" s="21"/>
      <c r="W270" s="21"/>
      <c r="X270" s="21"/>
      <c r="Y270" s="21"/>
      <c r="Z270" s="21"/>
      <c r="AA270" s="21"/>
      <c r="AB270" s="21"/>
      <c r="AC270" s="21"/>
      <c r="AD270" s="21"/>
      <c r="AE270" s="21"/>
      <c r="AF270" s="21"/>
      <c r="AG270" s="21"/>
      <c r="AH270" s="21"/>
      <c r="AI270" s="21"/>
      <c r="AJ270" s="21"/>
      <c r="AK270" s="21"/>
      <c r="AL270" s="21"/>
      <c r="AM270" s="21"/>
      <c r="AN270" s="21"/>
      <c r="AO270" s="21"/>
      <c r="AP270" s="21"/>
      <c r="AQ270" s="21"/>
      <c r="AR270" s="21"/>
      <c r="AS270" s="21"/>
      <c r="AT270" s="21"/>
      <c r="AU270" s="21"/>
      <c r="AV270" s="21"/>
      <c r="AW270" s="21"/>
      <c r="AX270" s="21"/>
      <c r="AY270" s="21"/>
      <c r="AZ270" s="21"/>
      <c r="BA270" s="21"/>
      <c r="BB270" s="21"/>
      <c r="BC270" s="21"/>
      <c r="BD270" s="21"/>
    </row>
    <row r="271" spans="1:56" s="6" customFormat="1" ht="69.900000000000006" customHeight="1" thickTop="1">
      <c r="A271" s="221" t="s">
        <v>25</v>
      </c>
      <c r="B271" s="223"/>
      <c r="C271" s="223"/>
      <c r="D271" s="223"/>
      <c r="E271" s="223"/>
      <c r="F271" s="223"/>
      <c r="G271" s="223"/>
      <c r="H271" s="223"/>
      <c r="I271" s="223"/>
      <c r="J271" s="223"/>
      <c r="K271" s="223"/>
      <c r="L271" s="223"/>
      <c r="M271" s="223"/>
      <c r="N271" s="223"/>
      <c r="O271" s="223"/>
      <c r="P271" s="343"/>
      <c r="Q271" s="155"/>
      <c r="R271" s="13"/>
      <c r="S271" s="157"/>
      <c r="T271" s="156"/>
    </row>
    <row r="272" spans="1:56" s="14" customFormat="1" ht="75" customHeight="1">
      <c r="A272" s="225"/>
      <c r="B272" s="226"/>
      <c r="C272" s="226"/>
      <c r="D272" s="226"/>
      <c r="E272" s="226"/>
      <c r="F272" s="226"/>
      <c r="G272" s="226"/>
      <c r="H272" s="226"/>
      <c r="I272" s="226"/>
      <c r="J272" s="226"/>
      <c r="K272" s="226"/>
      <c r="L272" s="227"/>
      <c r="M272" s="226"/>
      <c r="N272" s="226"/>
      <c r="O272" s="226"/>
      <c r="P272" s="228"/>
      <c r="Q272" s="129"/>
      <c r="R272" s="13"/>
      <c r="S272" s="17"/>
      <c r="T272" s="156"/>
    </row>
    <row r="273" spans="1:56" s="14" customFormat="1" ht="75" customHeight="1" thickBot="1">
      <c r="A273" s="229"/>
      <c r="B273" s="230"/>
      <c r="C273" s="230"/>
      <c r="D273" s="230"/>
      <c r="E273" s="230"/>
      <c r="F273" s="230"/>
      <c r="G273" s="230"/>
      <c r="H273" s="230"/>
      <c r="I273" s="230"/>
      <c r="J273" s="230"/>
      <c r="K273" s="230"/>
      <c r="L273" s="231"/>
      <c r="M273" s="230"/>
      <c r="N273" s="230"/>
      <c r="O273" s="230"/>
      <c r="P273" s="232"/>
      <c r="Q273" s="129"/>
      <c r="R273" s="13"/>
      <c r="S273" s="17"/>
      <c r="T273" s="156"/>
    </row>
    <row r="274" spans="1:56" s="6" customFormat="1" ht="69.900000000000006" customHeight="1" thickBot="1">
      <c r="A274" s="245" t="s">
        <v>178</v>
      </c>
      <c r="B274" s="247"/>
      <c r="C274" s="247"/>
      <c r="D274" s="247"/>
      <c r="E274" s="247"/>
      <c r="F274" s="247"/>
      <c r="G274" s="247"/>
      <c r="H274" s="247"/>
      <c r="I274" s="247"/>
      <c r="J274" s="247"/>
      <c r="K274" s="247"/>
      <c r="L274" s="247"/>
      <c r="M274" s="247"/>
      <c r="N274" s="247"/>
      <c r="O274" s="247"/>
      <c r="P274" s="334"/>
      <c r="Q274" s="129"/>
      <c r="R274" s="13"/>
      <c r="S274" s="22"/>
      <c r="T274" s="50"/>
      <c r="U274" s="20"/>
      <c r="V274" s="20"/>
      <c r="W274" s="20"/>
      <c r="X274" s="20"/>
      <c r="Y274" s="20"/>
      <c r="Z274" s="20"/>
      <c r="AA274" s="20"/>
      <c r="AB274" s="20"/>
      <c r="AC274" s="20"/>
      <c r="AD274" s="20"/>
      <c r="AE274" s="20"/>
      <c r="AF274" s="20"/>
      <c r="AG274" s="20"/>
      <c r="AH274" s="20"/>
      <c r="AI274" s="20"/>
      <c r="AJ274" s="20"/>
      <c r="AK274" s="20"/>
      <c r="AL274" s="20"/>
      <c r="AM274" s="20"/>
      <c r="AN274" s="20"/>
      <c r="AO274" s="20"/>
      <c r="AP274" s="20"/>
      <c r="AQ274" s="20"/>
      <c r="AR274" s="20"/>
      <c r="AS274" s="20"/>
      <c r="AT274" s="20"/>
      <c r="AU274" s="20"/>
      <c r="AV274" s="20"/>
      <c r="AW274" s="20"/>
      <c r="AX274" s="20"/>
      <c r="AY274" s="20"/>
      <c r="AZ274" s="20"/>
      <c r="BA274" s="20"/>
      <c r="BB274" s="20"/>
      <c r="BC274" s="20"/>
      <c r="BD274" s="20"/>
    </row>
    <row r="275" spans="1:56" s="14" customFormat="1" ht="132" customHeight="1" thickTop="1" thickBot="1">
      <c r="A275" s="249" t="s">
        <v>179</v>
      </c>
      <c r="B275" s="251"/>
      <c r="C275" s="251"/>
      <c r="D275" s="251"/>
      <c r="E275" s="251"/>
      <c r="F275" s="251"/>
      <c r="G275" s="251"/>
      <c r="H275" s="251"/>
      <c r="I275" s="251"/>
      <c r="J275" s="251"/>
      <c r="K275" s="251"/>
      <c r="L275" s="251"/>
      <c r="M275" s="251"/>
      <c r="N275" s="335"/>
      <c r="O275" s="16" t="s">
        <v>20</v>
      </c>
      <c r="P275" s="132" t="s">
        <v>21</v>
      </c>
      <c r="Q275" s="129"/>
      <c r="R275" s="13"/>
      <c r="S275" s="130"/>
      <c r="T275" s="50"/>
      <c r="U275" s="21"/>
      <c r="V275" s="21"/>
      <c r="W275" s="21"/>
      <c r="X275" s="21"/>
      <c r="Y275" s="21"/>
      <c r="Z275" s="21"/>
      <c r="AA275" s="21"/>
      <c r="AB275" s="21"/>
      <c r="AC275" s="21"/>
      <c r="AD275" s="21"/>
      <c r="AE275" s="21"/>
      <c r="AF275" s="21"/>
      <c r="AG275" s="21"/>
      <c r="AH275" s="21"/>
      <c r="AI275" s="21"/>
      <c r="AJ275" s="21"/>
      <c r="AK275" s="21"/>
      <c r="AL275" s="21"/>
      <c r="AM275" s="21"/>
      <c r="AN275" s="21"/>
      <c r="AO275" s="21"/>
      <c r="AP275" s="21"/>
      <c r="AQ275" s="21"/>
      <c r="AR275" s="21"/>
      <c r="AS275" s="21"/>
      <c r="AT275" s="21"/>
      <c r="AU275" s="21"/>
      <c r="AV275" s="21"/>
      <c r="AW275" s="21"/>
      <c r="AX275" s="21"/>
      <c r="AY275" s="21"/>
      <c r="AZ275" s="21"/>
      <c r="BA275" s="21"/>
      <c r="BB275" s="21"/>
      <c r="BC275" s="21"/>
      <c r="BD275" s="21"/>
    </row>
    <row r="276" spans="1:56" s="6" customFormat="1" ht="69.900000000000006" customHeight="1" thickTop="1">
      <c r="A276" s="221" t="s">
        <v>25</v>
      </c>
      <c r="B276" s="223"/>
      <c r="C276" s="223"/>
      <c r="D276" s="223"/>
      <c r="E276" s="223"/>
      <c r="F276" s="223"/>
      <c r="G276" s="223"/>
      <c r="H276" s="223"/>
      <c r="I276" s="223"/>
      <c r="J276" s="223"/>
      <c r="K276" s="223"/>
      <c r="L276" s="223"/>
      <c r="M276" s="223"/>
      <c r="N276" s="223"/>
      <c r="O276" s="223"/>
      <c r="P276" s="343"/>
      <c r="Q276" s="155"/>
      <c r="R276" s="13"/>
      <c r="S276" s="157"/>
      <c r="T276" s="156"/>
    </row>
    <row r="277" spans="1:56" s="14" customFormat="1" ht="75" customHeight="1">
      <c r="A277" s="225"/>
      <c r="B277" s="226"/>
      <c r="C277" s="226"/>
      <c r="D277" s="226"/>
      <c r="E277" s="226"/>
      <c r="F277" s="226"/>
      <c r="G277" s="226"/>
      <c r="H277" s="226"/>
      <c r="I277" s="226"/>
      <c r="J277" s="226"/>
      <c r="K277" s="226"/>
      <c r="L277" s="227"/>
      <c r="M277" s="226"/>
      <c r="N277" s="226"/>
      <c r="O277" s="226"/>
      <c r="P277" s="228"/>
      <c r="Q277" s="129"/>
      <c r="R277" s="13"/>
      <c r="S277" s="17"/>
      <c r="T277" s="156"/>
    </row>
    <row r="278" spans="1:56" s="14" customFormat="1" ht="75" customHeight="1" thickBot="1">
      <c r="A278" s="229"/>
      <c r="B278" s="230"/>
      <c r="C278" s="230"/>
      <c r="D278" s="230"/>
      <c r="E278" s="230"/>
      <c r="F278" s="230"/>
      <c r="G278" s="230"/>
      <c r="H278" s="230"/>
      <c r="I278" s="230"/>
      <c r="J278" s="230"/>
      <c r="K278" s="230"/>
      <c r="L278" s="231"/>
      <c r="M278" s="230"/>
      <c r="N278" s="230"/>
      <c r="O278" s="230"/>
      <c r="P278" s="232"/>
      <c r="Q278" s="129"/>
      <c r="R278" s="13"/>
      <c r="S278" s="17"/>
      <c r="T278" s="156"/>
    </row>
    <row r="279" spans="1:56" s="6" customFormat="1" ht="69.900000000000006" customHeight="1" thickBot="1">
      <c r="A279" s="328" t="s">
        <v>180</v>
      </c>
      <c r="B279" s="329"/>
      <c r="C279" s="329"/>
      <c r="D279" s="329"/>
      <c r="E279" s="329"/>
      <c r="F279" s="329"/>
      <c r="G279" s="329"/>
      <c r="H279" s="329"/>
      <c r="I279" s="329"/>
      <c r="J279" s="329"/>
      <c r="K279" s="329"/>
      <c r="L279" s="329"/>
      <c r="M279" s="329"/>
      <c r="N279" s="329"/>
      <c r="O279" s="329"/>
      <c r="P279" s="330"/>
      <c r="Q279" s="155"/>
      <c r="R279" s="13"/>
      <c r="S279" s="22"/>
      <c r="T279" s="50"/>
      <c r="U279" s="20"/>
      <c r="V279" s="20"/>
      <c r="W279" s="20"/>
      <c r="X279" s="21"/>
      <c r="Y279" s="21"/>
      <c r="Z279" s="21"/>
      <c r="AA279" s="21"/>
      <c r="AB279" s="21"/>
      <c r="AC279" s="21"/>
      <c r="AD279" s="21"/>
      <c r="AE279" s="21"/>
      <c r="AF279" s="21"/>
      <c r="AG279" s="21"/>
      <c r="AH279" s="21"/>
      <c r="AI279" s="21"/>
      <c r="AJ279" s="21"/>
      <c r="AK279" s="21"/>
      <c r="AL279" s="21"/>
      <c r="AM279" s="21"/>
      <c r="AN279" s="20"/>
      <c r="AO279" s="20"/>
      <c r="AP279" s="20"/>
      <c r="AQ279" s="20"/>
      <c r="AR279" s="20"/>
      <c r="AS279" s="20"/>
      <c r="AT279" s="20"/>
      <c r="AU279" s="20"/>
      <c r="AV279" s="20"/>
      <c r="AW279" s="20"/>
      <c r="AX279" s="20"/>
      <c r="AY279" s="20"/>
      <c r="AZ279" s="20"/>
      <c r="BA279" s="20"/>
      <c r="BB279" s="20"/>
      <c r="BC279" s="20"/>
      <c r="BD279" s="20"/>
    </row>
    <row r="280" spans="1:56" s="6" customFormat="1" ht="69.900000000000006" customHeight="1" thickBot="1">
      <c r="A280" s="245" t="s">
        <v>181</v>
      </c>
      <c r="B280" s="247"/>
      <c r="C280" s="247"/>
      <c r="D280" s="247"/>
      <c r="E280" s="247"/>
      <c r="F280" s="247"/>
      <c r="G280" s="247"/>
      <c r="H280" s="247"/>
      <c r="I280" s="247"/>
      <c r="J280" s="247"/>
      <c r="K280" s="247"/>
      <c r="L280" s="247"/>
      <c r="M280" s="247"/>
      <c r="N280" s="247"/>
      <c r="O280" s="247"/>
      <c r="P280" s="334"/>
      <c r="Q280" s="129"/>
      <c r="R280" s="13"/>
      <c r="S280" s="22"/>
      <c r="T280" s="50"/>
      <c r="U280" s="20"/>
      <c r="V280" s="20"/>
      <c r="W280" s="20"/>
      <c r="X280" s="20"/>
      <c r="Y280" s="20"/>
      <c r="Z280" s="20"/>
      <c r="AA280" s="20"/>
      <c r="AB280" s="20"/>
      <c r="AC280" s="20"/>
      <c r="AD280" s="20"/>
      <c r="AE280" s="20"/>
      <c r="AF280" s="20"/>
      <c r="AG280" s="20"/>
      <c r="AH280" s="20"/>
      <c r="AI280" s="20"/>
      <c r="AJ280" s="20"/>
      <c r="AK280" s="20"/>
      <c r="AL280" s="20"/>
      <c r="AM280" s="20"/>
      <c r="AN280" s="20"/>
      <c r="AO280" s="20"/>
      <c r="AP280" s="20"/>
      <c r="AQ280" s="20"/>
      <c r="AR280" s="20"/>
      <c r="AS280" s="20"/>
      <c r="AT280" s="20"/>
      <c r="AU280" s="20"/>
      <c r="AV280" s="20"/>
      <c r="AW280" s="20"/>
      <c r="AX280" s="20"/>
      <c r="AY280" s="20"/>
      <c r="AZ280" s="20"/>
      <c r="BA280" s="20"/>
      <c r="BB280" s="20"/>
      <c r="BC280" s="20"/>
      <c r="BD280" s="20"/>
    </row>
    <row r="281" spans="1:56" s="14" customFormat="1" ht="199.95" customHeight="1" thickTop="1" thickBot="1">
      <c r="A281" s="249" t="s">
        <v>182</v>
      </c>
      <c r="B281" s="251"/>
      <c r="C281" s="251"/>
      <c r="D281" s="251"/>
      <c r="E281" s="251"/>
      <c r="F281" s="251"/>
      <c r="G281" s="251"/>
      <c r="H281" s="251"/>
      <c r="I281" s="251"/>
      <c r="J281" s="251"/>
      <c r="K281" s="251"/>
      <c r="L281" s="251"/>
      <c r="M281" s="251"/>
      <c r="N281" s="335"/>
      <c r="O281" s="16" t="s">
        <v>20</v>
      </c>
      <c r="P281" s="132" t="s">
        <v>21</v>
      </c>
      <c r="Q281" s="129"/>
      <c r="R281" s="13"/>
      <c r="S281" s="130"/>
      <c r="T281" s="50"/>
      <c r="U281" s="21"/>
      <c r="V281" s="21"/>
      <c r="W281" s="21"/>
      <c r="X281" s="20"/>
      <c r="Y281" s="20"/>
      <c r="Z281" s="20"/>
      <c r="AA281" s="20"/>
      <c r="AB281" s="20"/>
      <c r="AC281" s="20"/>
      <c r="AD281" s="20"/>
      <c r="AE281" s="20"/>
      <c r="AF281" s="20"/>
      <c r="AG281" s="20"/>
      <c r="AH281" s="20"/>
      <c r="AI281" s="20"/>
      <c r="AJ281" s="20"/>
      <c r="AK281" s="20"/>
      <c r="AL281" s="20"/>
      <c r="AM281" s="20"/>
      <c r="AN281" s="21"/>
      <c r="AO281" s="21"/>
      <c r="AP281" s="21"/>
      <c r="AQ281" s="21"/>
      <c r="AR281" s="21"/>
      <c r="AS281" s="21"/>
      <c r="AT281" s="21"/>
      <c r="AU281" s="21"/>
      <c r="AV281" s="21"/>
      <c r="AW281" s="21"/>
      <c r="AX281" s="21"/>
      <c r="AY281" s="21"/>
      <c r="AZ281" s="21"/>
      <c r="BA281" s="21"/>
      <c r="BB281" s="21"/>
      <c r="BC281" s="21"/>
      <c r="BD281" s="21"/>
    </row>
    <row r="282" spans="1:56" s="6" customFormat="1" ht="69.900000000000006" customHeight="1" thickTop="1">
      <c r="A282" s="270" t="s">
        <v>183</v>
      </c>
      <c r="B282" s="272"/>
      <c r="C282" s="272"/>
      <c r="D282" s="272"/>
      <c r="E282" s="272"/>
      <c r="F282" s="272"/>
      <c r="G282" s="272"/>
      <c r="H282" s="272"/>
      <c r="I282" s="272"/>
      <c r="J282" s="272"/>
      <c r="K282" s="272"/>
      <c r="L282" s="272"/>
      <c r="M282" s="272"/>
      <c r="N282" s="272"/>
      <c r="O282" s="272"/>
      <c r="P282" s="342"/>
      <c r="Q282" s="155"/>
      <c r="R282" s="13"/>
      <c r="S282" s="157"/>
      <c r="T282" s="156"/>
    </row>
    <row r="283" spans="1:56" s="6" customFormat="1" ht="69.900000000000006" customHeight="1">
      <c r="A283" s="274" t="s">
        <v>90</v>
      </c>
      <c r="B283" s="275"/>
      <c r="C283" s="275"/>
      <c r="D283" s="275"/>
      <c r="E283" s="275"/>
      <c r="F283" s="275"/>
      <c r="G283" s="275"/>
      <c r="H283" s="275"/>
      <c r="I283" s="275"/>
      <c r="J283" s="275"/>
      <c r="K283" s="275"/>
      <c r="L283" s="275"/>
      <c r="M283" s="275"/>
      <c r="N283" s="275"/>
      <c r="O283" s="275"/>
      <c r="P283" s="276"/>
      <c r="Q283" s="155"/>
      <c r="R283" s="13"/>
      <c r="S283" s="157"/>
      <c r="T283" s="156"/>
    </row>
    <row r="284" spans="1:56" s="42" customFormat="1" ht="69.900000000000006" customHeight="1">
      <c r="A284" s="315" t="s">
        <v>184</v>
      </c>
      <c r="B284" s="316"/>
      <c r="C284" s="316"/>
      <c r="D284" s="316"/>
      <c r="E284" s="316"/>
      <c r="F284" s="316"/>
      <c r="G284" s="316"/>
      <c r="H284" s="316"/>
      <c r="I284" s="316"/>
      <c r="J284" s="316"/>
      <c r="K284" s="316"/>
      <c r="L284" s="316"/>
      <c r="M284" s="316"/>
      <c r="N284" s="316"/>
      <c r="O284" s="316"/>
      <c r="P284" s="317"/>
      <c r="Q284" s="134"/>
      <c r="R284" s="133"/>
      <c r="S284" s="39"/>
      <c r="T284" s="159"/>
      <c r="U284" s="41"/>
      <c r="V284" s="41"/>
      <c r="W284" s="41"/>
      <c r="X284" s="41"/>
      <c r="Y284" s="41"/>
      <c r="Z284" s="41"/>
      <c r="AA284" s="41"/>
      <c r="AB284" s="41"/>
      <c r="AC284" s="41"/>
      <c r="AD284" s="41"/>
      <c r="AE284" s="41"/>
      <c r="AF284" s="41"/>
      <c r="AG284" s="41"/>
      <c r="AH284" s="41"/>
      <c r="AI284" s="41"/>
      <c r="AJ284" s="41"/>
      <c r="AK284" s="41"/>
      <c r="AL284" s="41"/>
      <c r="AM284" s="41"/>
      <c r="AN284" s="41"/>
      <c r="AO284" s="41"/>
      <c r="AP284" s="41"/>
      <c r="AQ284" s="41"/>
      <c r="AR284" s="41"/>
      <c r="AS284" s="41"/>
      <c r="AT284" s="41"/>
      <c r="AU284" s="41"/>
      <c r="AV284" s="41"/>
      <c r="AW284" s="41"/>
      <c r="AX284" s="41"/>
      <c r="AY284" s="41"/>
      <c r="AZ284" s="41"/>
      <c r="BA284" s="41"/>
      <c r="BB284" s="41"/>
      <c r="BC284" s="41"/>
      <c r="BD284" s="41"/>
    </row>
    <row r="285" spans="1:56" s="42" customFormat="1" ht="69.900000000000006" customHeight="1">
      <c r="A285" s="318" t="s">
        <v>85</v>
      </c>
      <c r="B285" s="319"/>
      <c r="C285" s="319"/>
      <c r="D285" s="319"/>
      <c r="E285" s="319"/>
      <c r="F285" s="319"/>
      <c r="G285" s="319"/>
      <c r="H285" s="319"/>
      <c r="I285" s="319"/>
      <c r="J285" s="319"/>
      <c r="K285" s="319"/>
      <c r="L285" s="319"/>
      <c r="M285" s="319"/>
      <c r="N285" s="319"/>
      <c r="O285" s="319"/>
      <c r="P285" s="320"/>
      <c r="Q285" s="134"/>
      <c r="R285" s="133"/>
      <c r="S285" s="39"/>
      <c r="T285" s="159"/>
      <c r="U285" s="41"/>
      <c r="V285" s="41"/>
      <c r="W285" s="41"/>
      <c r="X285" s="41"/>
      <c r="Y285" s="41"/>
      <c r="Z285" s="41"/>
      <c r="AA285" s="41"/>
      <c r="AB285" s="41"/>
      <c r="AC285" s="41"/>
      <c r="AD285" s="41"/>
      <c r="AE285" s="41"/>
      <c r="AF285" s="41"/>
      <c r="AG285" s="41"/>
      <c r="AH285" s="41"/>
      <c r="AI285" s="41"/>
      <c r="AJ285" s="41"/>
      <c r="AK285" s="41"/>
      <c r="AL285" s="41"/>
      <c r="AM285" s="41"/>
      <c r="AN285" s="41"/>
      <c r="AO285" s="41"/>
      <c r="AP285" s="41"/>
      <c r="AQ285" s="41"/>
      <c r="AR285" s="41"/>
      <c r="AS285" s="41"/>
      <c r="AT285" s="41"/>
      <c r="AU285" s="41"/>
      <c r="AV285" s="41"/>
      <c r="AW285" s="41"/>
      <c r="AX285" s="41"/>
      <c r="AY285" s="41"/>
      <c r="AZ285" s="41"/>
      <c r="BA285" s="41"/>
      <c r="BB285" s="41"/>
      <c r="BC285" s="41"/>
      <c r="BD285" s="41"/>
    </row>
    <row r="286" spans="1:56" s="6" customFormat="1" ht="69.900000000000006" customHeight="1">
      <c r="A286" s="221" t="s">
        <v>25</v>
      </c>
      <c r="B286" s="223"/>
      <c r="C286" s="223"/>
      <c r="D286" s="223"/>
      <c r="E286" s="223"/>
      <c r="F286" s="223"/>
      <c r="G286" s="223"/>
      <c r="H286" s="223"/>
      <c r="I286" s="223"/>
      <c r="J286" s="223"/>
      <c r="K286" s="223"/>
      <c r="L286" s="223"/>
      <c r="M286" s="223"/>
      <c r="N286" s="223"/>
      <c r="O286" s="223"/>
      <c r="P286" s="343"/>
      <c r="Q286" s="155"/>
      <c r="R286" s="13"/>
      <c r="S286" s="157"/>
      <c r="T286" s="156"/>
    </row>
    <row r="287" spans="1:56" s="14" customFormat="1" ht="75" customHeight="1">
      <c r="A287" s="225"/>
      <c r="B287" s="226"/>
      <c r="C287" s="226"/>
      <c r="D287" s="226"/>
      <c r="E287" s="226"/>
      <c r="F287" s="226"/>
      <c r="G287" s="226"/>
      <c r="H287" s="226"/>
      <c r="I287" s="226"/>
      <c r="J287" s="226"/>
      <c r="K287" s="226"/>
      <c r="L287" s="227"/>
      <c r="M287" s="226"/>
      <c r="N287" s="226"/>
      <c r="O287" s="226"/>
      <c r="P287" s="228"/>
      <c r="Q287" s="129"/>
      <c r="R287" s="13"/>
      <c r="S287" s="17"/>
      <c r="T287" s="156"/>
    </row>
    <row r="288" spans="1:56" s="14" customFormat="1" ht="75" customHeight="1" thickBot="1">
      <c r="A288" s="229"/>
      <c r="B288" s="230"/>
      <c r="C288" s="230"/>
      <c r="D288" s="230"/>
      <c r="E288" s="230"/>
      <c r="F288" s="230"/>
      <c r="G288" s="230"/>
      <c r="H288" s="230"/>
      <c r="I288" s="230"/>
      <c r="J288" s="230"/>
      <c r="K288" s="230"/>
      <c r="L288" s="231"/>
      <c r="M288" s="230"/>
      <c r="N288" s="230"/>
      <c r="O288" s="230"/>
      <c r="P288" s="232"/>
      <c r="Q288" s="129"/>
      <c r="R288" s="13"/>
      <c r="S288" s="17"/>
      <c r="T288" s="156"/>
    </row>
    <row r="289" spans="1:56" s="6" customFormat="1" ht="69.900000000000006" customHeight="1" thickBot="1">
      <c r="A289" s="245" t="s">
        <v>185</v>
      </c>
      <c r="B289" s="247"/>
      <c r="C289" s="247"/>
      <c r="D289" s="247"/>
      <c r="E289" s="247"/>
      <c r="F289" s="247"/>
      <c r="G289" s="247"/>
      <c r="H289" s="247"/>
      <c r="I289" s="247"/>
      <c r="J289" s="247"/>
      <c r="K289" s="247"/>
      <c r="L289" s="247"/>
      <c r="M289" s="247"/>
      <c r="N289" s="247"/>
      <c r="O289" s="247"/>
      <c r="P289" s="334"/>
      <c r="Q289" s="129"/>
      <c r="R289" s="13"/>
      <c r="S289" s="22"/>
      <c r="T289" s="50"/>
      <c r="U289" s="20"/>
      <c r="V289" s="20"/>
      <c r="W289" s="20"/>
      <c r="X289" s="20"/>
      <c r="Y289" s="20"/>
      <c r="Z289" s="20"/>
      <c r="AA289" s="20"/>
      <c r="AB289" s="20"/>
      <c r="AC289" s="20"/>
      <c r="AD289" s="20"/>
      <c r="AE289" s="20"/>
      <c r="AF289" s="20"/>
      <c r="AG289" s="20"/>
      <c r="AH289" s="20"/>
      <c r="AI289" s="20"/>
      <c r="AJ289" s="20"/>
      <c r="AK289" s="20"/>
      <c r="AL289" s="20"/>
      <c r="AM289" s="20"/>
      <c r="AN289" s="20"/>
      <c r="AO289" s="20"/>
      <c r="AP289" s="20"/>
      <c r="AQ289" s="20"/>
      <c r="AR289" s="20"/>
      <c r="AS289" s="20"/>
      <c r="AT289" s="20"/>
      <c r="AU289" s="20"/>
      <c r="AV289" s="20"/>
      <c r="AW289" s="20"/>
      <c r="AX289" s="20"/>
      <c r="AY289" s="20"/>
      <c r="AZ289" s="20"/>
      <c r="BA289" s="20"/>
      <c r="BB289" s="20"/>
      <c r="BC289" s="20"/>
      <c r="BD289" s="20"/>
    </row>
    <row r="290" spans="1:56" s="14" customFormat="1" ht="199.95" customHeight="1" thickTop="1" thickBot="1">
      <c r="A290" s="249" t="s">
        <v>186</v>
      </c>
      <c r="B290" s="251"/>
      <c r="C290" s="251"/>
      <c r="D290" s="251"/>
      <c r="E290" s="251"/>
      <c r="F290" s="251"/>
      <c r="G290" s="251"/>
      <c r="H290" s="251"/>
      <c r="I290" s="251"/>
      <c r="J290" s="251"/>
      <c r="K290" s="251"/>
      <c r="L290" s="251"/>
      <c r="M290" s="335"/>
      <c r="N290" s="131" t="s">
        <v>24</v>
      </c>
      <c r="O290" s="16" t="s">
        <v>20</v>
      </c>
      <c r="P290" s="132" t="s">
        <v>21</v>
      </c>
      <c r="Q290" s="129"/>
      <c r="R290" s="13"/>
      <c r="S290" s="130"/>
      <c r="T290" s="50"/>
      <c r="U290" s="21"/>
      <c r="V290" s="21"/>
      <c r="W290" s="21"/>
      <c r="X290" s="20"/>
      <c r="Y290" s="20"/>
      <c r="Z290" s="20"/>
      <c r="AA290" s="20"/>
      <c r="AB290" s="20"/>
      <c r="AC290" s="20"/>
      <c r="AD290" s="20"/>
      <c r="AE290" s="20"/>
      <c r="AF290" s="20"/>
      <c r="AG290" s="20"/>
      <c r="AH290" s="20"/>
      <c r="AI290" s="20"/>
      <c r="AJ290" s="20"/>
      <c r="AK290" s="20"/>
      <c r="AL290" s="20"/>
      <c r="AM290" s="20"/>
      <c r="AN290" s="21"/>
      <c r="AO290" s="21"/>
      <c r="AP290" s="21"/>
      <c r="AQ290" s="21"/>
      <c r="AR290" s="21"/>
      <c r="AS290" s="21"/>
      <c r="AT290" s="21"/>
      <c r="AU290" s="21"/>
      <c r="AV290" s="21"/>
      <c r="AW290" s="21"/>
      <c r="AX290" s="21"/>
      <c r="AY290" s="21"/>
      <c r="AZ290" s="21"/>
      <c r="BA290" s="21"/>
      <c r="BB290" s="21"/>
      <c r="BC290" s="21"/>
      <c r="BD290" s="21"/>
    </row>
    <row r="291" spans="1:56" s="6" customFormat="1" ht="69.900000000000006" customHeight="1" thickTop="1">
      <c r="A291" s="270" t="s">
        <v>187</v>
      </c>
      <c r="B291" s="272"/>
      <c r="C291" s="272"/>
      <c r="D291" s="272"/>
      <c r="E291" s="272"/>
      <c r="F291" s="272"/>
      <c r="G291" s="272"/>
      <c r="H291" s="272"/>
      <c r="I291" s="272"/>
      <c r="J291" s="272"/>
      <c r="K291" s="272"/>
      <c r="L291" s="272"/>
      <c r="M291" s="272"/>
      <c r="N291" s="272"/>
      <c r="O291" s="272"/>
      <c r="P291" s="342"/>
      <c r="Q291" s="155"/>
      <c r="R291" s="13"/>
      <c r="S291" s="157"/>
      <c r="T291" s="156"/>
    </row>
    <row r="292" spans="1:56" s="6" customFormat="1" ht="69.900000000000006" customHeight="1">
      <c r="A292" s="274" t="s">
        <v>90</v>
      </c>
      <c r="B292" s="275"/>
      <c r="C292" s="275"/>
      <c r="D292" s="275"/>
      <c r="E292" s="275"/>
      <c r="F292" s="275"/>
      <c r="G292" s="275"/>
      <c r="H292" s="275"/>
      <c r="I292" s="275"/>
      <c r="J292" s="275"/>
      <c r="K292" s="275"/>
      <c r="L292" s="275"/>
      <c r="M292" s="275"/>
      <c r="N292" s="275"/>
      <c r="O292" s="275"/>
      <c r="P292" s="276"/>
      <c r="Q292" s="155"/>
      <c r="R292" s="13"/>
      <c r="S292" s="157"/>
      <c r="T292" s="156"/>
    </row>
    <row r="293" spans="1:56" s="42" customFormat="1" ht="69.900000000000006" customHeight="1">
      <c r="A293" s="315" t="s">
        <v>188</v>
      </c>
      <c r="B293" s="316"/>
      <c r="C293" s="316"/>
      <c r="D293" s="316"/>
      <c r="E293" s="316"/>
      <c r="F293" s="316"/>
      <c r="G293" s="316"/>
      <c r="H293" s="316"/>
      <c r="I293" s="316"/>
      <c r="J293" s="316"/>
      <c r="K293" s="316"/>
      <c r="L293" s="316"/>
      <c r="M293" s="316"/>
      <c r="N293" s="316"/>
      <c r="O293" s="316"/>
      <c r="P293" s="317"/>
      <c r="Q293" s="134"/>
      <c r="R293" s="133"/>
      <c r="S293" s="39"/>
      <c r="T293" s="159"/>
      <c r="U293" s="41"/>
      <c r="V293" s="41"/>
      <c r="W293" s="41"/>
      <c r="X293" s="41"/>
      <c r="Y293" s="41"/>
      <c r="Z293" s="41"/>
      <c r="AA293" s="41"/>
      <c r="AB293" s="41"/>
      <c r="AC293" s="41"/>
      <c r="AD293" s="41"/>
      <c r="AE293" s="41"/>
      <c r="AF293" s="41"/>
      <c r="AG293" s="41"/>
      <c r="AH293" s="41"/>
      <c r="AI293" s="41"/>
      <c r="AJ293" s="41"/>
      <c r="AK293" s="41"/>
      <c r="AL293" s="41"/>
      <c r="AM293" s="41"/>
      <c r="AN293" s="41"/>
      <c r="AO293" s="41"/>
      <c r="AP293" s="41"/>
      <c r="AQ293" s="41"/>
      <c r="AR293" s="41"/>
      <c r="AS293" s="41"/>
      <c r="AT293" s="41"/>
      <c r="AU293" s="41"/>
      <c r="AV293" s="41"/>
      <c r="AW293" s="41"/>
      <c r="AX293" s="41"/>
      <c r="AY293" s="41"/>
      <c r="AZ293" s="41"/>
      <c r="BA293" s="41"/>
      <c r="BB293" s="41"/>
      <c r="BC293" s="41"/>
      <c r="BD293" s="41"/>
    </row>
    <row r="294" spans="1:56" s="42" customFormat="1" ht="69.900000000000006" customHeight="1">
      <c r="A294" s="336" t="s">
        <v>100</v>
      </c>
      <c r="B294" s="337"/>
      <c r="C294" s="337"/>
      <c r="D294" s="337"/>
      <c r="E294" s="337"/>
      <c r="F294" s="337"/>
      <c r="G294" s="337"/>
      <c r="H294" s="337"/>
      <c r="I294" s="337"/>
      <c r="J294" s="337"/>
      <c r="K294" s="337"/>
      <c r="L294" s="337"/>
      <c r="M294" s="337"/>
      <c r="N294" s="337"/>
      <c r="O294" s="337"/>
      <c r="P294" s="338"/>
      <c r="Q294" s="134"/>
      <c r="R294" s="133"/>
      <c r="S294" s="39"/>
      <c r="T294" s="159"/>
      <c r="U294" s="41"/>
      <c r="V294" s="41"/>
      <c r="W294" s="41"/>
      <c r="X294" s="41"/>
      <c r="Y294" s="41"/>
      <c r="Z294" s="41"/>
      <c r="AA294" s="41"/>
      <c r="AB294" s="41"/>
      <c r="AC294" s="41"/>
      <c r="AD294" s="41"/>
      <c r="AE294" s="41"/>
      <c r="AF294" s="41"/>
      <c r="AG294" s="41"/>
      <c r="AH294" s="41"/>
      <c r="AI294" s="41"/>
      <c r="AJ294" s="41"/>
      <c r="AK294" s="41"/>
      <c r="AL294" s="41"/>
      <c r="AM294" s="41"/>
      <c r="AN294" s="41"/>
      <c r="AO294" s="41"/>
      <c r="AP294" s="41"/>
      <c r="AQ294" s="41"/>
      <c r="AR294" s="41"/>
      <c r="AS294" s="41"/>
      <c r="AT294" s="41"/>
      <c r="AU294" s="41"/>
      <c r="AV294" s="41"/>
      <c r="AW294" s="41"/>
      <c r="AX294" s="41"/>
      <c r="AY294" s="41"/>
      <c r="AZ294" s="41"/>
      <c r="BA294" s="41"/>
      <c r="BB294" s="41"/>
      <c r="BC294" s="41"/>
      <c r="BD294" s="41"/>
    </row>
    <row r="295" spans="1:56" s="42" customFormat="1" ht="69.900000000000006" customHeight="1">
      <c r="A295" s="318" t="s">
        <v>85</v>
      </c>
      <c r="B295" s="319"/>
      <c r="C295" s="319"/>
      <c r="D295" s="319"/>
      <c r="E295" s="319"/>
      <c r="F295" s="319"/>
      <c r="G295" s="319"/>
      <c r="H295" s="319"/>
      <c r="I295" s="319"/>
      <c r="J295" s="319"/>
      <c r="K295" s="319"/>
      <c r="L295" s="319"/>
      <c r="M295" s="319"/>
      <c r="N295" s="319"/>
      <c r="O295" s="319"/>
      <c r="P295" s="320"/>
      <c r="Q295" s="134"/>
      <c r="R295" s="133"/>
      <c r="S295" s="39"/>
      <c r="T295" s="159"/>
      <c r="U295" s="41"/>
      <c r="V295" s="41"/>
      <c r="W295" s="41"/>
      <c r="X295" s="41"/>
      <c r="Y295" s="41"/>
      <c r="Z295" s="41"/>
      <c r="AA295" s="41"/>
      <c r="AB295" s="41"/>
      <c r="AC295" s="41"/>
      <c r="AD295" s="41"/>
      <c r="AE295" s="41"/>
      <c r="AF295" s="41"/>
      <c r="AG295" s="41"/>
      <c r="AH295" s="41"/>
      <c r="AI295" s="41"/>
      <c r="AJ295" s="41"/>
      <c r="AK295" s="41"/>
      <c r="AL295" s="41"/>
      <c r="AM295" s="41"/>
      <c r="AN295" s="41"/>
      <c r="AO295" s="41"/>
      <c r="AP295" s="41"/>
      <c r="AQ295" s="41"/>
      <c r="AR295" s="41"/>
      <c r="AS295" s="41"/>
      <c r="AT295" s="41"/>
      <c r="AU295" s="41"/>
      <c r="AV295" s="41"/>
      <c r="AW295" s="41"/>
      <c r="AX295" s="41"/>
      <c r="AY295" s="41"/>
      <c r="AZ295" s="41"/>
      <c r="BA295" s="41"/>
      <c r="BB295" s="41"/>
      <c r="BC295" s="41"/>
      <c r="BD295" s="41"/>
    </row>
    <row r="296" spans="1:56" s="6" customFormat="1" ht="69.900000000000006" customHeight="1">
      <c r="A296" s="221" t="s">
        <v>25</v>
      </c>
      <c r="B296" s="223"/>
      <c r="C296" s="223"/>
      <c r="D296" s="223"/>
      <c r="E296" s="223"/>
      <c r="F296" s="223"/>
      <c r="G296" s="223"/>
      <c r="H296" s="223"/>
      <c r="I296" s="223"/>
      <c r="J296" s="223"/>
      <c r="K296" s="223"/>
      <c r="L296" s="223"/>
      <c r="M296" s="223"/>
      <c r="N296" s="223"/>
      <c r="O296" s="223"/>
      <c r="P296" s="343"/>
      <c r="Q296" s="155"/>
      <c r="R296" s="13"/>
      <c r="S296" s="157"/>
      <c r="T296" s="156"/>
    </row>
    <row r="297" spans="1:56" s="14" customFormat="1" ht="75" customHeight="1">
      <c r="A297" s="225"/>
      <c r="B297" s="226"/>
      <c r="C297" s="226"/>
      <c r="D297" s="226"/>
      <c r="E297" s="226"/>
      <c r="F297" s="226"/>
      <c r="G297" s="226"/>
      <c r="H297" s="226"/>
      <c r="I297" s="226"/>
      <c r="J297" s="226"/>
      <c r="K297" s="226"/>
      <c r="L297" s="227"/>
      <c r="M297" s="226"/>
      <c r="N297" s="226"/>
      <c r="O297" s="226"/>
      <c r="P297" s="228"/>
      <c r="Q297" s="129"/>
      <c r="R297" s="13"/>
      <c r="S297" s="17"/>
      <c r="T297" s="156"/>
    </row>
    <row r="298" spans="1:56" s="14" customFormat="1" ht="75" customHeight="1" thickBot="1">
      <c r="A298" s="229"/>
      <c r="B298" s="230"/>
      <c r="C298" s="230"/>
      <c r="D298" s="230"/>
      <c r="E298" s="230"/>
      <c r="F298" s="230"/>
      <c r="G298" s="230"/>
      <c r="H298" s="230"/>
      <c r="I298" s="230"/>
      <c r="J298" s="230"/>
      <c r="K298" s="230"/>
      <c r="L298" s="231"/>
      <c r="M298" s="230"/>
      <c r="N298" s="230"/>
      <c r="O298" s="230"/>
      <c r="P298" s="232"/>
      <c r="Q298" s="129"/>
      <c r="R298" s="13"/>
      <c r="S298" s="17"/>
      <c r="T298" s="156"/>
    </row>
    <row r="299" spans="1:56" s="6" customFormat="1" ht="69.900000000000006" customHeight="1" thickBot="1">
      <c r="A299" s="245" t="s">
        <v>189</v>
      </c>
      <c r="B299" s="247"/>
      <c r="C299" s="247"/>
      <c r="D299" s="247"/>
      <c r="E299" s="247"/>
      <c r="F299" s="247"/>
      <c r="G299" s="247"/>
      <c r="H299" s="247"/>
      <c r="I299" s="247"/>
      <c r="J299" s="247"/>
      <c r="K299" s="247"/>
      <c r="L299" s="247"/>
      <c r="M299" s="247"/>
      <c r="N299" s="247"/>
      <c r="O299" s="247"/>
      <c r="P299" s="334"/>
      <c r="Q299" s="129"/>
      <c r="R299" s="13"/>
      <c r="S299" s="22"/>
      <c r="T299" s="50"/>
      <c r="U299" s="20"/>
      <c r="V299" s="20"/>
      <c r="W299" s="20"/>
      <c r="X299" s="20"/>
      <c r="Y299" s="20"/>
      <c r="Z299" s="20"/>
      <c r="AA299" s="20"/>
      <c r="AB299" s="20"/>
      <c r="AC299" s="20"/>
      <c r="AD299" s="20"/>
      <c r="AE299" s="20"/>
      <c r="AF299" s="20"/>
      <c r="AG299" s="20"/>
      <c r="AH299" s="20"/>
      <c r="AI299" s="20"/>
      <c r="AJ299" s="20"/>
      <c r="AK299" s="20"/>
      <c r="AL299" s="20"/>
      <c r="AM299" s="20"/>
      <c r="AN299" s="20"/>
      <c r="AO299" s="20"/>
      <c r="AP299" s="20"/>
      <c r="AQ299" s="20"/>
      <c r="AR299" s="20"/>
      <c r="AS299" s="20"/>
      <c r="AT299" s="20"/>
      <c r="AU299" s="20"/>
      <c r="AV299" s="20"/>
      <c r="AW299" s="20"/>
      <c r="AX299" s="20"/>
      <c r="AY299" s="20"/>
      <c r="AZ299" s="20"/>
      <c r="BA299" s="20"/>
      <c r="BB299" s="20"/>
      <c r="BC299" s="20"/>
      <c r="BD299" s="20"/>
    </row>
    <row r="300" spans="1:56" s="14" customFormat="1" ht="135" customHeight="1" thickTop="1" thickBot="1">
      <c r="A300" s="249" t="s">
        <v>190</v>
      </c>
      <c r="B300" s="251"/>
      <c r="C300" s="251"/>
      <c r="D300" s="251"/>
      <c r="E300" s="251"/>
      <c r="F300" s="251"/>
      <c r="G300" s="251"/>
      <c r="H300" s="251"/>
      <c r="I300" s="251"/>
      <c r="J300" s="251"/>
      <c r="K300" s="251"/>
      <c r="L300" s="251"/>
      <c r="M300" s="335"/>
      <c r="N300" s="131" t="s">
        <v>24</v>
      </c>
      <c r="O300" s="16" t="s">
        <v>20</v>
      </c>
      <c r="P300" s="132" t="s">
        <v>21</v>
      </c>
      <c r="Q300" s="129"/>
      <c r="R300" s="13"/>
      <c r="S300" s="130"/>
      <c r="T300" s="50"/>
      <c r="U300" s="21"/>
      <c r="V300" s="21"/>
      <c r="W300" s="21"/>
      <c r="X300" s="21"/>
      <c r="Y300" s="21"/>
      <c r="Z300" s="21"/>
      <c r="AA300" s="21"/>
      <c r="AB300" s="21"/>
      <c r="AC300" s="21"/>
      <c r="AD300" s="21"/>
      <c r="AE300" s="21"/>
      <c r="AF300" s="21"/>
      <c r="AG300" s="21"/>
      <c r="AH300" s="21"/>
      <c r="AI300" s="21"/>
      <c r="AJ300" s="21"/>
      <c r="AK300" s="21"/>
      <c r="AL300" s="21"/>
      <c r="AM300" s="21"/>
      <c r="AN300" s="21"/>
      <c r="AO300" s="21"/>
      <c r="AP300" s="21"/>
      <c r="AQ300" s="21"/>
      <c r="AR300" s="21"/>
      <c r="AS300" s="21"/>
      <c r="AT300" s="21"/>
      <c r="AU300" s="21"/>
      <c r="AV300" s="21"/>
      <c r="AW300" s="21"/>
      <c r="AX300" s="21"/>
      <c r="AY300" s="21"/>
      <c r="AZ300" s="21"/>
      <c r="BA300" s="21"/>
      <c r="BB300" s="21"/>
      <c r="BC300" s="21"/>
      <c r="BD300" s="21"/>
    </row>
    <row r="301" spans="1:56" s="6" customFormat="1" ht="69.900000000000006" customHeight="1" thickTop="1">
      <c r="A301" s="221" t="s">
        <v>25</v>
      </c>
      <c r="B301" s="223"/>
      <c r="C301" s="223"/>
      <c r="D301" s="223"/>
      <c r="E301" s="223"/>
      <c r="F301" s="223"/>
      <c r="G301" s="223"/>
      <c r="H301" s="223"/>
      <c r="I301" s="223"/>
      <c r="J301" s="223"/>
      <c r="K301" s="223"/>
      <c r="L301" s="223"/>
      <c r="M301" s="223"/>
      <c r="N301" s="223"/>
      <c r="O301" s="223"/>
      <c r="P301" s="343"/>
      <c r="Q301" s="155"/>
      <c r="R301" s="13"/>
      <c r="S301" s="157"/>
      <c r="T301" s="156"/>
    </row>
    <row r="302" spans="1:56" s="14" customFormat="1" ht="75" customHeight="1">
      <c r="A302" s="225"/>
      <c r="B302" s="226"/>
      <c r="C302" s="226"/>
      <c r="D302" s="226"/>
      <c r="E302" s="226"/>
      <c r="F302" s="226"/>
      <c r="G302" s="226"/>
      <c r="H302" s="226"/>
      <c r="I302" s="226"/>
      <c r="J302" s="226"/>
      <c r="K302" s="226"/>
      <c r="L302" s="227"/>
      <c r="M302" s="226"/>
      <c r="N302" s="226"/>
      <c r="O302" s="226"/>
      <c r="P302" s="228"/>
      <c r="Q302" s="129"/>
      <c r="R302" s="13"/>
      <c r="S302" s="17"/>
      <c r="T302" s="156"/>
    </row>
    <row r="303" spans="1:56" s="14" customFormat="1" ht="75" customHeight="1" thickBot="1">
      <c r="A303" s="229"/>
      <c r="B303" s="230"/>
      <c r="C303" s="230"/>
      <c r="D303" s="230"/>
      <c r="E303" s="230"/>
      <c r="F303" s="230"/>
      <c r="G303" s="230"/>
      <c r="H303" s="230"/>
      <c r="I303" s="230"/>
      <c r="J303" s="230"/>
      <c r="K303" s="230"/>
      <c r="L303" s="231"/>
      <c r="M303" s="230"/>
      <c r="N303" s="230"/>
      <c r="O303" s="230"/>
      <c r="P303" s="232"/>
      <c r="Q303" s="129"/>
      <c r="R303" s="13"/>
      <c r="S303" s="17"/>
      <c r="T303" s="156"/>
    </row>
    <row r="304" spans="1:56" s="6" customFormat="1" ht="69.900000000000006" customHeight="1" thickBot="1">
      <c r="A304" s="245" t="s">
        <v>191</v>
      </c>
      <c r="B304" s="247"/>
      <c r="C304" s="247"/>
      <c r="D304" s="247"/>
      <c r="E304" s="247"/>
      <c r="F304" s="247"/>
      <c r="G304" s="247"/>
      <c r="H304" s="247"/>
      <c r="I304" s="247"/>
      <c r="J304" s="247"/>
      <c r="K304" s="247"/>
      <c r="L304" s="247"/>
      <c r="M304" s="247"/>
      <c r="N304" s="247"/>
      <c r="O304" s="247"/>
      <c r="P304" s="334"/>
      <c r="Q304" s="129"/>
      <c r="R304" s="13"/>
      <c r="S304" s="22"/>
      <c r="T304" s="50"/>
      <c r="U304" s="20"/>
      <c r="V304" s="20"/>
      <c r="W304" s="20"/>
      <c r="X304" s="20"/>
      <c r="Y304" s="20"/>
      <c r="Z304" s="20"/>
      <c r="AA304" s="20"/>
      <c r="AB304" s="20"/>
      <c r="AC304" s="20"/>
      <c r="AD304" s="20"/>
      <c r="AE304" s="20"/>
      <c r="AF304" s="20"/>
      <c r="AG304" s="20"/>
      <c r="AH304" s="20"/>
      <c r="AI304" s="20"/>
      <c r="AJ304" s="20"/>
      <c r="AK304" s="20"/>
      <c r="AL304" s="20"/>
      <c r="AM304" s="20"/>
      <c r="AN304" s="20"/>
      <c r="AO304" s="20"/>
      <c r="AP304" s="20"/>
      <c r="AQ304" s="20"/>
      <c r="AR304" s="20"/>
      <c r="AS304" s="20"/>
      <c r="AT304" s="20"/>
      <c r="AU304" s="20"/>
      <c r="AV304" s="20"/>
      <c r="AW304" s="20"/>
      <c r="AX304" s="20"/>
      <c r="AY304" s="20"/>
      <c r="AZ304" s="20"/>
      <c r="BA304" s="20"/>
      <c r="BB304" s="20"/>
      <c r="BC304" s="20"/>
      <c r="BD304" s="20"/>
    </row>
    <row r="305" spans="1:56" s="14" customFormat="1" ht="132" customHeight="1" thickTop="1" thickBot="1">
      <c r="A305" s="212" t="s">
        <v>192</v>
      </c>
      <c r="B305" s="214"/>
      <c r="C305" s="214"/>
      <c r="D305" s="214"/>
      <c r="E305" s="214"/>
      <c r="F305" s="214"/>
      <c r="G305" s="214"/>
      <c r="H305" s="214"/>
      <c r="I305" s="214"/>
      <c r="J305" s="214"/>
      <c r="K305" s="214"/>
      <c r="L305" s="214"/>
      <c r="M305" s="214"/>
      <c r="N305" s="370"/>
      <c r="O305" s="11" t="s">
        <v>20</v>
      </c>
      <c r="P305" s="12" t="s">
        <v>21</v>
      </c>
      <c r="Q305" s="129"/>
      <c r="R305" s="13"/>
      <c r="S305" s="130"/>
      <c r="T305" s="50"/>
      <c r="U305" s="21"/>
      <c r="V305" s="21"/>
      <c r="W305" s="21"/>
      <c r="X305" s="20"/>
      <c r="Y305" s="20"/>
      <c r="Z305" s="20"/>
      <c r="AA305" s="20"/>
      <c r="AB305" s="20"/>
      <c r="AC305" s="20"/>
      <c r="AD305" s="20"/>
      <c r="AE305" s="20"/>
      <c r="AF305" s="20"/>
      <c r="AG305" s="20"/>
      <c r="AH305" s="20"/>
      <c r="AI305" s="20"/>
      <c r="AJ305" s="20"/>
      <c r="AK305" s="20"/>
      <c r="AL305" s="20"/>
      <c r="AM305" s="20"/>
      <c r="AN305" s="21"/>
      <c r="AO305" s="21"/>
      <c r="AP305" s="21"/>
      <c r="AQ305" s="21"/>
      <c r="AR305" s="21"/>
      <c r="AS305" s="21"/>
      <c r="AT305" s="21"/>
      <c r="AU305" s="21"/>
      <c r="AV305" s="21"/>
      <c r="AW305" s="21"/>
      <c r="AX305" s="21"/>
      <c r="AY305" s="21"/>
      <c r="AZ305" s="21"/>
      <c r="BA305" s="21"/>
      <c r="BB305" s="21"/>
      <c r="BC305" s="21"/>
      <c r="BD305" s="21"/>
    </row>
    <row r="306" spans="1:56" s="14" customFormat="1" ht="132" customHeight="1" thickTop="1" thickBot="1">
      <c r="A306" s="218" t="s">
        <v>193</v>
      </c>
      <c r="B306" s="220"/>
      <c r="C306" s="220"/>
      <c r="D306" s="220"/>
      <c r="E306" s="220"/>
      <c r="F306" s="220"/>
      <c r="G306" s="220"/>
      <c r="H306" s="220"/>
      <c r="I306" s="220"/>
      <c r="J306" s="220"/>
      <c r="K306" s="220"/>
      <c r="L306" s="220"/>
      <c r="M306" s="220"/>
      <c r="N306" s="371"/>
      <c r="O306" s="16" t="s">
        <v>20</v>
      </c>
      <c r="P306" s="132" t="s">
        <v>21</v>
      </c>
      <c r="Q306" s="129"/>
      <c r="R306" s="13"/>
      <c r="S306" s="130"/>
      <c r="T306" s="50"/>
      <c r="U306" s="21"/>
      <c r="V306" s="21"/>
      <c r="W306" s="21"/>
      <c r="X306" s="21"/>
      <c r="Y306" s="21"/>
      <c r="Z306" s="21"/>
      <c r="AA306" s="21"/>
      <c r="AB306" s="21"/>
      <c r="AC306" s="21"/>
      <c r="AD306" s="21"/>
      <c r="AE306" s="21"/>
      <c r="AF306" s="21"/>
      <c r="AG306" s="21"/>
      <c r="AH306" s="21"/>
      <c r="AI306" s="21"/>
      <c r="AJ306" s="21"/>
      <c r="AK306" s="21"/>
      <c r="AL306" s="21"/>
      <c r="AM306" s="21"/>
      <c r="AN306" s="21"/>
      <c r="AO306" s="21"/>
      <c r="AP306" s="21"/>
      <c r="AQ306" s="21"/>
      <c r="AR306" s="21"/>
      <c r="AS306" s="21"/>
      <c r="AT306" s="21"/>
      <c r="AU306" s="21"/>
      <c r="AV306" s="21"/>
      <c r="AW306" s="21"/>
      <c r="AX306" s="21"/>
      <c r="AY306" s="21"/>
      <c r="AZ306" s="21"/>
      <c r="BA306" s="21"/>
      <c r="BB306" s="21"/>
      <c r="BC306" s="21"/>
      <c r="BD306" s="21"/>
    </row>
    <row r="307" spans="1:56" s="6" customFormat="1" ht="69.900000000000006" customHeight="1" thickTop="1">
      <c r="A307" s="270" t="s">
        <v>52</v>
      </c>
      <c r="B307" s="272"/>
      <c r="C307" s="272"/>
      <c r="D307" s="272"/>
      <c r="E307" s="272"/>
      <c r="F307" s="272"/>
      <c r="G307" s="272"/>
      <c r="H307" s="272"/>
      <c r="I307" s="272"/>
      <c r="J307" s="272"/>
      <c r="K307" s="272"/>
      <c r="L307" s="272"/>
      <c r="M307" s="272"/>
      <c r="N307" s="272"/>
      <c r="O307" s="272"/>
      <c r="P307" s="342"/>
      <c r="Q307" s="155"/>
      <c r="R307" s="13"/>
      <c r="S307" s="157"/>
      <c r="T307" s="156"/>
    </row>
    <row r="308" spans="1:56" s="6" customFormat="1" ht="69.900000000000006" customHeight="1">
      <c r="A308" s="274" t="s">
        <v>194</v>
      </c>
      <c r="B308" s="275"/>
      <c r="C308" s="275"/>
      <c r="D308" s="275"/>
      <c r="E308" s="275"/>
      <c r="F308" s="275"/>
      <c r="G308" s="275"/>
      <c r="H308" s="275"/>
      <c r="I308" s="275"/>
      <c r="J308" s="275"/>
      <c r="K308" s="275"/>
      <c r="L308" s="275"/>
      <c r="M308" s="275"/>
      <c r="N308" s="275"/>
      <c r="O308" s="275"/>
      <c r="P308" s="276"/>
      <c r="Q308" s="155"/>
      <c r="R308" s="13"/>
      <c r="S308" s="157"/>
      <c r="T308" s="156"/>
    </row>
    <row r="309" spans="1:56" s="42" customFormat="1" ht="69.900000000000006" customHeight="1">
      <c r="A309" s="315" t="s">
        <v>195</v>
      </c>
      <c r="B309" s="316"/>
      <c r="C309" s="316"/>
      <c r="D309" s="316"/>
      <c r="E309" s="316"/>
      <c r="F309" s="316"/>
      <c r="G309" s="316"/>
      <c r="H309" s="316"/>
      <c r="I309" s="316"/>
      <c r="J309" s="316"/>
      <c r="K309" s="316"/>
      <c r="L309" s="316"/>
      <c r="M309" s="316"/>
      <c r="N309" s="316"/>
      <c r="O309" s="316"/>
      <c r="P309" s="317"/>
      <c r="Q309" s="134"/>
      <c r="R309" s="133"/>
      <c r="S309" s="39"/>
      <c r="T309" s="159"/>
      <c r="U309" s="41"/>
      <c r="V309" s="41"/>
      <c r="W309" s="41"/>
      <c r="X309" s="41"/>
      <c r="Y309" s="41"/>
      <c r="Z309" s="41"/>
      <c r="AA309" s="41"/>
      <c r="AB309" s="41"/>
      <c r="AC309" s="41"/>
      <c r="AD309" s="41"/>
      <c r="AE309" s="41"/>
      <c r="AF309" s="41"/>
      <c r="AG309" s="41"/>
      <c r="AH309" s="41"/>
      <c r="AI309" s="41"/>
      <c r="AJ309" s="41"/>
      <c r="AK309" s="41"/>
      <c r="AL309" s="41"/>
      <c r="AM309" s="41"/>
      <c r="AN309" s="41"/>
      <c r="AO309" s="41"/>
      <c r="AP309" s="41"/>
      <c r="AQ309" s="41"/>
      <c r="AR309" s="41"/>
      <c r="AS309" s="41"/>
      <c r="AT309" s="41"/>
      <c r="AU309" s="41"/>
      <c r="AV309" s="41"/>
      <c r="AW309" s="41"/>
      <c r="AX309" s="41"/>
      <c r="AY309" s="41"/>
      <c r="AZ309" s="41"/>
      <c r="BA309" s="41"/>
      <c r="BB309" s="41"/>
      <c r="BC309" s="41"/>
      <c r="BD309" s="41"/>
    </row>
    <row r="310" spans="1:56" s="42" customFormat="1" ht="69.900000000000006" customHeight="1">
      <c r="A310" s="318" t="s">
        <v>85</v>
      </c>
      <c r="B310" s="319"/>
      <c r="C310" s="319"/>
      <c r="D310" s="319"/>
      <c r="E310" s="319"/>
      <c r="F310" s="319"/>
      <c r="G310" s="319"/>
      <c r="H310" s="319"/>
      <c r="I310" s="319"/>
      <c r="J310" s="319"/>
      <c r="K310" s="319"/>
      <c r="L310" s="319"/>
      <c r="M310" s="319"/>
      <c r="N310" s="319"/>
      <c r="O310" s="319"/>
      <c r="P310" s="320"/>
      <c r="Q310" s="134"/>
      <c r="R310" s="133"/>
      <c r="S310" s="39"/>
      <c r="T310" s="159"/>
      <c r="U310" s="41"/>
      <c r="V310" s="41"/>
      <c r="W310" s="41"/>
      <c r="X310" s="41"/>
      <c r="Y310" s="41"/>
      <c r="Z310" s="41"/>
      <c r="AA310" s="41"/>
      <c r="AB310" s="41"/>
      <c r="AC310" s="41"/>
      <c r="AD310" s="41"/>
      <c r="AE310" s="41"/>
      <c r="AF310" s="41"/>
      <c r="AG310" s="41"/>
      <c r="AH310" s="41"/>
      <c r="AI310" s="41"/>
      <c r="AJ310" s="41"/>
      <c r="AK310" s="41"/>
      <c r="AL310" s="41"/>
      <c r="AM310" s="41"/>
      <c r="AN310" s="41"/>
      <c r="AO310" s="41"/>
      <c r="AP310" s="41"/>
      <c r="AQ310" s="41"/>
      <c r="AR310" s="41"/>
      <c r="AS310" s="41"/>
      <c r="AT310" s="41"/>
      <c r="AU310" s="41"/>
      <c r="AV310" s="41"/>
      <c r="AW310" s="41"/>
      <c r="AX310" s="41"/>
      <c r="AY310" s="41"/>
      <c r="AZ310" s="41"/>
      <c r="BA310" s="41"/>
      <c r="BB310" s="41"/>
      <c r="BC310" s="41"/>
      <c r="BD310" s="41"/>
    </row>
    <row r="311" spans="1:56" s="6" customFormat="1" ht="69.900000000000006" customHeight="1">
      <c r="A311" s="364" t="s">
        <v>196</v>
      </c>
      <c r="B311" s="365"/>
      <c r="C311" s="365"/>
      <c r="D311" s="365"/>
      <c r="E311" s="365"/>
      <c r="F311" s="365"/>
      <c r="G311" s="365"/>
      <c r="H311" s="365"/>
      <c r="I311" s="365"/>
      <c r="J311" s="365"/>
      <c r="K311" s="365"/>
      <c r="L311" s="365"/>
      <c r="M311" s="365"/>
      <c r="N311" s="365"/>
      <c r="O311" s="365"/>
      <c r="P311" s="366"/>
      <c r="Q311" s="155"/>
      <c r="R311" s="13"/>
      <c r="S311" s="157"/>
      <c r="T311" s="156"/>
    </row>
    <row r="312" spans="1:56" s="42" customFormat="1" ht="69.900000000000006" customHeight="1">
      <c r="A312" s="315" t="s">
        <v>197</v>
      </c>
      <c r="B312" s="316"/>
      <c r="C312" s="316"/>
      <c r="D312" s="316"/>
      <c r="E312" s="316"/>
      <c r="F312" s="316"/>
      <c r="G312" s="316"/>
      <c r="H312" s="316"/>
      <c r="I312" s="316"/>
      <c r="J312" s="316"/>
      <c r="K312" s="316"/>
      <c r="L312" s="316"/>
      <c r="M312" s="316"/>
      <c r="N312" s="316"/>
      <c r="O312" s="316"/>
      <c r="P312" s="317"/>
      <c r="Q312" s="134"/>
      <c r="R312" s="133"/>
      <c r="S312" s="39"/>
      <c r="T312" s="159"/>
      <c r="U312" s="41"/>
      <c r="V312" s="41"/>
      <c r="W312" s="41"/>
      <c r="X312" s="41"/>
      <c r="Y312" s="41"/>
      <c r="Z312" s="41"/>
      <c r="AA312" s="41"/>
      <c r="AB312" s="41"/>
      <c r="AC312" s="41"/>
      <c r="AD312" s="41"/>
      <c r="AE312" s="41"/>
      <c r="AF312" s="41"/>
      <c r="AG312" s="41"/>
      <c r="AH312" s="41"/>
      <c r="AI312" s="41"/>
      <c r="AJ312" s="41"/>
      <c r="AK312" s="41"/>
      <c r="AL312" s="41"/>
      <c r="AM312" s="41"/>
      <c r="AN312" s="41"/>
      <c r="AO312" s="41"/>
      <c r="AP312" s="41"/>
      <c r="AQ312" s="41"/>
      <c r="AR312" s="41"/>
      <c r="AS312" s="41"/>
      <c r="AT312" s="41"/>
      <c r="AU312" s="41"/>
      <c r="AV312" s="41"/>
      <c r="AW312" s="41"/>
      <c r="AX312" s="41"/>
      <c r="AY312" s="41"/>
      <c r="AZ312" s="41"/>
      <c r="BA312" s="41"/>
      <c r="BB312" s="41"/>
      <c r="BC312" s="41"/>
      <c r="BD312" s="41"/>
    </row>
    <row r="313" spans="1:56" s="42" customFormat="1" ht="69.900000000000006" customHeight="1">
      <c r="A313" s="318" t="s">
        <v>85</v>
      </c>
      <c r="B313" s="319"/>
      <c r="C313" s="319"/>
      <c r="D313" s="319"/>
      <c r="E313" s="319"/>
      <c r="F313" s="319"/>
      <c r="G313" s="319"/>
      <c r="H313" s="319"/>
      <c r="I313" s="319"/>
      <c r="J313" s="319"/>
      <c r="K313" s="319"/>
      <c r="L313" s="319"/>
      <c r="M313" s="319"/>
      <c r="N313" s="319"/>
      <c r="O313" s="319"/>
      <c r="P313" s="320"/>
      <c r="Q313" s="134"/>
      <c r="R313" s="133"/>
      <c r="S313" s="39"/>
      <c r="T313" s="159"/>
      <c r="U313" s="41"/>
      <c r="V313" s="41"/>
      <c r="W313" s="41"/>
      <c r="X313" s="41"/>
      <c r="Y313" s="41"/>
      <c r="Z313" s="41"/>
      <c r="AA313" s="41"/>
      <c r="AB313" s="41"/>
      <c r="AC313" s="41"/>
      <c r="AD313" s="41"/>
      <c r="AE313" s="41"/>
      <c r="AF313" s="41"/>
      <c r="AG313" s="41"/>
      <c r="AH313" s="41"/>
      <c r="AI313" s="41"/>
      <c r="AJ313" s="41"/>
      <c r="AK313" s="41"/>
      <c r="AL313" s="41"/>
      <c r="AM313" s="41"/>
      <c r="AN313" s="41"/>
      <c r="AO313" s="41"/>
      <c r="AP313" s="41"/>
      <c r="AQ313" s="41"/>
      <c r="AR313" s="41"/>
      <c r="AS313" s="41"/>
      <c r="AT313" s="41"/>
      <c r="AU313" s="41"/>
      <c r="AV313" s="41"/>
      <c r="AW313" s="41"/>
      <c r="AX313" s="41"/>
      <c r="AY313" s="41"/>
      <c r="AZ313" s="41"/>
      <c r="BA313" s="41"/>
      <c r="BB313" s="41"/>
      <c r="BC313" s="41"/>
      <c r="BD313" s="41"/>
    </row>
    <row r="314" spans="1:56" s="6" customFormat="1" ht="69.900000000000006" customHeight="1">
      <c r="A314" s="221" t="s">
        <v>25</v>
      </c>
      <c r="B314" s="223"/>
      <c r="C314" s="223"/>
      <c r="D314" s="223"/>
      <c r="E314" s="223"/>
      <c r="F314" s="223"/>
      <c r="G314" s="223"/>
      <c r="H314" s="223"/>
      <c r="I314" s="223"/>
      <c r="J314" s="223"/>
      <c r="K314" s="223"/>
      <c r="L314" s="223"/>
      <c r="M314" s="223"/>
      <c r="N314" s="223"/>
      <c r="O314" s="223"/>
      <c r="P314" s="343"/>
      <c r="Q314" s="155"/>
      <c r="R314" s="13"/>
      <c r="S314" s="157"/>
      <c r="T314" s="156"/>
    </row>
    <row r="315" spans="1:56" s="14" customFormat="1" ht="75" customHeight="1">
      <c r="A315" s="225"/>
      <c r="B315" s="226"/>
      <c r="C315" s="226"/>
      <c r="D315" s="226"/>
      <c r="E315" s="226"/>
      <c r="F315" s="226"/>
      <c r="G315" s="226"/>
      <c r="H315" s="226"/>
      <c r="I315" s="226"/>
      <c r="J315" s="226"/>
      <c r="K315" s="226"/>
      <c r="L315" s="227"/>
      <c r="M315" s="226"/>
      <c r="N315" s="226"/>
      <c r="O315" s="226"/>
      <c r="P315" s="228"/>
      <c r="Q315" s="129"/>
      <c r="R315" s="13"/>
      <c r="S315" s="17"/>
      <c r="T315" s="156"/>
    </row>
    <row r="316" spans="1:56" s="14" customFormat="1" ht="75" customHeight="1" thickBot="1">
      <c r="A316" s="229"/>
      <c r="B316" s="230"/>
      <c r="C316" s="230"/>
      <c r="D316" s="230"/>
      <c r="E316" s="230"/>
      <c r="F316" s="230"/>
      <c r="G316" s="230"/>
      <c r="H316" s="230"/>
      <c r="I316" s="230"/>
      <c r="J316" s="230"/>
      <c r="K316" s="230"/>
      <c r="L316" s="231"/>
      <c r="M316" s="230"/>
      <c r="N316" s="230"/>
      <c r="O316" s="230"/>
      <c r="P316" s="232"/>
      <c r="Q316" s="129"/>
      <c r="R316" s="13"/>
      <c r="S316" s="207"/>
      <c r="T316" s="156"/>
    </row>
    <row r="317" spans="1:56" s="6" customFormat="1" ht="69.900000000000006" customHeight="1" thickBot="1">
      <c r="A317" s="245" t="s">
        <v>198</v>
      </c>
      <c r="B317" s="247"/>
      <c r="C317" s="247"/>
      <c r="D317" s="247"/>
      <c r="E317" s="247"/>
      <c r="F317" s="247"/>
      <c r="G317" s="247"/>
      <c r="H317" s="247"/>
      <c r="I317" s="247"/>
      <c r="J317" s="247"/>
      <c r="K317" s="247"/>
      <c r="L317" s="247"/>
      <c r="M317" s="247"/>
      <c r="N317" s="247"/>
      <c r="O317" s="247"/>
      <c r="P317" s="334"/>
      <c r="Q317" s="129"/>
      <c r="R317" s="13"/>
      <c r="S317" s="206" t="s">
        <v>199</v>
      </c>
      <c r="T317" s="50"/>
      <c r="U317" s="20"/>
      <c r="V317" s="20"/>
      <c r="W317" s="20"/>
      <c r="X317" s="21"/>
      <c r="Y317" s="21"/>
      <c r="Z317" s="21"/>
      <c r="AA317" s="21"/>
      <c r="AB317" s="21"/>
      <c r="AC317" s="21"/>
      <c r="AD317" s="21"/>
      <c r="AE317" s="21"/>
      <c r="AF317" s="21"/>
      <c r="AG317" s="21"/>
      <c r="AH317" s="21"/>
      <c r="AI317" s="21"/>
      <c r="AJ317" s="21"/>
      <c r="AK317" s="21"/>
      <c r="AL317" s="21"/>
      <c r="AM317" s="21"/>
      <c r="AN317" s="20"/>
      <c r="AO317" s="20"/>
      <c r="AP317" s="20"/>
      <c r="AQ317" s="20"/>
      <c r="AR317" s="20"/>
      <c r="AS317" s="20"/>
      <c r="AT317" s="20"/>
      <c r="AU317" s="20"/>
      <c r="AV317" s="20"/>
      <c r="AW317" s="20"/>
      <c r="AX317" s="20"/>
      <c r="AY317" s="20"/>
      <c r="AZ317" s="20"/>
      <c r="BA317" s="20"/>
      <c r="BB317" s="20"/>
      <c r="BC317" s="20"/>
      <c r="BD317" s="20"/>
    </row>
    <row r="318" spans="1:56" s="14" customFormat="1" ht="271.2" customHeight="1" thickTop="1" thickBot="1">
      <c r="A318" s="212" t="s">
        <v>200</v>
      </c>
      <c r="B318" s="214"/>
      <c r="C318" s="214"/>
      <c r="D318" s="214"/>
      <c r="E318" s="214"/>
      <c r="F318" s="214"/>
      <c r="G318" s="214"/>
      <c r="H318" s="214"/>
      <c r="I318" s="214"/>
      <c r="J318" s="214"/>
      <c r="K318" s="214"/>
      <c r="L318" s="214"/>
      <c r="M318" s="214"/>
      <c r="N318" s="370"/>
      <c r="O318" s="11" t="s">
        <v>20</v>
      </c>
      <c r="P318" s="12" t="s">
        <v>21</v>
      </c>
      <c r="Q318" s="129"/>
      <c r="R318" s="13"/>
      <c r="S318" s="130"/>
      <c r="T318" s="50"/>
      <c r="U318" s="21"/>
      <c r="V318" s="21"/>
      <c r="W318" s="21"/>
      <c r="X318" s="20"/>
      <c r="Y318" s="20"/>
      <c r="Z318" s="20"/>
      <c r="AA318" s="20"/>
      <c r="AB318" s="20"/>
      <c r="AC318" s="20"/>
      <c r="AD318" s="20"/>
      <c r="AE318" s="20"/>
      <c r="AF318" s="20"/>
      <c r="AG318" s="20"/>
      <c r="AH318" s="20"/>
      <c r="AI318" s="20"/>
      <c r="AJ318" s="20"/>
      <c r="AK318" s="20"/>
      <c r="AL318" s="20"/>
      <c r="AM318" s="20"/>
      <c r="AN318" s="21"/>
      <c r="AO318" s="21"/>
      <c r="AP318" s="21"/>
      <c r="AQ318" s="21"/>
      <c r="AR318" s="21"/>
      <c r="AS318" s="21"/>
      <c r="AT318" s="21"/>
      <c r="AU318" s="21"/>
      <c r="AV318" s="21"/>
      <c r="AW318" s="21"/>
      <c r="AX318" s="21"/>
      <c r="AY318" s="21"/>
      <c r="AZ318" s="21"/>
      <c r="BA318" s="21"/>
      <c r="BB318" s="21"/>
      <c r="BC318" s="21"/>
      <c r="BD318" s="21"/>
    </row>
    <row r="319" spans="1:56" s="14" customFormat="1" ht="132" customHeight="1" thickTop="1" thickBot="1">
      <c r="A319" s="215" t="s">
        <v>201</v>
      </c>
      <c r="B319" s="217"/>
      <c r="C319" s="217"/>
      <c r="D319" s="217"/>
      <c r="E319" s="217"/>
      <c r="F319" s="217"/>
      <c r="G319" s="217"/>
      <c r="H319" s="217"/>
      <c r="I319" s="217"/>
      <c r="J319" s="217"/>
      <c r="K319" s="217"/>
      <c r="L319" s="217"/>
      <c r="M319" s="217"/>
      <c r="N319" s="414"/>
      <c r="O319" s="11" t="s">
        <v>20</v>
      </c>
      <c r="P319" s="12" t="s">
        <v>21</v>
      </c>
      <c r="Q319" s="129"/>
      <c r="R319" s="13"/>
      <c r="S319" s="130"/>
      <c r="T319" s="50"/>
      <c r="U319" s="21"/>
      <c r="V319" s="21"/>
      <c r="W319" s="21"/>
      <c r="X319" s="21"/>
      <c r="Y319" s="21"/>
      <c r="Z319" s="21"/>
      <c r="AA319" s="21"/>
      <c r="AB319" s="21"/>
      <c r="AC319" s="21"/>
      <c r="AD319" s="21"/>
      <c r="AE319" s="21"/>
      <c r="AF319" s="21"/>
      <c r="AG319" s="21"/>
      <c r="AH319" s="21"/>
      <c r="AI319" s="21"/>
      <c r="AJ319" s="21"/>
      <c r="AK319" s="21"/>
      <c r="AL319" s="21"/>
      <c r="AM319" s="21"/>
      <c r="AN319" s="21"/>
      <c r="AO319" s="21"/>
      <c r="AP319" s="21"/>
      <c r="AQ319" s="21"/>
      <c r="AR319" s="21"/>
      <c r="AS319" s="21"/>
      <c r="AT319" s="21"/>
      <c r="AU319" s="21"/>
      <c r="AV319" s="21"/>
      <c r="AW319" s="21"/>
      <c r="AX319" s="21"/>
      <c r="AY319" s="21"/>
      <c r="AZ319" s="21"/>
      <c r="BA319" s="21"/>
      <c r="BB319" s="21"/>
      <c r="BC319" s="21"/>
      <c r="BD319" s="21"/>
    </row>
    <row r="320" spans="1:56" s="14" customFormat="1" ht="132" customHeight="1" thickTop="1" thickBot="1">
      <c r="A320" s="218" t="s">
        <v>202</v>
      </c>
      <c r="B320" s="220"/>
      <c r="C320" s="220"/>
      <c r="D320" s="220"/>
      <c r="E320" s="220"/>
      <c r="F320" s="220"/>
      <c r="G320" s="220"/>
      <c r="H320" s="220"/>
      <c r="I320" s="220"/>
      <c r="J320" s="220"/>
      <c r="K320" s="220"/>
      <c r="L320" s="220"/>
      <c r="M320" s="220"/>
      <c r="N320" s="371"/>
      <c r="O320" s="16" t="s">
        <v>20</v>
      </c>
      <c r="P320" s="132" t="s">
        <v>21</v>
      </c>
      <c r="Q320" s="129"/>
      <c r="R320" s="13"/>
      <c r="S320" s="130"/>
      <c r="T320" s="50"/>
      <c r="U320" s="21"/>
      <c r="V320" s="21"/>
      <c r="W320" s="21"/>
      <c r="X320" s="21"/>
      <c r="Y320" s="21"/>
      <c r="Z320" s="21"/>
      <c r="AA320" s="21"/>
      <c r="AB320" s="21"/>
      <c r="AC320" s="21"/>
      <c r="AD320" s="21"/>
      <c r="AE320" s="21"/>
      <c r="AF320" s="21"/>
      <c r="AG320" s="21"/>
      <c r="AH320" s="21"/>
      <c r="AI320" s="21"/>
      <c r="AJ320" s="21"/>
      <c r="AK320" s="21"/>
      <c r="AL320" s="21"/>
      <c r="AM320" s="21"/>
      <c r="AN320" s="21"/>
      <c r="AO320" s="21"/>
      <c r="AP320" s="21"/>
      <c r="AQ320" s="21"/>
      <c r="AR320" s="21"/>
      <c r="AS320" s="21"/>
      <c r="AT320" s="21"/>
      <c r="AU320" s="21"/>
      <c r="AV320" s="21"/>
      <c r="AW320" s="21"/>
      <c r="AX320" s="21"/>
      <c r="AY320" s="21"/>
      <c r="AZ320" s="21"/>
      <c r="BA320" s="21"/>
      <c r="BB320" s="21"/>
      <c r="BC320" s="21"/>
      <c r="BD320" s="21"/>
    </row>
    <row r="321" spans="1:56" s="6" customFormat="1" ht="69.900000000000006" customHeight="1" thickTop="1">
      <c r="A321" s="221" t="s">
        <v>25</v>
      </c>
      <c r="B321" s="223"/>
      <c r="C321" s="223"/>
      <c r="D321" s="223"/>
      <c r="E321" s="223"/>
      <c r="F321" s="223"/>
      <c r="G321" s="223"/>
      <c r="H321" s="223"/>
      <c r="I321" s="223"/>
      <c r="J321" s="223"/>
      <c r="K321" s="223"/>
      <c r="L321" s="223"/>
      <c r="M321" s="223"/>
      <c r="N321" s="223"/>
      <c r="O321" s="223"/>
      <c r="P321" s="343"/>
      <c r="Q321" s="155"/>
      <c r="R321" s="13"/>
      <c r="S321" s="157"/>
      <c r="T321" s="156"/>
    </row>
    <row r="322" spans="1:56" s="14" customFormat="1" ht="75" customHeight="1">
      <c r="A322" s="225"/>
      <c r="B322" s="226"/>
      <c r="C322" s="226"/>
      <c r="D322" s="226"/>
      <c r="E322" s="226"/>
      <c r="F322" s="226"/>
      <c r="G322" s="226"/>
      <c r="H322" s="226"/>
      <c r="I322" s="226"/>
      <c r="J322" s="226"/>
      <c r="K322" s="226"/>
      <c r="L322" s="227"/>
      <c r="M322" s="226"/>
      <c r="N322" s="226"/>
      <c r="O322" s="226"/>
      <c r="P322" s="228"/>
      <c r="Q322" s="129"/>
      <c r="R322" s="13"/>
      <c r="S322" s="17"/>
      <c r="T322" s="156"/>
    </row>
    <row r="323" spans="1:56" s="14" customFormat="1" ht="75" customHeight="1" thickBot="1">
      <c r="A323" s="229"/>
      <c r="B323" s="230"/>
      <c r="C323" s="230"/>
      <c r="D323" s="230"/>
      <c r="E323" s="230"/>
      <c r="F323" s="230"/>
      <c r="G323" s="230"/>
      <c r="H323" s="230"/>
      <c r="I323" s="230"/>
      <c r="J323" s="230"/>
      <c r="K323" s="230"/>
      <c r="L323" s="231"/>
      <c r="M323" s="230"/>
      <c r="N323" s="230"/>
      <c r="O323" s="230"/>
      <c r="P323" s="232"/>
      <c r="Q323" s="129"/>
      <c r="R323" s="13"/>
      <c r="S323" s="17"/>
      <c r="T323" s="156"/>
    </row>
    <row r="324" spans="1:56" s="6" customFormat="1" ht="69.75" customHeight="1">
      <c r="A324" s="408" t="s">
        <v>203</v>
      </c>
      <c r="B324" s="409"/>
      <c r="C324" s="409"/>
      <c r="D324" s="409"/>
      <c r="E324" s="409"/>
      <c r="F324" s="409"/>
      <c r="G324" s="409"/>
      <c r="H324" s="409"/>
      <c r="I324" s="409"/>
      <c r="J324" s="409"/>
      <c r="K324" s="409"/>
      <c r="L324" s="409"/>
      <c r="M324" s="409"/>
      <c r="N324" s="409"/>
      <c r="O324" s="409"/>
      <c r="P324" s="410"/>
      <c r="Q324" s="129"/>
      <c r="R324" s="13"/>
      <c r="S324" s="22"/>
      <c r="T324" s="50"/>
      <c r="U324" s="20"/>
      <c r="V324" s="20"/>
      <c r="W324" s="20"/>
      <c r="X324" s="21"/>
      <c r="Y324" s="21"/>
      <c r="Z324" s="21"/>
      <c r="AA324" s="21"/>
      <c r="AB324" s="21"/>
      <c r="AC324" s="21"/>
      <c r="AD324" s="21"/>
      <c r="AE324" s="21"/>
      <c r="AF324" s="21"/>
      <c r="AG324" s="21"/>
      <c r="AH324" s="21"/>
      <c r="AI324" s="21"/>
      <c r="AJ324" s="21"/>
      <c r="AK324" s="21"/>
      <c r="AL324" s="21"/>
      <c r="AM324" s="21"/>
      <c r="AN324" s="20"/>
      <c r="AO324" s="20"/>
      <c r="AP324" s="20"/>
      <c r="AQ324" s="20"/>
      <c r="AR324" s="20"/>
      <c r="AS324" s="20"/>
      <c r="AT324" s="20"/>
      <c r="AU324" s="20"/>
      <c r="AV324" s="20"/>
      <c r="AW324" s="20"/>
      <c r="AX324" s="20"/>
      <c r="AY324" s="20"/>
      <c r="AZ324" s="20"/>
      <c r="BA324" s="20"/>
      <c r="BB324" s="20"/>
      <c r="BC324" s="20"/>
      <c r="BD324" s="20"/>
    </row>
    <row r="325" spans="1:56" s="6" customFormat="1" ht="141.75" customHeight="1" thickBot="1">
      <c r="A325" s="411" t="s">
        <v>204</v>
      </c>
      <c r="B325" s="412"/>
      <c r="C325" s="412"/>
      <c r="D325" s="412"/>
      <c r="E325" s="412"/>
      <c r="F325" s="412"/>
      <c r="G325" s="412"/>
      <c r="H325" s="412"/>
      <c r="I325" s="412"/>
      <c r="J325" s="412"/>
      <c r="K325" s="412"/>
      <c r="L325" s="412"/>
      <c r="M325" s="412"/>
      <c r="N325" s="412"/>
      <c r="O325" s="412"/>
      <c r="P325" s="413"/>
      <c r="Q325" s="129"/>
      <c r="R325" s="13"/>
      <c r="S325" s="22"/>
      <c r="T325" s="50"/>
      <c r="U325" s="20"/>
      <c r="V325" s="20"/>
      <c r="W325" s="20"/>
      <c r="X325" s="20"/>
      <c r="Y325" s="20"/>
      <c r="Z325" s="20"/>
      <c r="AA325" s="20"/>
      <c r="AB325" s="20"/>
      <c r="AC325" s="20"/>
      <c r="AD325" s="20"/>
      <c r="AE325" s="20"/>
      <c r="AF325" s="20"/>
      <c r="AG325" s="20"/>
      <c r="AH325" s="20"/>
      <c r="AI325" s="20"/>
      <c r="AJ325" s="20"/>
      <c r="AK325" s="20"/>
      <c r="AL325" s="20"/>
      <c r="AM325" s="20"/>
      <c r="AN325" s="20"/>
      <c r="AO325" s="20"/>
      <c r="AP325" s="20"/>
      <c r="AQ325" s="20"/>
      <c r="AR325" s="20"/>
      <c r="AS325" s="20"/>
      <c r="AT325" s="20"/>
      <c r="AU325" s="20"/>
      <c r="AV325" s="20"/>
      <c r="AW325" s="20"/>
      <c r="AX325" s="20"/>
      <c r="AY325" s="20"/>
      <c r="AZ325" s="20"/>
      <c r="BA325" s="20"/>
      <c r="BB325" s="20"/>
      <c r="BC325" s="20"/>
      <c r="BD325" s="20"/>
    </row>
    <row r="326" spans="1:56" s="14" customFormat="1" ht="199.95" customHeight="1" thickTop="1" thickBot="1">
      <c r="A326" s="212" t="s">
        <v>205</v>
      </c>
      <c r="B326" s="214"/>
      <c r="C326" s="214"/>
      <c r="D326" s="214"/>
      <c r="E326" s="214"/>
      <c r="F326" s="214"/>
      <c r="G326" s="214"/>
      <c r="H326" s="214"/>
      <c r="I326" s="214"/>
      <c r="J326" s="214"/>
      <c r="K326" s="214"/>
      <c r="L326" s="214"/>
      <c r="M326" s="214"/>
      <c r="N326" s="370"/>
      <c r="O326" s="11" t="s">
        <v>20</v>
      </c>
      <c r="P326" s="12" t="s">
        <v>21</v>
      </c>
      <c r="Q326" s="129"/>
      <c r="R326" s="13"/>
      <c r="S326" s="130"/>
      <c r="T326" s="50"/>
      <c r="U326" s="21"/>
      <c r="V326" s="21"/>
      <c r="W326" s="21"/>
      <c r="X326" s="21"/>
      <c r="Y326" s="21"/>
      <c r="Z326" s="21"/>
      <c r="AA326" s="21"/>
      <c r="AB326" s="21"/>
      <c r="AC326" s="21"/>
      <c r="AD326" s="21"/>
      <c r="AE326" s="21"/>
      <c r="AF326" s="21"/>
      <c r="AG326" s="21"/>
      <c r="AH326" s="21"/>
      <c r="AI326" s="21"/>
      <c r="AJ326" s="21"/>
      <c r="AK326" s="21"/>
      <c r="AL326" s="21"/>
      <c r="AM326" s="21"/>
      <c r="AN326" s="21"/>
      <c r="AO326" s="21"/>
      <c r="AP326" s="21"/>
      <c r="AQ326" s="21"/>
      <c r="AR326" s="21"/>
      <c r="AS326" s="21"/>
      <c r="AT326" s="21"/>
      <c r="AU326" s="21"/>
      <c r="AV326" s="21"/>
      <c r="AW326" s="21"/>
      <c r="AX326" s="21"/>
      <c r="AY326" s="21"/>
      <c r="AZ326" s="21"/>
      <c r="BA326" s="21"/>
      <c r="BB326" s="21"/>
      <c r="BC326" s="21"/>
      <c r="BD326" s="21"/>
    </row>
    <row r="327" spans="1:56" s="14" customFormat="1" ht="201" customHeight="1" thickTop="1" thickBot="1">
      <c r="A327" s="215" t="s">
        <v>206</v>
      </c>
      <c r="B327" s="217"/>
      <c r="C327" s="217"/>
      <c r="D327" s="217"/>
      <c r="E327" s="217"/>
      <c r="F327" s="217"/>
      <c r="G327" s="217"/>
      <c r="H327" s="217"/>
      <c r="I327" s="217"/>
      <c r="J327" s="217"/>
      <c r="K327" s="217"/>
      <c r="L327" s="217"/>
      <c r="M327" s="217"/>
      <c r="N327" s="414"/>
      <c r="O327" s="11" t="s">
        <v>20</v>
      </c>
      <c r="P327" s="12" t="s">
        <v>21</v>
      </c>
      <c r="Q327" s="129"/>
      <c r="R327" s="13"/>
      <c r="S327" s="130"/>
      <c r="T327" s="50"/>
      <c r="U327" s="21"/>
      <c r="V327" s="21"/>
      <c r="W327" s="21"/>
      <c r="X327" s="20"/>
      <c r="Y327" s="20"/>
      <c r="Z327" s="20"/>
      <c r="AA327" s="20"/>
      <c r="AB327" s="20"/>
      <c r="AC327" s="20"/>
      <c r="AD327" s="20"/>
      <c r="AE327" s="20"/>
      <c r="AF327" s="20"/>
      <c r="AG327" s="20"/>
      <c r="AH327" s="20"/>
      <c r="AI327" s="20"/>
      <c r="AJ327" s="20"/>
      <c r="AK327" s="20"/>
      <c r="AL327" s="20"/>
      <c r="AM327" s="20"/>
      <c r="AN327" s="21"/>
      <c r="AO327" s="21"/>
      <c r="AP327" s="21"/>
      <c r="AQ327" s="21"/>
      <c r="AR327" s="21"/>
      <c r="AS327" s="21"/>
      <c r="AT327" s="21"/>
      <c r="AU327" s="21"/>
      <c r="AV327" s="21"/>
      <c r="AW327" s="21"/>
      <c r="AX327" s="21"/>
      <c r="AY327" s="21"/>
      <c r="AZ327" s="21"/>
      <c r="BA327" s="21"/>
      <c r="BB327" s="21"/>
      <c r="BC327" s="21"/>
      <c r="BD327" s="21"/>
    </row>
    <row r="328" spans="1:56" s="14" customFormat="1" ht="132" customHeight="1" thickTop="1" thickBot="1">
      <c r="A328" s="215" t="s">
        <v>207</v>
      </c>
      <c r="B328" s="217"/>
      <c r="C328" s="217"/>
      <c r="D328" s="217"/>
      <c r="E328" s="217"/>
      <c r="F328" s="217"/>
      <c r="G328" s="217"/>
      <c r="H328" s="217"/>
      <c r="I328" s="217"/>
      <c r="J328" s="217"/>
      <c r="K328" s="217"/>
      <c r="L328" s="217"/>
      <c r="M328" s="217"/>
      <c r="N328" s="414"/>
      <c r="O328" s="11" t="s">
        <v>20</v>
      </c>
      <c r="P328" s="12" t="s">
        <v>21</v>
      </c>
      <c r="Q328" s="129"/>
      <c r="R328" s="13"/>
      <c r="S328" s="130"/>
      <c r="T328" s="50"/>
      <c r="U328" s="21"/>
      <c r="V328" s="21"/>
      <c r="W328" s="21"/>
      <c r="X328" s="20"/>
      <c r="Y328" s="20"/>
      <c r="Z328" s="20"/>
      <c r="AA328" s="20"/>
      <c r="AB328" s="20"/>
      <c r="AC328" s="20"/>
      <c r="AD328" s="20"/>
      <c r="AE328" s="20"/>
      <c r="AF328" s="20"/>
      <c r="AG328" s="20"/>
      <c r="AH328" s="20"/>
      <c r="AI328" s="20"/>
      <c r="AJ328" s="20"/>
      <c r="AK328" s="20"/>
      <c r="AL328" s="20"/>
      <c r="AM328" s="20"/>
      <c r="AN328" s="21"/>
      <c r="AO328" s="21"/>
      <c r="AP328" s="21"/>
      <c r="AQ328" s="21"/>
      <c r="AR328" s="21"/>
      <c r="AS328" s="21"/>
      <c r="AT328" s="21"/>
      <c r="AU328" s="21"/>
      <c r="AV328" s="21"/>
      <c r="AW328" s="21"/>
      <c r="AX328" s="21"/>
      <c r="AY328" s="21"/>
      <c r="AZ328" s="21"/>
      <c r="BA328" s="21"/>
      <c r="BB328" s="21"/>
      <c r="BC328" s="21"/>
      <c r="BD328" s="21"/>
    </row>
    <row r="329" spans="1:56" s="14" customFormat="1" ht="132" customHeight="1" thickTop="1" thickBot="1">
      <c r="A329" s="218" t="s">
        <v>208</v>
      </c>
      <c r="B329" s="220"/>
      <c r="C329" s="220"/>
      <c r="D329" s="220"/>
      <c r="E329" s="220"/>
      <c r="F329" s="220"/>
      <c r="G329" s="220"/>
      <c r="H329" s="220"/>
      <c r="I329" s="220"/>
      <c r="J329" s="220"/>
      <c r="K329" s="220"/>
      <c r="L329" s="220"/>
      <c r="M329" s="220"/>
      <c r="N329" s="371"/>
      <c r="O329" s="16" t="s">
        <v>20</v>
      </c>
      <c r="P329" s="132" t="s">
        <v>21</v>
      </c>
      <c r="Q329" s="129"/>
      <c r="R329" s="13"/>
      <c r="S329" s="130"/>
      <c r="T329" s="50"/>
      <c r="U329" s="21"/>
      <c r="V329" s="21"/>
      <c r="W329" s="21"/>
      <c r="X329" s="6"/>
      <c r="Y329" s="6"/>
      <c r="Z329" s="6"/>
      <c r="AA329" s="6"/>
      <c r="AB329" s="6"/>
      <c r="AC329" s="6"/>
      <c r="AD329" s="6"/>
      <c r="AE329" s="6"/>
      <c r="AF329" s="6"/>
      <c r="AG329" s="6"/>
      <c r="AH329" s="6"/>
      <c r="AI329" s="6"/>
      <c r="AJ329" s="6"/>
      <c r="AK329" s="6"/>
      <c r="AL329" s="6"/>
      <c r="AM329" s="6"/>
      <c r="AN329" s="21"/>
      <c r="AO329" s="21"/>
      <c r="AP329" s="21"/>
      <c r="AQ329" s="21"/>
      <c r="AR329" s="21"/>
      <c r="AS329" s="21"/>
      <c r="AT329" s="21"/>
      <c r="AU329" s="21"/>
      <c r="AV329" s="21"/>
      <c r="AW329" s="21"/>
      <c r="AX329" s="21"/>
      <c r="AY329" s="21"/>
      <c r="AZ329" s="21"/>
      <c r="BA329" s="21"/>
      <c r="BB329" s="21"/>
      <c r="BC329" s="21"/>
      <c r="BD329" s="21"/>
    </row>
    <row r="330" spans="1:56" s="6" customFormat="1" ht="69.900000000000006" customHeight="1" thickTop="1">
      <c r="A330" s="221" t="s">
        <v>25</v>
      </c>
      <c r="B330" s="223"/>
      <c r="C330" s="223"/>
      <c r="D330" s="223"/>
      <c r="E330" s="223"/>
      <c r="F330" s="223"/>
      <c r="G330" s="223"/>
      <c r="H330" s="223"/>
      <c r="I330" s="223"/>
      <c r="J330" s="223"/>
      <c r="K330" s="223"/>
      <c r="L330" s="223"/>
      <c r="M330" s="223"/>
      <c r="N330" s="223"/>
      <c r="O330" s="223"/>
      <c r="P330" s="343"/>
      <c r="Q330" s="155"/>
      <c r="R330" s="13"/>
      <c r="S330" s="128"/>
      <c r="T330" s="156"/>
    </row>
    <row r="331" spans="1:56" s="14" customFormat="1" ht="75" customHeight="1">
      <c r="A331" s="225"/>
      <c r="B331" s="226"/>
      <c r="C331" s="226"/>
      <c r="D331" s="226"/>
      <c r="E331" s="226"/>
      <c r="F331" s="226"/>
      <c r="G331" s="226"/>
      <c r="H331" s="226"/>
      <c r="I331" s="226"/>
      <c r="J331" s="226"/>
      <c r="K331" s="226"/>
      <c r="L331" s="227"/>
      <c r="M331" s="226"/>
      <c r="N331" s="226"/>
      <c r="O331" s="226"/>
      <c r="P331" s="228"/>
      <c r="Q331" s="129"/>
      <c r="R331" s="13"/>
      <c r="S331" s="17"/>
      <c r="T331" s="156"/>
    </row>
    <row r="332" spans="1:56" s="14" customFormat="1" ht="75" customHeight="1" thickBot="1">
      <c r="A332" s="229"/>
      <c r="B332" s="230"/>
      <c r="C332" s="230"/>
      <c r="D332" s="230"/>
      <c r="E332" s="230"/>
      <c r="F332" s="230"/>
      <c r="G332" s="230"/>
      <c r="H332" s="230"/>
      <c r="I332" s="230"/>
      <c r="J332" s="230"/>
      <c r="K332" s="230"/>
      <c r="L332" s="231"/>
      <c r="M332" s="230"/>
      <c r="N332" s="230"/>
      <c r="O332" s="230"/>
      <c r="P332" s="232"/>
      <c r="Q332" s="129"/>
      <c r="R332" s="13"/>
      <c r="S332" s="17"/>
      <c r="T332" s="156"/>
    </row>
    <row r="333" spans="1:56" s="6" customFormat="1" ht="21" customHeight="1">
      <c r="A333" s="129"/>
      <c r="B333" s="129"/>
      <c r="C333" s="129"/>
      <c r="D333" s="129"/>
      <c r="E333" s="129"/>
      <c r="F333" s="129"/>
      <c r="G333" s="129"/>
      <c r="H333" s="129"/>
      <c r="I333" s="129"/>
      <c r="J333" s="129"/>
      <c r="K333" s="129"/>
      <c r="L333" s="129"/>
      <c r="M333" s="129"/>
      <c r="N333" s="129"/>
      <c r="O333" s="165"/>
      <c r="P333" s="165"/>
      <c r="Q333" s="129"/>
      <c r="R333" s="13"/>
      <c r="S333" s="22"/>
      <c r="T333" s="50"/>
      <c r="U333" s="20"/>
      <c r="V333" s="20"/>
      <c r="W333" s="20"/>
      <c r="AN333" s="20"/>
      <c r="AO333" s="20"/>
      <c r="AP333" s="20"/>
      <c r="AQ333" s="20"/>
      <c r="AR333" s="20"/>
      <c r="AS333" s="20"/>
      <c r="AT333" s="20"/>
      <c r="AU333" s="20"/>
      <c r="AV333" s="20"/>
      <c r="AW333" s="20"/>
      <c r="AX333" s="20"/>
      <c r="AY333" s="20"/>
      <c r="AZ333" s="20"/>
      <c r="BA333" s="20"/>
      <c r="BB333" s="20"/>
      <c r="BC333" s="20"/>
      <c r="BD333" s="20"/>
    </row>
    <row r="334" spans="1:56" s="57" customFormat="1" ht="409.5" customHeight="1">
      <c r="A334" s="425" t="s">
        <v>209</v>
      </c>
      <c r="B334" s="426"/>
      <c r="C334" s="426"/>
      <c r="D334" s="426"/>
      <c r="E334" s="426"/>
      <c r="F334" s="426"/>
      <c r="G334" s="426"/>
      <c r="H334" s="426"/>
      <c r="I334" s="426"/>
      <c r="J334" s="426"/>
      <c r="K334" s="426"/>
      <c r="L334" s="426"/>
      <c r="M334" s="426"/>
      <c r="N334" s="426"/>
      <c r="O334" s="426"/>
      <c r="P334" s="426"/>
      <c r="Q334" s="426"/>
      <c r="R334" s="426"/>
      <c r="S334" s="427"/>
      <c r="T334" s="166"/>
      <c r="X334" s="4"/>
      <c r="Y334" s="4"/>
      <c r="Z334" s="4"/>
      <c r="AA334" s="4"/>
      <c r="AB334" s="4"/>
      <c r="AC334" s="4"/>
      <c r="AD334" s="4"/>
      <c r="AE334" s="4"/>
      <c r="AF334" s="4"/>
      <c r="AG334" s="4"/>
      <c r="AH334" s="4"/>
      <c r="AI334" s="4"/>
      <c r="AJ334" s="4"/>
      <c r="AK334" s="4"/>
      <c r="AL334" s="4"/>
      <c r="AM334" s="4"/>
    </row>
    <row r="335" spans="1:56" s="57" customFormat="1" ht="43.5" customHeight="1">
      <c r="A335" s="428"/>
      <c r="B335" s="429"/>
      <c r="C335" s="429"/>
      <c r="D335" s="429"/>
      <c r="E335" s="429"/>
      <c r="F335" s="429"/>
      <c r="G335" s="429"/>
      <c r="H335" s="429"/>
      <c r="I335" s="429"/>
      <c r="J335" s="429"/>
      <c r="K335" s="429"/>
      <c r="L335" s="429"/>
      <c r="M335" s="429"/>
      <c r="N335" s="429"/>
      <c r="O335" s="429"/>
      <c r="P335" s="429"/>
      <c r="Q335" s="429"/>
      <c r="R335" s="429"/>
      <c r="S335" s="430"/>
      <c r="T335" s="166"/>
      <c r="X335" s="4"/>
      <c r="Y335" s="4"/>
      <c r="Z335" s="4"/>
      <c r="AA335" s="4"/>
      <c r="AB335" s="4"/>
      <c r="AC335" s="4"/>
      <c r="AD335" s="4"/>
      <c r="AE335" s="4"/>
      <c r="AF335" s="4"/>
      <c r="AG335" s="4"/>
      <c r="AH335" s="4"/>
      <c r="AI335" s="4"/>
      <c r="AJ335" s="4"/>
      <c r="AK335" s="4"/>
      <c r="AL335" s="4"/>
      <c r="AM335" s="4"/>
    </row>
    <row r="336" spans="1:56" s="57" customFormat="1" ht="13.5" customHeight="1">
      <c r="A336" s="167"/>
      <c r="B336" s="167"/>
      <c r="C336" s="167"/>
      <c r="D336" s="167"/>
      <c r="E336" s="167"/>
      <c r="F336" s="167"/>
      <c r="G336" s="167"/>
      <c r="H336" s="167"/>
      <c r="I336" s="167"/>
      <c r="J336" s="167"/>
      <c r="K336" s="167"/>
      <c r="L336" s="167"/>
      <c r="M336" s="167"/>
      <c r="N336" s="167"/>
      <c r="O336" s="167"/>
      <c r="P336" s="167"/>
      <c r="Q336" s="167"/>
      <c r="R336" s="167"/>
      <c r="S336" s="167"/>
      <c r="T336" s="166"/>
      <c r="X336" s="4"/>
      <c r="Y336" s="4"/>
      <c r="Z336" s="4"/>
      <c r="AA336" s="4"/>
      <c r="AB336" s="4"/>
      <c r="AC336" s="4"/>
      <c r="AD336" s="4"/>
      <c r="AE336" s="4"/>
      <c r="AF336" s="4"/>
      <c r="AG336" s="4"/>
      <c r="AH336" s="4"/>
      <c r="AI336" s="4"/>
      <c r="AJ336" s="4"/>
      <c r="AK336" s="4"/>
      <c r="AL336" s="4"/>
      <c r="AM336" s="4"/>
    </row>
    <row r="337" spans="1:19" s="170" customFormat="1" ht="55.2">
      <c r="A337" s="421" t="s">
        <v>210</v>
      </c>
      <c r="B337" s="422"/>
      <c r="C337" s="422"/>
      <c r="D337" s="422"/>
      <c r="E337" s="422"/>
      <c r="F337" s="422"/>
      <c r="G337" s="422"/>
      <c r="H337" s="422"/>
      <c r="I337" s="422"/>
      <c r="J337" s="422"/>
      <c r="K337" s="422"/>
      <c r="L337" s="422"/>
      <c r="M337" s="422"/>
      <c r="N337" s="422"/>
      <c r="O337" s="422"/>
      <c r="P337" s="423"/>
      <c r="Q337" s="168"/>
      <c r="R337" s="168"/>
      <c r="S337" s="169"/>
    </row>
    <row r="338" spans="1:19" s="170" customFormat="1" ht="103.5" customHeight="1">
      <c r="A338" s="415" t="s">
        <v>211</v>
      </c>
      <c r="B338" s="416"/>
      <c r="C338" s="416"/>
      <c r="D338" s="416"/>
      <c r="E338" s="416"/>
      <c r="F338" s="416"/>
      <c r="G338" s="416"/>
      <c r="H338" s="416"/>
      <c r="I338" s="416"/>
      <c r="J338" s="416"/>
      <c r="K338" s="416"/>
      <c r="L338" s="416"/>
      <c r="M338" s="416"/>
      <c r="N338" s="416"/>
      <c r="O338" s="416"/>
      <c r="P338" s="417"/>
      <c r="Q338" s="168"/>
      <c r="R338" s="168"/>
      <c r="S338" s="169"/>
    </row>
    <row r="339" spans="1:19" s="170" customFormat="1" ht="103.5" customHeight="1">
      <c r="A339" s="418" t="s">
        <v>212</v>
      </c>
      <c r="B339" s="419"/>
      <c r="C339" s="419"/>
      <c r="D339" s="419"/>
      <c r="E339" s="419"/>
      <c r="F339" s="419"/>
      <c r="G339" s="419"/>
      <c r="H339" s="419"/>
      <c r="I339" s="419"/>
      <c r="J339" s="419"/>
      <c r="K339" s="419"/>
      <c r="L339" s="419"/>
      <c r="M339" s="419"/>
      <c r="N339" s="419"/>
      <c r="O339" s="419"/>
      <c r="P339" s="420"/>
      <c r="Q339" s="168"/>
      <c r="R339" s="168"/>
      <c r="S339" s="169"/>
    </row>
    <row r="340" spans="1:19" s="170" customFormat="1" ht="91.5" customHeight="1">
      <c r="A340" s="171"/>
      <c r="B340" s="172" t="s">
        <v>213</v>
      </c>
      <c r="C340" s="173"/>
      <c r="D340" s="173"/>
      <c r="E340" s="173"/>
      <c r="F340" s="173"/>
      <c r="G340" s="173"/>
      <c r="H340" s="173"/>
      <c r="I340" s="174"/>
      <c r="J340" s="174"/>
      <c r="K340" s="175"/>
      <c r="L340" s="175"/>
      <c r="M340" s="175"/>
      <c r="N340" s="176"/>
      <c r="O340" s="176"/>
      <c r="P340" s="177"/>
      <c r="Q340" s="168"/>
      <c r="R340" s="168"/>
      <c r="S340" s="169"/>
    </row>
    <row r="341" spans="1:19" s="170" customFormat="1" ht="19.5" customHeight="1">
      <c r="A341" s="178"/>
      <c r="B341" s="179"/>
      <c r="C341" s="173"/>
      <c r="D341" s="173"/>
      <c r="E341" s="173"/>
      <c r="F341" s="173"/>
      <c r="G341" s="173"/>
      <c r="H341" s="173"/>
      <c r="I341" s="174"/>
      <c r="J341" s="174"/>
      <c r="K341" s="173"/>
      <c r="L341" s="173"/>
      <c r="M341" s="173"/>
      <c r="N341" s="174"/>
      <c r="O341" s="174"/>
      <c r="P341" s="180"/>
      <c r="Q341" s="168"/>
      <c r="R341" s="168"/>
      <c r="S341" s="169"/>
    </row>
    <row r="342" spans="1:19" s="170" customFormat="1" ht="38.1" customHeight="1">
      <c r="A342" s="175"/>
      <c r="B342" s="172"/>
      <c r="C342" s="175"/>
      <c r="D342" s="175"/>
      <c r="E342" s="175"/>
      <c r="F342" s="175"/>
      <c r="G342" s="175"/>
      <c r="H342" s="175"/>
      <c r="I342" s="176"/>
      <c r="J342" s="176"/>
      <c r="K342" s="175"/>
      <c r="L342" s="175"/>
      <c r="M342" s="175"/>
      <c r="N342" s="176"/>
      <c r="O342" s="176"/>
      <c r="P342" s="175"/>
      <c r="Q342" s="168"/>
      <c r="R342" s="168"/>
      <c r="S342" s="169"/>
    </row>
    <row r="343" spans="1:19" s="170" customFormat="1" ht="55.2">
      <c r="A343" s="421" t="s">
        <v>210</v>
      </c>
      <c r="B343" s="422"/>
      <c r="C343" s="422"/>
      <c r="D343" s="422"/>
      <c r="E343" s="422"/>
      <c r="F343" s="422"/>
      <c r="G343" s="422"/>
      <c r="H343" s="422"/>
      <c r="I343" s="422"/>
      <c r="J343" s="422"/>
      <c r="K343" s="422"/>
      <c r="L343" s="422"/>
      <c r="M343" s="422"/>
      <c r="N343" s="422"/>
      <c r="O343" s="422"/>
      <c r="P343" s="423"/>
      <c r="Q343" s="168"/>
      <c r="R343" s="168"/>
      <c r="S343" s="169"/>
    </row>
    <row r="344" spans="1:19" s="170" customFormat="1" ht="103.5" customHeight="1">
      <c r="A344" s="415" t="s">
        <v>211</v>
      </c>
      <c r="B344" s="416"/>
      <c r="C344" s="416"/>
      <c r="D344" s="416"/>
      <c r="E344" s="416"/>
      <c r="F344" s="416"/>
      <c r="G344" s="416"/>
      <c r="H344" s="416"/>
      <c r="I344" s="416"/>
      <c r="J344" s="416"/>
      <c r="K344" s="416"/>
      <c r="L344" s="416"/>
      <c r="M344" s="416"/>
      <c r="N344" s="416"/>
      <c r="O344" s="416"/>
      <c r="P344" s="417"/>
      <c r="Q344" s="168"/>
      <c r="R344" s="168"/>
      <c r="S344" s="169"/>
    </row>
    <row r="345" spans="1:19" s="170" customFormat="1" ht="103.5" customHeight="1">
      <c r="A345" s="418" t="s">
        <v>212</v>
      </c>
      <c r="B345" s="419"/>
      <c r="C345" s="419"/>
      <c r="D345" s="419"/>
      <c r="E345" s="419"/>
      <c r="F345" s="419"/>
      <c r="G345" s="419"/>
      <c r="H345" s="419"/>
      <c r="I345" s="419"/>
      <c r="J345" s="419"/>
      <c r="K345" s="419"/>
      <c r="L345" s="419"/>
      <c r="M345" s="419"/>
      <c r="N345" s="419"/>
      <c r="O345" s="419"/>
      <c r="P345" s="420"/>
      <c r="Q345" s="168"/>
      <c r="R345" s="168"/>
      <c r="S345" s="169"/>
    </row>
    <row r="346" spans="1:19" s="170" customFormat="1" ht="91.5" customHeight="1">
      <c r="A346" s="171"/>
      <c r="B346" s="172" t="s">
        <v>213</v>
      </c>
      <c r="C346" s="173"/>
      <c r="D346" s="173"/>
      <c r="E346" s="173"/>
      <c r="F346" s="173"/>
      <c r="G346" s="173"/>
      <c r="H346" s="173"/>
      <c r="I346" s="174"/>
      <c r="J346" s="174"/>
      <c r="K346" s="175"/>
      <c r="L346" s="175"/>
      <c r="M346" s="175"/>
      <c r="N346" s="176"/>
      <c r="O346" s="176"/>
      <c r="P346" s="177"/>
      <c r="Q346" s="168"/>
      <c r="R346" s="168"/>
      <c r="S346" s="208"/>
    </row>
    <row r="347" spans="1:19" s="170" customFormat="1" ht="19.5" customHeight="1">
      <c r="A347" s="178"/>
      <c r="B347" s="179"/>
      <c r="C347" s="173"/>
      <c r="D347" s="173"/>
      <c r="E347" s="173"/>
      <c r="F347" s="173"/>
      <c r="G347" s="173"/>
      <c r="H347" s="173"/>
      <c r="I347" s="174"/>
      <c r="J347" s="174"/>
      <c r="K347" s="173"/>
      <c r="L347" s="173"/>
      <c r="M347" s="173"/>
      <c r="N347" s="174"/>
      <c r="O347" s="174"/>
      <c r="P347" s="180"/>
      <c r="Q347" s="168"/>
      <c r="R347" s="168"/>
      <c r="S347" s="169"/>
    </row>
    <row r="348" spans="1:19" s="170" customFormat="1" ht="55.2">
      <c r="A348" s="424"/>
      <c r="B348" s="424"/>
      <c r="C348" s="424"/>
      <c r="D348" s="424"/>
      <c r="E348" s="424"/>
      <c r="F348" s="424"/>
      <c r="G348" s="424"/>
      <c r="H348" s="424"/>
      <c r="I348" s="424"/>
      <c r="J348" s="424"/>
      <c r="K348" s="424"/>
      <c r="L348" s="424"/>
      <c r="M348" s="424"/>
      <c r="N348" s="424"/>
      <c r="O348" s="424"/>
      <c r="P348" s="175"/>
      <c r="Q348" s="168"/>
      <c r="R348" s="168"/>
      <c r="S348" s="169"/>
    </row>
  </sheetData>
  <mergeCells count="352">
    <mergeCell ref="A338:P338"/>
    <mergeCell ref="A339:P339"/>
    <mergeCell ref="A343:P343"/>
    <mergeCell ref="A344:P344"/>
    <mergeCell ref="A345:P345"/>
    <mergeCell ref="A348:O348"/>
    <mergeCell ref="A329:N329"/>
    <mergeCell ref="A330:P330"/>
    <mergeCell ref="A331:P331"/>
    <mergeCell ref="A332:P332"/>
    <mergeCell ref="A334:S335"/>
    <mergeCell ref="A337:P337"/>
    <mergeCell ref="A323:P323"/>
    <mergeCell ref="A324:P324"/>
    <mergeCell ref="A325:P325"/>
    <mergeCell ref="A326:N326"/>
    <mergeCell ref="A327:N327"/>
    <mergeCell ref="A328:N328"/>
    <mergeCell ref="A317:P317"/>
    <mergeCell ref="A318:N318"/>
    <mergeCell ref="A319:N319"/>
    <mergeCell ref="A320:N320"/>
    <mergeCell ref="A321:P321"/>
    <mergeCell ref="A322:P322"/>
    <mergeCell ref="A311:P311"/>
    <mergeCell ref="A312:P312"/>
    <mergeCell ref="A313:P313"/>
    <mergeCell ref="A314:P314"/>
    <mergeCell ref="A315:P315"/>
    <mergeCell ref="A316:P316"/>
    <mergeCell ref="A305:N305"/>
    <mergeCell ref="A306:N306"/>
    <mergeCell ref="A307:P307"/>
    <mergeCell ref="A308:P308"/>
    <mergeCell ref="A309:P309"/>
    <mergeCell ref="A310:P310"/>
    <mergeCell ref="A299:P299"/>
    <mergeCell ref="A300:M300"/>
    <mergeCell ref="A301:P301"/>
    <mergeCell ref="A302:P302"/>
    <mergeCell ref="A303:P303"/>
    <mergeCell ref="A304:P304"/>
    <mergeCell ref="A293:P293"/>
    <mergeCell ref="A294:P294"/>
    <mergeCell ref="A295:P295"/>
    <mergeCell ref="A296:P296"/>
    <mergeCell ref="A297:P297"/>
    <mergeCell ref="A298:P298"/>
    <mergeCell ref="A287:P287"/>
    <mergeCell ref="A288:P288"/>
    <mergeCell ref="A289:P289"/>
    <mergeCell ref="A290:M290"/>
    <mergeCell ref="A291:P291"/>
    <mergeCell ref="A292:P292"/>
    <mergeCell ref="A281:N281"/>
    <mergeCell ref="A282:P282"/>
    <mergeCell ref="A283:P283"/>
    <mergeCell ref="A284:P284"/>
    <mergeCell ref="A285:P285"/>
    <mergeCell ref="A286:P286"/>
    <mergeCell ref="A275:N275"/>
    <mergeCell ref="A276:P276"/>
    <mergeCell ref="A277:P277"/>
    <mergeCell ref="A278:P278"/>
    <mergeCell ref="A279:P279"/>
    <mergeCell ref="A280:P280"/>
    <mergeCell ref="A269:P269"/>
    <mergeCell ref="A270:N270"/>
    <mergeCell ref="A271:P271"/>
    <mergeCell ref="A272:P272"/>
    <mergeCell ref="A273:P273"/>
    <mergeCell ref="A274:P274"/>
    <mergeCell ref="A263:P263"/>
    <mergeCell ref="A264:N264"/>
    <mergeCell ref="A265:N265"/>
    <mergeCell ref="A266:P266"/>
    <mergeCell ref="A267:P267"/>
    <mergeCell ref="A268:P268"/>
    <mergeCell ref="A257:P257"/>
    <mergeCell ref="A258:P258"/>
    <mergeCell ref="A259:P259"/>
    <mergeCell ref="A260:P260"/>
    <mergeCell ref="A261:P261"/>
    <mergeCell ref="A262:P262"/>
    <mergeCell ref="A251:P251"/>
    <mergeCell ref="A252:N252"/>
    <mergeCell ref="A253:P253"/>
    <mergeCell ref="A254:P254"/>
    <mergeCell ref="A255:P255"/>
    <mergeCell ref="A256:P256"/>
    <mergeCell ref="A245:P245"/>
    <mergeCell ref="A246:P246"/>
    <mergeCell ref="A247:N247"/>
    <mergeCell ref="A248:P248"/>
    <mergeCell ref="A249:P249"/>
    <mergeCell ref="A250:P250"/>
    <mergeCell ref="A241:I241"/>
    <mergeCell ref="J241:P241"/>
    <mergeCell ref="A242:I242"/>
    <mergeCell ref="J242:P242"/>
    <mergeCell ref="A243:P243"/>
    <mergeCell ref="A244:P244"/>
    <mergeCell ref="A236:I236"/>
    <mergeCell ref="J236:P236"/>
    <mergeCell ref="A237:I237"/>
    <mergeCell ref="J237:P237"/>
    <mergeCell ref="A238:I240"/>
    <mergeCell ref="K238:P238"/>
    <mergeCell ref="J239:P239"/>
    <mergeCell ref="J240:K240"/>
    <mergeCell ref="M240:P240"/>
    <mergeCell ref="A232:P232"/>
    <mergeCell ref="A233:I233"/>
    <mergeCell ref="J233:P233"/>
    <mergeCell ref="A234:I235"/>
    <mergeCell ref="J234:P234"/>
    <mergeCell ref="J235:K235"/>
    <mergeCell ref="M235:P235"/>
    <mergeCell ref="A226:M226"/>
    <mergeCell ref="A227:P227"/>
    <mergeCell ref="A228:P228"/>
    <mergeCell ref="A229:P229"/>
    <mergeCell ref="A230:P230"/>
    <mergeCell ref="A231:P231"/>
    <mergeCell ref="A220:P220"/>
    <mergeCell ref="A221:N221"/>
    <mergeCell ref="A222:P222"/>
    <mergeCell ref="A223:P223"/>
    <mergeCell ref="A224:P224"/>
    <mergeCell ref="A225:P225"/>
    <mergeCell ref="A214:P214"/>
    <mergeCell ref="A215:N215"/>
    <mergeCell ref="A216:M216"/>
    <mergeCell ref="A217:P217"/>
    <mergeCell ref="A218:P218"/>
    <mergeCell ref="A219:P219"/>
    <mergeCell ref="A208:P208"/>
    <mergeCell ref="A209:N209"/>
    <mergeCell ref="A210:N210"/>
    <mergeCell ref="A211:P211"/>
    <mergeCell ref="A212:P212"/>
    <mergeCell ref="A213:P213"/>
    <mergeCell ref="A202:P202"/>
    <mergeCell ref="A203:P203"/>
    <mergeCell ref="A204:N204"/>
    <mergeCell ref="A205:P205"/>
    <mergeCell ref="A206:P206"/>
    <mergeCell ref="A207:P207"/>
    <mergeCell ref="A196:P196"/>
    <mergeCell ref="A197:M197"/>
    <mergeCell ref="A198:M198"/>
    <mergeCell ref="A199:P199"/>
    <mergeCell ref="A200:P200"/>
    <mergeCell ref="A201:P201"/>
    <mergeCell ref="A191:J192"/>
    <mergeCell ref="K191:P191"/>
    <mergeCell ref="K192:P192"/>
    <mergeCell ref="A193:P193"/>
    <mergeCell ref="A194:P194"/>
    <mergeCell ref="A195:P195"/>
    <mergeCell ref="A186:P186"/>
    <mergeCell ref="A187:P187"/>
    <mergeCell ref="A188:M188"/>
    <mergeCell ref="A189:P189"/>
    <mergeCell ref="A190:J190"/>
    <mergeCell ref="K190:P190"/>
    <mergeCell ref="A180:P180"/>
    <mergeCell ref="A181:P181"/>
    <mergeCell ref="A182:P182"/>
    <mergeCell ref="A183:P183"/>
    <mergeCell ref="A184:P184"/>
    <mergeCell ref="A185:P185"/>
    <mergeCell ref="A177:J178"/>
    <mergeCell ref="K177:L178"/>
    <mergeCell ref="M177:P177"/>
    <mergeCell ref="M178:P178"/>
    <mergeCell ref="A179:J179"/>
    <mergeCell ref="K179:P179"/>
    <mergeCell ref="A174:J174"/>
    <mergeCell ref="K174:P174"/>
    <mergeCell ref="A175:J176"/>
    <mergeCell ref="K175:L176"/>
    <mergeCell ref="M175:P175"/>
    <mergeCell ref="M176:P176"/>
    <mergeCell ref="A168:P168"/>
    <mergeCell ref="A169:P169"/>
    <mergeCell ref="A170:P170"/>
    <mergeCell ref="A171:N171"/>
    <mergeCell ref="A172:P172"/>
    <mergeCell ref="A173:P173"/>
    <mergeCell ref="A162:P162"/>
    <mergeCell ref="A163:P163"/>
    <mergeCell ref="A164:P164"/>
    <mergeCell ref="A165:P165"/>
    <mergeCell ref="A166:N166"/>
    <mergeCell ref="A167:P167"/>
    <mergeCell ref="A156:M156"/>
    <mergeCell ref="A157:P157"/>
    <mergeCell ref="A158:P158"/>
    <mergeCell ref="A159:P159"/>
    <mergeCell ref="A160:P160"/>
    <mergeCell ref="A161:N161"/>
    <mergeCell ref="A150:M150"/>
    <mergeCell ref="A151:P151"/>
    <mergeCell ref="A152:P152"/>
    <mergeCell ref="A153:P153"/>
    <mergeCell ref="A154:P154"/>
    <mergeCell ref="A155:P155"/>
    <mergeCell ref="A144:N144"/>
    <mergeCell ref="A145:N145"/>
    <mergeCell ref="A146:P146"/>
    <mergeCell ref="A147:P147"/>
    <mergeCell ref="A148:P148"/>
    <mergeCell ref="A149:P149"/>
    <mergeCell ref="A138:P138"/>
    <mergeCell ref="A139:P139"/>
    <mergeCell ref="A140:P140"/>
    <mergeCell ref="A141:P141"/>
    <mergeCell ref="A142:P142"/>
    <mergeCell ref="A143:N143"/>
    <mergeCell ref="A132:P132"/>
    <mergeCell ref="A133:P133"/>
    <mergeCell ref="A134:N134"/>
    <mergeCell ref="A135:P135"/>
    <mergeCell ref="A136:P136"/>
    <mergeCell ref="A137:P137"/>
    <mergeCell ref="A126:P126"/>
    <mergeCell ref="A127:P127"/>
    <mergeCell ref="A128:P128"/>
    <mergeCell ref="A129:N129"/>
    <mergeCell ref="A130:P130"/>
    <mergeCell ref="A131:P131"/>
    <mergeCell ref="A120:N120"/>
    <mergeCell ref="A121:P121"/>
    <mergeCell ref="A122:P122"/>
    <mergeCell ref="A123:P123"/>
    <mergeCell ref="A124:P124"/>
    <mergeCell ref="A125:P125"/>
    <mergeCell ref="A114:N114"/>
    <mergeCell ref="A115:P115"/>
    <mergeCell ref="A116:P116"/>
    <mergeCell ref="A117:P117"/>
    <mergeCell ref="A118:P118"/>
    <mergeCell ref="A119:P119"/>
    <mergeCell ref="A108:P108"/>
    <mergeCell ref="A109:N109"/>
    <mergeCell ref="A110:P110"/>
    <mergeCell ref="A111:P111"/>
    <mergeCell ref="A112:P112"/>
    <mergeCell ref="A113:P113"/>
    <mergeCell ref="A102:P102"/>
    <mergeCell ref="A103:P103"/>
    <mergeCell ref="A104:P104"/>
    <mergeCell ref="A105:P105"/>
    <mergeCell ref="A106:P106"/>
    <mergeCell ref="A107:P107"/>
    <mergeCell ref="A95:P95"/>
    <mergeCell ref="A96:P96"/>
    <mergeCell ref="A97:P97"/>
    <mergeCell ref="A98:P98"/>
    <mergeCell ref="A99:N101"/>
    <mergeCell ref="O99:O101"/>
    <mergeCell ref="P99:P101"/>
    <mergeCell ref="A91:J94"/>
    <mergeCell ref="K91:P91"/>
    <mergeCell ref="K92:P92"/>
    <mergeCell ref="K93:P93"/>
    <mergeCell ref="K94:L94"/>
    <mergeCell ref="M94:P94"/>
    <mergeCell ref="A85:P85"/>
    <mergeCell ref="A86:P86"/>
    <mergeCell ref="A87:J87"/>
    <mergeCell ref="K87:L87"/>
    <mergeCell ref="M87:P87"/>
    <mergeCell ref="A88:J90"/>
    <mergeCell ref="K88:P88"/>
    <mergeCell ref="K89:P89"/>
    <mergeCell ref="K90:P90"/>
    <mergeCell ref="A79:N79"/>
    <mergeCell ref="A80:P80"/>
    <mergeCell ref="A81:P81"/>
    <mergeCell ref="A82:P82"/>
    <mergeCell ref="A83:P83"/>
    <mergeCell ref="A84:M84"/>
    <mergeCell ref="A73:P73"/>
    <mergeCell ref="A74:P74"/>
    <mergeCell ref="A75:P75"/>
    <mergeCell ref="A76:P76"/>
    <mergeCell ref="A77:N77"/>
    <mergeCell ref="A78:N78"/>
    <mergeCell ref="A67:J67"/>
    <mergeCell ref="A68:P68"/>
    <mergeCell ref="A69:P69"/>
    <mergeCell ref="A70:P70"/>
    <mergeCell ref="A71:P71"/>
    <mergeCell ref="A72:N72"/>
    <mergeCell ref="A62:P62"/>
    <mergeCell ref="A63:P63"/>
    <mergeCell ref="A64:N64"/>
    <mergeCell ref="A65:P65"/>
    <mergeCell ref="A66:J66"/>
    <mergeCell ref="K66:P66"/>
    <mergeCell ref="A56:P56"/>
    <mergeCell ref="A57:P57"/>
    <mergeCell ref="A58:M58"/>
    <mergeCell ref="A59:M59"/>
    <mergeCell ref="A60:P60"/>
    <mergeCell ref="A61:P61"/>
    <mergeCell ref="A50:M50"/>
    <mergeCell ref="A51:M51"/>
    <mergeCell ref="A52:N52"/>
    <mergeCell ref="A53:N53"/>
    <mergeCell ref="A54:P54"/>
    <mergeCell ref="A55:P55"/>
    <mergeCell ref="A44:P44"/>
    <mergeCell ref="A45:P45"/>
    <mergeCell ref="A46:N46"/>
    <mergeCell ref="A47:N47"/>
    <mergeCell ref="A48:M48"/>
    <mergeCell ref="A49:M49"/>
    <mergeCell ref="S37:S38"/>
    <mergeCell ref="A39:N39"/>
    <mergeCell ref="A40:N40"/>
    <mergeCell ref="A41:P41"/>
    <mergeCell ref="A42:P42"/>
    <mergeCell ref="A43:P43"/>
    <mergeCell ref="A33:P33"/>
    <mergeCell ref="A34:P34"/>
    <mergeCell ref="A35:P35"/>
    <mergeCell ref="A36:P36"/>
    <mergeCell ref="A37:N38"/>
    <mergeCell ref="O37:O38"/>
    <mergeCell ref="P37:P38"/>
    <mergeCell ref="A27:P27"/>
    <mergeCell ref="A28:N28"/>
    <mergeCell ref="A29:N29"/>
    <mergeCell ref="A30:N30"/>
    <mergeCell ref="A31:N31"/>
    <mergeCell ref="A32:N32"/>
    <mergeCell ref="A21:N21"/>
    <mergeCell ref="A22:N22"/>
    <mergeCell ref="A23:M23"/>
    <mergeCell ref="A24:P24"/>
    <mergeCell ref="A25:P25"/>
    <mergeCell ref="A26:P26"/>
    <mergeCell ref="A1:S1"/>
    <mergeCell ref="A2:S2"/>
    <mergeCell ref="A6:S6"/>
    <mergeCell ref="N16:P16"/>
    <mergeCell ref="A19:P19"/>
    <mergeCell ref="S19:S20"/>
    <mergeCell ref="A20:P20"/>
  </mergeCells>
  <phoneticPr fontId="1"/>
  <printOptions horizontalCentered="1"/>
  <pageMargins left="0.23622047244094491" right="0.23622047244094491" top="0.35433070866141736" bottom="0" header="0.31496062992125984" footer="0.15748031496062992"/>
  <pageSetup paperSize="9" scale="20" fitToWidth="0" fitToHeight="0" orientation="portrait" r:id="rId1"/>
  <rowBreaks count="9" manualBreakCount="9">
    <brk id="15" max="18" man="1"/>
    <brk id="43" max="18" man="1"/>
    <brk id="75" max="18" man="1"/>
    <brk id="112" max="18" man="1"/>
    <brk id="148" max="18" man="1"/>
    <brk id="186" max="18" man="1"/>
    <brk id="219" max="18" man="1"/>
    <brk id="268" max="18" man="1"/>
    <brk id="316" max="18"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X464"/>
  <sheetViews>
    <sheetView showWhiteSpace="0" view="pageBreakPreview" zoomScale="25" zoomScaleNormal="20" zoomScaleSheetLayoutView="25" zoomScalePageLayoutView="70" workbookViewId="0">
      <selection sqref="A1:S1"/>
    </sheetView>
  </sheetViews>
  <sheetFormatPr defaultRowHeight="38.1" customHeight="1"/>
  <cols>
    <col min="1" max="1" width="3.109375" style="116" customWidth="1"/>
    <col min="2" max="2" width="7.33203125" style="117" customWidth="1"/>
    <col min="3" max="8" width="7.33203125" style="116" customWidth="1"/>
    <col min="9" max="9" width="45.33203125" style="118" customWidth="1"/>
    <col min="10" max="10" width="35.33203125" style="118" customWidth="1"/>
    <col min="11" max="11" width="35.109375" style="116" customWidth="1"/>
    <col min="12" max="12" width="44.33203125" style="119" customWidth="1"/>
    <col min="13" max="13" width="71.21875" style="116" customWidth="1"/>
    <col min="14" max="14" width="55.88671875" style="116" customWidth="1"/>
    <col min="15" max="15" width="35" style="118" customWidth="1"/>
    <col min="16" max="16" width="42.109375" style="118" customWidth="1"/>
    <col min="17" max="17" width="2.33203125" style="116" customWidth="1"/>
    <col min="18" max="18" width="3" style="62" customWidth="1"/>
    <col min="19" max="19" width="24.6640625" style="62" customWidth="1"/>
    <col min="20" max="20" width="255.6640625" style="62" customWidth="1"/>
    <col min="21" max="258" width="9" style="62"/>
    <col min="259" max="259" width="4.21875" style="62" customWidth="1"/>
    <col min="260" max="271" width="7.33203125" style="62" customWidth="1"/>
    <col min="272" max="272" width="5.6640625" style="62" customWidth="1"/>
    <col min="273" max="273" width="1.33203125" style="62" customWidth="1"/>
    <col min="274" max="274" width="17.77734375" style="62" customWidth="1"/>
    <col min="275" max="514" width="9" style="62"/>
    <col min="515" max="515" width="4.21875" style="62" customWidth="1"/>
    <col min="516" max="527" width="7.33203125" style="62" customWidth="1"/>
    <col min="528" max="528" width="5.6640625" style="62" customWidth="1"/>
    <col min="529" max="529" width="1.33203125" style="62" customWidth="1"/>
    <col min="530" max="530" width="17.77734375" style="62" customWidth="1"/>
    <col min="531" max="770" width="9" style="62"/>
    <col min="771" max="771" width="4.21875" style="62" customWidth="1"/>
    <col min="772" max="783" width="7.33203125" style="62" customWidth="1"/>
    <col min="784" max="784" width="5.6640625" style="62" customWidth="1"/>
    <col min="785" max="785" width="1.33203125" style="62" customWidth="1"/>
    <col min="786" max="786" width="17.77734375" style="62" customWidth="1"/>
    <col min="787" max="1026" width="9" style="62"/>
    <col min="1027" max="1027" width="4.21875" style="62" customWidth="1"/>
    <col min="1028" max="1039" width="7.33203125" style="62" customWidth="1"/>
    <col min="1040" max="1040" width="5.6640625" style="62" customWidth="1"/>
    <col min="1041" max="1041" width="1.33203125" style="62" customWidth="1"/>
    <col min="1042" max="1042" width="17.77734375" style="62" customWidth="1"/>
    <col min="1043" max="1282" width="9" style="62"/>
    <col min="1283" max="1283" width="4.21875" style="62" customWidth="1"/>
    <col min="1284" max="1295" width="7.33203125" style="62" customWidth="1"/>
    <col min="1296" max="1296" width="5.6640625" style="62" customWidth="1"/>
    <col min="1297" max="1297" width="1.33203125" style="62" customWidth="1"/>
    <col min="1298" max="1298" width="17.77734375" style="62" customWidth="1"/>
    <col min="1299" max="1538" width="9" style="62"/>
    <col min="1539" max="1539" width="4.21875" style="62" customWidth="1"/>
    <col min="1540" max="1551" width="7.33203125" style="62" customWidth="1"/>
    <col min="1552" max="1552" width="5.6640625" style="62" customWidth="1"/>
    <col min="1553" max="1553" width="1.33203125" style="62" customWidth="1"/>
    <col min="1554" max="1554" width="17.77734375" style="62" customWidth="1"/>
    <col min="1555" max="1794" width="9" style="62"/>
    <col min="1795" max="1795" width="4.21875" style="62" customWidth="1"/>
    <col min="1796" max="1807" width="7.33203125" style="62" customWidth="1"/>
    <col min="1808" max="1808" width="5.6640625" style="62" customWidth="1"/>
    <col min="1809" max="1809" width="1.33203125" style="62" customWidth="1"/>
    <col min="1810" max="1810" width="17.77734375" style="62" customWidth="1"/>
    <col min="1811" max="2050" width="9" style="62"/>
    <col min="2051" max="2051" width="4.21875" style="62" customWidth="1"/>
    <col min="2052" max="2063" width="7.33203125" style="62" customWidth="1"/>
    <col min="2064" max="2064" width="5.6640625" style="62" customWidth="1"/>
    <col min="2065" max="2065" width="1.33203125" style="62" customWidth="1"/>
    <col min="2066" max="2066" width="17.77734375" style="62" customWidth="1"/>
    <col min="2067" max="2306" width="9" style="62"/>
    <col min="2307" max="2307" width="4.21875" style="62" customWidth="1"/>
    <col min="2308" max="2319" width="7.33203125" style="62" customWidth="1"/>
    <col min="2320" max="2320" width="5.6640625" style="62" customWidth="1"/>
    <col min="2321" max="2321" width="1.33203125" style="62" customWidth="1"/>
    <col min="2322" max="2322" width="17.77734375" style="62" customWidth="1"/>
    <col min="2323" max="2562" width="9" style="62"/>
    <col min="2563" max="2563" width="4.21875" style="62" customWidth="1"/>
    <col min="2564" max="2575" width="7.33203125" style="62" customWidth="1"/>
    <col min="2576" max="2576" width="5.6640625" style="62" customWidth="1"/>
    <col min="2577" max="2577" width="1.33203125" style="62" customWidth="1"/>
    <col min="2578" max="2578" width="17.77734375" style="62" customWidth="1"/>
    <col min="2579" max="2818" width="9" style="62"/>
    <col min="2819" max="2819" width="4.21875" style="62" customWidth="1"/>
    <col min="2820" max="2831" width="7.33203125" style="62" customWidth="1"/>
    <col min="2832" max="2832" width="5.6640625" style="62" customWidth="1"/>
    <col min="2833" max="2833" width="1.33203125" style="62" customWidth="1"/>
    <col min="2834" max="2834" width="17.77734375" style="62" customWidth="1"/>
    <col min="2835" max="3074" width="9" style="62"/>
    <col min="3075" max="3075" width="4.21875" style="62" customWidth="1"/>
    <col min="3076" max="3087" width="7.33203125" style="62" customWidth="1"/>
    <col min="3088" max="3088" width="5.6640625" style="62" customWidth="1"/>
    <col min="3089" max="3089" width="1.33203125" style="62" customWidth="1"/>
    <col min="3090" max="3090" width="17.77734375" style="62" customWidth="1"/>
    <col min="3091" max="3330" width="9" style="62"/>
    <col min="3331" max="3331" width="4.21875" style="62" customWidth="1"/>
    <col min="3332" max="3343" width="7.33203125" style="62" customWidth="1"/>
    <col min="3344" max="3344" width="5.6640625" style="62" customWidth="1"/>
    <col min="3345" max="3345" width="1.33203125" style="62" customWidth="1"/>
    <col min="3346" max="3346" width="17.77734375" style="62" customWidth="1"/>
    <col min="3347" max="3586" width="9" style="62"/>
    <col min="3587" max="3587" width="4.21875" style="62" customWidth="1"/>
    <col min="3588" max="3599" width="7.33203125" style="62" customWidth="1"/>
    <col min="3600" max="3600" width="5.6640625" style="62" customWidth="1"/>
    <col min="3601" max="3601" width="1.33203125" style="62" customWidth="1"/>
    <col min="3602" max="3602" width="17.77734375" style="62" customWidth="1"/>
    <col min="3603" max="3842" width="9" style="62"/>
    <col min="3843" max="3843" width="4.21875" style="62" customWidth="1"/>
    <col min="3844" max="3855" width="7.33203125" style="62" customWidth="1"/>
    <col min="3856" max="3856" width="5.6640625" style="62" customWidth="1"/>
    <col min="3857" max="3857" width="1.33203125" style="62" customWidth="1"/>
    <col min="3858" max="3858" width="17.77734375" style="62" customWidth="1"/>
    <col min="3859" max="4098" width="9" style="62"/>
    <col min="4099" max="4099" width="4.21875" style="62" customWidth="1"/>
    <col min="4100" max="4111" width="7.33203125" style="62" customWidth="1"/>
    <col min="4112" max="4112" width="5.6640625" style="62" customWidth="1"/>
    <col min="4113" max="4113" width="1.33203125" style="62" customWidth="1"/>
    <col min="4114" max="4114" width="17.77734375" style="62" customWidth="1"/>
    <col min="4115" max="4354" width="9" style="62"/>
    <col min="4355" max="4355" width="4.21875" style="62" customWidth="1"/>
    <col min="4356" max="4367" width="7.33203125" style="62" customWidth="1"/>
    <col min="4368" max="4368" width="5.6640625" style="62" customWidth="1"/>
    <col min="4369" max="4369" width="1.33203125" style="62" customWidth="1"/>
    <col min="4370" max="4370" width="17.77734375" style="62" customWidth="1"/>
    <col min="4371" max="4610" width="9" style="62"/>
    <col min="4611" max="4611" width="4.21875" style="62" customWidth="1"/>
    <col min="4612" max="4623" width="7.33203125" style="62" customWidth="1"/>
    <col min="4624" max="4624" width="5.6640625" style="62" customWidth="1"/>
    <col min="4625" max="4625" width="1.33203125" style="62" customWidth="1"/>
    <col min="4626" max="4626" width="17.77734375" style="62" customWidth="1"/>
    <col min="4627" max="4866" width="9" style="62"/>
    <col min="4867" max="4867" width="4.21875" style="62" customWidth="1"/>
    <col min="4868" max="4879" width="7.33203125" style="62" customWidth="1"/>
    <col min="4880" max="4880" width="5.6640625" style="62" customWidth="1"/>
    <col min="4881" max="4881" width="1.33203125" style="62" customWidth="1"/>
    <col min="4882" max="4882" width="17.77734375" style="62" customWidth="1"/>
    <col min="4883" max="5122" width="9" style="62"/>
    <col min="5123" max="5123" width="4.21875" style="62" customWidth="1"/>
    <col min="5124" max="5135" width="7.33203125" style="62" customWidth="1"/>
    <col min="5136" max="5136" width="5.6640625" style="62" customWidth="1"/>
    <col min="5137" max="5137" width="1.33203125" style="62" customWidth="1"/>
    <col min="5138" max="5138" width="17.77734375" style="62" customWidth="1"/>
    <col min="5139" max="5378" width="9" style="62"/>
    <col min="5379" max="5379" width="4.21875" style="62" customWidth="1"/>
    <col min="5380" max="5391" width="7.33203125" style="62" customWidth="1"/>
    <col min="5392" max="5392" width="5.6640625" style="62" customWidth="1"/>
    <col min="5393" max="5393" width="1.33203125" style="62" customWidth="1"/>
    <col min="5394" max="5394" width="17.77734375" style="62" customWidth="1"/>
    <col min="5395" max="5634" width="9" style="62"/>
    <col min="5635" max="5635" width="4.21875" style="62" customWidth="1"/>
    <col min="5636" max="5647" width="7.33203125" style="62" customWidth="1"/>
    <col min="5648" max="5648" width="5.6640625" style="62" customWidth="1"/>
    <col min="5649" max="5649" width="1.33203125" style="62" customWidth="1"/>
    <col min="5650" max="5650" width="17.77734375" style="62" customWidth="1"/>
    <col min="5651" max="5890" width="9" style="62"/>
    <col min="5891" max="5891" width="4.21875" style="62" customWidth="1"/>
    <col min="5892" max="5903" width="7.33203125" style="62" customWidth="1"/>
    <col min="5904" max="5904" width="5.6640625" style="62" customWidth="1"/>
    <col min="5905" max="5905" width="1.33203125" style="62" customWidth="1"/>
    <col min="5906" max="5906" width="17.77734375" style="62" customWidth="1"/>
    <col min="5907" max="6146" width="9" style="62"/>
    <col min="6147" max="6147" width="4.21875" style="62" customWidth="1"/>
    <col min="6148" max="6159" width="7.33203125" style="62" customWidth="1"/>
    <col min="6160" max="6160" width="5.6640625" style="62" customWidth="1"/>
    <col min="6161" max="6161" width="1.33203125" style="62" customWidth="1"/>
    <col min="6162" max="6162" width="17.77734375" style="62" customWidth="1"/>
    <col min="6163" max="6402" width="9" style="62"/>
    <col min="6403" max="6403" width="4.21875" style="62" customWidth="1"/>
    <col min="6404" max="6415" width="7.33203125" style="62" customWidth="1"/>
    <col min="6416" max="6416" width="5.6640625" style="62" customWidth="1"/>
    <col min="6417" max="6417" width="1.33203125" style="62" customWidth="1"/>
    <col min="6418" max="6418" width="17.77734375" style="62" customWidth="1"/>
    <col min="6419" max="6658" width="9" style="62"/>
    <col min="6659" max="6659" width="4.21875" style="62" customWidth="1"/>
    <col min="6660" max="6671" width="7.33203125" style="62" customWidth="1"/>
    <col min="6672" max="6672" width="5.6640625" style="62" customWidth="1"/>
    <col min="6673" max="6673" width="1.33203125" style="62" customWidth="1"/>
    <col min="6674" max="6674" width="17.77734375" style="62" customWidth="1"/>
    <col min="6675" max="6914" width="9" style="62"/>
    <col min="6915" max="6915" width="4.21875" style="62" customWidth="1"/>
    <col min="6916" max="6927" width="7.33203125" style="62" customWidth="1"/>
    <col min="6928" max="6928" width="5.6640625" style="62" customWidth="1"/>
    <col min="6929" max="6929" width="1.33203125" style="62" customWidth="1"/>
    <col min="6930" max="6930" width="17.77734375" style="62" customWidth="1"/>
    <col min="6931" max="7170" width="9" style="62"/>
    <col min="7171" max="7171" width="4.21875" style="62" customWidth="1"/>
    <col min="7172" max="7183" width="7.33203125" style="62" customWidth="1"/>
    <col min="7184" max="7184" width="5.6640625" style="62" customWidth="1"/>
    <col min="7185" max="7185" width="1.33203125" style="62" customWidth="1"/>
    <col min="7186" max="7186" width="17.77734375" style="62" customWidth="1"/>
    <col min="7187" max="7426" width="9" style="62"/>
    <col min="7427" max="7427" width="4.21875" style="62" customWidth="1"/>
    <col min="7428" max="7439" width="7.33203125" style="62" customWidth="1"/>
    <col min="7440" max="7440" width="5.6640625" style="62" customWidth="1"/>
    <col min="7441" max="7441" width="1.33203125" style="62" customWidth="1"/>
    <col min="7442" max="7442" width="17.77734375" style="62" customWidth="1"/>
    <col min="7443" max="7682" width="9" style="62"/>
    <col min="7683" max="7683" width="4.21875" style="62" customWidth="1"/>
    <col min="7684" max="7695" width="7.33203125" style="62" customWidth="1"/>
    <col min="7696" max="7696" width="5.6640625" style="62" customWidth="1"/>
    <col min="7697" max="7697" width="1.33203125" style="62" customWidth="1"/>
    <col min="7698" max="7698" width="17.77734375" style="62" customWidth="1"/>
    <col min="7699" max="7938" width="9" style="62"/>
    <col min="7939" max="7939" width="4.21875" style="62" customWidth="1"/>
    <col min="7940" max="7951" width="7.33203125" style="62" customWidth="1"/>
    <col min="7952" max="7952" width="5.6640625" style="62" customWidth="1"/>
    <col min="7953" max="7953" width="1.33203125" style="62" customWidth="1"/>
    <col min="7954" max="7954" width="17.77734375" style="62" customWidth="1"/>
    <col min="7955" max="8194" width="9" style="62"/>
    <col min="8195" max="8195" width="4.21875" style="62" customWidth="1"/>
    <col min="8196" max="8207" width="7.33203125" style="62" customWidth="1"/>
    <col min="8208" max="8208" width="5.6640625" style="62" customWidth="1"/>
    <col min="8209" max="8209" width="1.33203125" style="62" customWidth="1"/>
    <col min="8210" max="8210" width="17.77734375" style="62" customWidth="1"/>
    <col min="8211" max="8450" width="9" style="62"/>
    <col min="8451" max="8451" width="4.21875" style="62" customWidth="1"/>
    <col min="8452" max="8463" width="7.33203125" style="62" customWidth="1"/>
    <col min="8464" max="8464" width="5.6640625" style="62" customWidth="1"/>
    <col min="8465" max="8465" width="1.33203125" style="62" customWidth="1"/>
    <col min="8466" max="8466" width="17.77734375" style="62" customWidth="1"/>
    <col min="8467" max="8706" width="9" style="62"/>
    <col min="8707" max="8707" width="4.21875" style="62" customWidth="1"/>
    <col min="8708" max="8719" width="7.33203125" style="62" customWidth="1"/>
    <col min="8720" max="8720" width="5.6640625" style="62" customWidth="1"/>
    <col min="8721" max="8721" width="1.33203125" style="62" customWidth="1"/>
    <col min="8722" max="8722" width="17.77734375" style="62" customWidth="1"/>
    <col min="8723" max="8962" width="9" style="62"/>
    <col min="8963" max="8963" width="4.21875" style="62" customWidth="1"/>
    <col min="8964" max="8975" width="7.33203125" style="62" customWidth="1"/>
    <col min="8976" max="8976" width="5.6640625" style="62" customWidth="1"/>
    <col min="8977" max="8977" width="1.33203125" style="62" customWidth="1"/>
    <col min="8978" max="8978" width="17.77734375" style="62" customWidth="1"/>
    <col min="8979" max="9218" width="9" style="62"/>
    <col min="9219" max="9219" width="4.21875" style="62" customWidth="1"/>
    <col min="9220" max="9231" width="7.33203125" style="62" customWidth="1"/>
    <col min="9232" max="9232" width="5.6640625" style="62" customWidth="1"/>
    <col min="9233" max="9233" width="1.33203125" style="62" customWidth="1"/>
    <col min="9234" max="9234" width="17.77734375" style="62" customWidth="1"/>
    <col min="9235" max="9474" width="9" style="62"/>
    <col min="9475" max="9475" width="4.21875" style="62" customWidth="1"/>
    <col min="9476" max="9487" width="7.33203125" style="62" customWidth="1"/>
    <col min="9488" max="9488" width="5.6640625" style="62" customWidth="1"/>
    <col min="9489" max="9489" width="1.33203125" style="62" customWidth="1"/>
    <col min="9490" max="9490" width="17.77734375" style="62" customWidth="1"/>
    <col min="9491" max="9730" width="9" style="62"/>
    <col min="9731" max="9731" width="4.21875" style="62" customWidth="1"/>
    <col min="9732" max="9743" width="7.33203125" style="62" customWidth="1"/>
    <col min="9744" max="9744" width="5.6640625" style="62" customWidth="1"/>
    <col min="9745" max="9745" width="1.33203125" style="62" customWidth="1"/>
    <col min="9746" max="9746" width="17.77734375" style="62" customWidth="1"/>
    <col min="9747" max="9986" width="9" style="62"/>
    <col min="9987" max="9987" width="4.21875" style="62" customWidth="1"/>
    <col min="9988" max="9999" width="7.33203125" style="62" customWidth="1"/>
    <col min="10000" max="10000" width="5.6640625" style="62" customWidth="1"/>
    <col min="10001" max="10001" width="1.33203125" style="62" customWidth="1"/>
    <col min="10002" max="10002" width="17.77734375" style="62" customWidth="1"/>
    <col min="10003" max="10242" width="9" style="62"/>
    <col min="10243" max="10243" width="4.21875" style="62" customWidth="1"/>
    <col min="10244" max="10255" width="7.33203125" style="62" customWidth="1"/>
    <col min="10256" max="10256" width="5.6640625" style="62" customWidth="1"/>
    <col min="10257" max="10257" width="1.33203125" style="62" customWidth="1"/>
    <col min="10258" max="10258" width="17.77734375" style="62" customWidth="1"/>
    <col min="10259" max="10498" width="9" style="62"/>
    <col min="10499" max="10499" width="4.21875" style="62" customWidth="1"/>
    <col min="10500" max="10511" width="7.33203125" style="62" customWidth="1"/>
    <col min="10512" max="10512" width="5.6640625" style="62" customWidth="1"/>
    <col min="10513" max="10513" width="1.33203125" style="62" customWidth="1"/>
    <col min="10514" max="10514" width="17.77734375" style="62" customWidth="1"/>
    <col min="10515" max="10754" width="9" style="62"/>
    <col min="10755" max="10755" width="4.21875" style="62" customWidth="1"/>
    <col min="10756" max="10767" width="7.33203125" style="62" customWidth="1"/>
    <col min="10768" max="10768" width="5.6640625" style="62" customWidth="1"/>
    <col min="10769" max="10769" width="1.33203125" style="62" customWidth="1"/>
    <col min="10770" max="10770" width="17.77734375" style="62" customWidth="1"/>
    <col min="10771" max="11010" width="9" style="62"/>
    <col min="11011" max="11011" width="4.21875" style="62" customWidth="1"/>
    <col min="11012" max="11023" width="7.33203125" style="62" customWidth="1"/>
    <col min="11024" max="11024" width="5.6640625" style="62" customWidth="1"/>
    <col min="11025" max="11025" width="1.33203125" style="62" customWidth="1"/>
    <col min="11026" max="11026" width="17.77734375" style="62" customWidth="1"/>
    <col min="11027" max="11266" width="9" style="62"/>
    <col min="11267" max="11267" width="4.21875" style="62" customWidth="1"/>
    <col min="11268" max="11279" width="7.33203125" style="62" customWidth="1"/>
    <col min="11280" max="11280" width="5.6640625" style="62" customWidth="1"/>
    <col min="11281" max="11281" width="1.33203125" style="62" customWidth="1"/>
    <col min="11282" max="11282" width="17.77734375" style="62" customWidth="1"/>
    <col min="11283" max="11522" width="9" style="62"/>
    <col min="11523" max="11523" width="4.21875" style="62" customWidth="1"/>
    <col min="11524" max="11535" width="7.33203125" style="62" customWidth="1"/>
    <col min="11536" max="11536" width="5.6640625" style="62" customWidth="1"/>
    <col min="11537" max="11537" width="1.33203125" style="62" customWidth="1"/>
    <col min="11538" max="11538" width="17.77734375" style="62" customWidth="1"/>
    <col min="11539" max="11778" width="9" style="62"/>
    <col min="11779" max="11779" width="4.21875" style="62" customWidth="1"/>
    <col min="11780" max="11791" width="7.33203125" style="62" customWidth="1"/>
    <col min="11792" max="11792" width="5.6640625" style="62" customWidth="1"/>
    <col min="11793" max="11793" width="1.33203125" style="62" customWidth="1"/>
    <col min="11794" max="11794" width="17.77734375" style="62" customWidth="1"/>
    <col min="11795" max="12034" width="9" style="62"/>
    <col min="12035" max="12035" width="4.21875" style="62" customWidth="1"/>
    <col min="12036" max="12047" width="7.33203125" style="62" customWidth="1"/>
    <col min="12048" max="12048" width="5.6640625" style="62" customWidth="1"/>
    <col min="12049" max="12049" width="1.33203125" style="62" customWidth="1"/>
    <col min="12050" max="12050" width="17.77734375" style="62" customWidth="1"/>
    <col min="12051" max="12290" width="9" style="62"/>
    <col min="12291" max="12291" width="4.21875" style="62" customWidth="1"/>
    <col min="12292" max="12303" width="7.33203125" style="62" customWidth="1"/>
    <col min="12304" max="12304" width="5.6640625" style="62" customWidth="1"/>
    <col min="12305" max="12305" width="1.33203125" style="62" customWidth="1"/>
    <col min="12306" max="12306" width="17.77734375" style="62" customWidth="1"/>
    <col min="12307" max="12546" width="9" style="62"/>
    <col min="12547" max="12547" width="4.21875" style="62" customWidth="1"/>
    <col min="12548" max="12559" width="7.33203125" style="62" customWidth="1"/>
    <col min="12560" max="12560" width="5.6640625" style="62" customWidth="1"/>
    <col min="12561" max="12561" width="1.33203125" style="62" customWidth="1"/>
    <col min="12562" max="12562" width="17.77734375" style="62" customWidth="1"/>
    <col min="12563" max="12802" width="9" style="62"/>
    <col min="12803" max="12803" width="4.21875" style="62" customWidth="1"/>
    <col min="12804" max="12815" width="7.33203125" style="62" customWidth="1"/>
    <col min="12816" max="12816" width="5.6640625" style="62" customWidth="1"/>
    <col min="12817" max="12817" width="1.33203125" style="62" customWidth="1"/>
    <col min="12818" max="12818" width="17.77734375" style="62" customWidth="1"/>
    <col min="12819" max="13058" width="9" style="62"/>
    <col min="13059" max="13059" width="4.21875" style="62" customWidth="1"/>
    <col min="13060" max="13071" width="7.33203125" style="62" customWidth="1"/>
    <col min="13072" max="13072" width="5.6640625" style="62" customWidth="1"/>
    <col min="13073" max="13073" width="1.33203125" style="62" customWidth="1"/>
    <col min="13074" max="13074" width="17.77734375" style="62" customWidth="1"/>
    <col min="13075" max="13314" width="9" style="62"/>
    <col min="13315" max="13315" width="4.21875" style="62" customWidth="1"/>
    <col min="13316" max="13327" width="7.33203125" style="62" customWidth="1"/>
    <col min="13328" max="13328" width="5.6640625" style="62" customWidth="1"/>
    <col min="13329" max="13329" width="1.33203125" style="62" customWidth="1"/>
    <col min="13330" max="13330" width="17.77734375" style="62" customWidth="1"/>
    <col min="13331" max="13570" width="9" style="62"/>
    <col min="13571" max="13571" width="4.21875" style="62" customWidth="1"/>
    <col min="13572" max="13583" width="7.33203125" style="62" customWidth="1"/>
    <col min="13584" max="13584" width="5.6640625" style="62" customWidth="1"/>
    <col min="13585" max="13585" width="1.33203125" style="62" customWidth="1"/>
    <col min="13586" max="13586" width="17.77734375" style="62" customWidth="1"/>
    <col min="13587" max="13826" width="9" style="62"/>
    <col min="13827" max="13827" width="4.21875" style="62" customWidth="1"/>
    <col min="13828" max="13839" width="7.33203125" style="62" customWidth="1"/>
    <col min="13840" max="13840" width="5.6640625" style="62" customWidth="1"/>
    <col min="13841" max="13841" width="1.33203125" style="62" customWidth="1"/>
    <col min="13842" max="13842" width="17.77734375" style="62" customWidth="1"/>
    <col min="13843" max="14082" width="9" style="62"/>
    <col min="14083" max="14083" width="4.21875" style="62" customWidth="1"/>
    <col min="14084" max="14095" width="7.33203125" style="62" customWidth="1"/>
    <col min="14096" max="14096" width="5.6640625" style="62" customWidth="1"/>
    <col min="14097" max="14097" width="1.33203125" style="62" customWidth="1"/>
    <col min="14098" max="14098" width="17.77734375" style="62" customWidth="1"/>
    <col min="14099" max="14338" width="9" style="62"/>
    <col min="14339" max="14339" width="4.21875" style="62" customWidth="1"/>
    <col min="14340" max="14351" width="7.33203125" style="62" customWidth="1"/>
    <col min="14352" max="14352" width="5.6640625" style="62" customWidth="1"/>
    <col min="14353" max="14353" width="1.33203125" style="62" customWidth="1"/>
    <col min="14354" max="14354" width="17.77734375" style="62" customWidth="1"/>
    <col min="14355" max="14594" width="9" style="62"/>
    <col min="14595" max="14595" width="4.21875" style="62" customWidth="1"/>
    <col min="14596" max="14607" width="7.33203125" style="62" customWidth="1"/>
    <col min="14608" max="14608" width="5.6640625" style="62" customWidth="1"/>
    <col min="14609" max="14609" width="1.33203125" style="62" customWidth="1"/>
    <col min="14610" max="14610" width="17.77734375" style="62" customWidth="1"/>
    <col min="14611" max="14850" width="9" style="62"/>
    <col min="14851" max="14851" width="4.21875" style="62" customWidth="1"/>
    <col min="14852" max="14863" width="7.33203125" style="62" customWidth="1"/>
    <col min="14864" max="14864" width="5.6640625" style="62" customWidth="1"/>
    <col min="14865" max="14865" width="1.33203125" style="62" customWidth="1"/>
    <col min="14866" max="14866" width="17.77734375" style="62" customWidth="1"/>
    <col min="14867" max="15106" width="9" style="62"/>
    <col min="15107" max="15107" width="4.21875" style="62" customWidth="1"/>
    <col min="15108" max="15119" width="7.33203125" style="62" customWidth="1"/>
    <col min="15120" max="15120" width="5.6640625" style="62" customWidth="1"/>
    <col min="15121" max="15121" width="1.33203125" style="62" customWidth="1"/>
    <col min="15122" max="15122" width="17.77734375" style="62" customWidth="1"/>
    <col min="15123" max="15362" width="9" style="62"/>
    <col min="15363" max="15363" width="4.21875" style="62" customWidth="1"/>
    <col min="15364" max="15375" width="7.33203125" style="62" customWidth="1"/>
    <col min="15376" max="15376" width="5.6640625" style="62" customWidth="1"/>
    <col min="15377" max="15377" width="1.33203125" style="62" customWidth="1"/>
    <col min="15378" max="15378" width="17.77734375" style="62" customWidth="1"/>
    <col min="15379" max="15618" width="9" style="62"/>
    <col min="15619" max="15619" width="4.21875" style="62" customWidth="1"/>
    <col min="15620" max="15631" width="7.33203125" style="62" customWidth="1"/>
    <col min="15632" max="15632" width="5.6640625" style="62" customWidth="1"/>
    <col min="15633" max="15633" width="1.33203125" style="62" customWidth="1"/>
    <col min="15634" max="15634" width="17.77734375" style="62" customWidth="1"/>
    <col min="15635" max="15874" width="9" style="62"/>
    <col min="15875" max="15875" width="4.21875" style="62" customWidth="1"/>
    <col min="15876" max="15887" width="7.33203125" style="62" customWidth="1"/>
    <col min="15888" max="15888" width="5.6640625" style="62" customWidth="1"/>
    <col min="15889" max="15889" width="1.33203125" style="62" customWidth="1"/>
    <col min="15890" max="15890" width="17.77734375" style="62" customWidth="1"/>
    <col min="15891" max="16130" width="9" style="62"/>
    <col min="16131" max="16131" width="4.21875" style="62" customWidth="1"/>
    <col min="16132" max="16143" width="7.33203125" style="62" customWidth="1"/>
    <col min="16144" max="16144" width="5.6640625" style="62" customWidth="1"/>
    <col min="16145" max="16145" width="1.33203125" style="62" customWidth="1"/>
    <col min="16146" max="16146" width="17.77734375" style="62" customWidth="1"/>
    <col min="16147" max="16384" width="9" style="62"/>
  </cols>
  <sheetData>
    <row r="1" spans="1:258" ht="180" customHeight="1">
      <c r="A1" s="431" t="s">
        <v>214</v>
      </c>
      <c r="B1" s="431"/>
      <c r="C1" s="431"/>
      <c r="D1" s="431"/>
      <c r="E1" s="431"/>
      <c r="F1" s="431"/>
      <c r="G1" s="431"/>
      <c r="H1" s="431"/>
      <c r="I1" s="431"/>
      <c r="J1" s="431"/>
      <c r="K1" s="431"/>
      <c r="L1" s="431"/>
      <c r="M1" s="431"/>
      <c r="N1" s="431"/>
      <c r="O1" s="431"/>
      <c r="P1" s="431"/>
      <c r="Q1" s="431"/>
      <c r="R1" s="431"/>
      <c r="S1" s="431"/>
      <c r="T1" s="61"/>
      <c r="U1" s="61"/>
      <c r="V1" s="61"/>
      <c r="W1" s="61"/>
      <c r="X1" s="61"/>
      <c r="Y1" s="61"/>
      <c r="Z1" s="61"/>
      <c r="AA1" s="61"/>
      <c r="AB1" s="61"/>
      <c r="AC1" s="61"/>
      <c r="AD1" s="61"/>
      <c r="AE1" s="61"/>
      <c r="AF1" s="61"/>
      <c r="AG1" s="61"/>
      <c r="AH1" s="61"/>
      <c r="AI1" s="61"/>
      <c r="AJ1" s="61"/>
      <c r="AK1" s="61"/>
      <c r="AL1" s="61"/>
      <c r="AM1" s="61"/>
      <c r="AN1" s="61"/>
      <c r="AO1" s="61"/>
      <c r="AP1" s="61"/>
      <c r="AQ1" s="61"/>
      <c r="AR1" s="61"/>
      <c r="AS1" s="61"/>
      <c r="AT1" s="61"/>
      <c r="AU1" s="61"/>
      <c r="AV1" s="61"/>
      <c r="AW1" s="61"/>
      <c r="AX1" s="61"/>
      <c r="AY1" s="61"/>
      <c r="AZ1" s="61"/>
      <c r="BA1" s="61"/>
      <c r="BB1" s="61"/>
      <c r="BC1" s="61"/>
      <c r="BD1" s="61"/>
      <c r="BE1" s="61"/>
      <c r="BF1" s="61"/>
      <c r="BG1" s="61"/>
      <c r="BH1" s="61"/>
      <c r="BI1" s="61"/>
      <c r="BJ1" s="61"/>
      <c r="BK1" s="61"/>
      <c r="BL1" s="61"/>
      <c r="BM1" s="61"/>
      <c r="BN1" s="61"/>
      <c r="BO1" s="61"/>
      <c r="BP1" s="61"/>
      <c r="BQ1" s="61"/>
      <c r="BR1" s="61"/>
      <c r="BS1" s="61"/>
      <c r="BT1" s="61"/>
      <c r="BU1" s="61"/>
      <c r="BV1" s="61"/>
      <c r="BW1" s="61"/>
      <c r="BX1" s="61"/>
      <c r="BY1" s="61"/>
      <c r="BZ1" s="61"/>
      <c r="CA1" s="61"/>
      <c r="CB1" s="61"/>
      <c r="CC1" s="61"/>
      <c r="CD1" s="61"/>
      <c r="CE1" s="61"/>
      <c r="CF1" s="61"/>
      <c r="CG1" s="61"/>
      <c r="CH1" s="61"/>
      <c r="CI1" s="61"/>
      <c r="CJ1" s="61"/>
      <c r="CK1" s="61"/>
      <c r="CL1" s="61"/>
      <c r="CM1" s="61"/>
      <c r="CN1" s="61"/>
      <c r="CO1" s="61"/>
      <c r="CP1" s="61"/>
      <c r="CQ1" s="61"/>
      <c r="CR1" s="61"/>
      <c r="CS1" s="61"/>
      <c r="CT1" s="61"/>
      <c r="CU1" s="61"/>
      <c r="CV1" s="61"/>
      <c r="CW1" s="61"/>
      <c r="CX1" s="61"/>
      <c r="CY1" s="61"/>
      <c r="CZ1" s="61"/>
      <c r="DA1" s="61"/>
      <c r="DB1" s="61"/>
      <c r="DC1" s="61"/>
      <c r="DD1" s="61"/>
      <c r="DE1" s="61"/>
      <c r="DF1" s="61"/>
      <c r="DG1" s="61"/>
      <c r="DH1" s="61"/>
      <c r="DI1" s="61"/>
      <c r="DJ1" s="61"/>
      <c r="DK1" s="61"/>
      <c r="DL1" s="61"/>
      <c r="DM1" s="61"/>
      <c r="DN1" s="61"/>
      <c r="DO1" s="61"/>
      <c r="DP1" s="61"/>
      <c r="DQ1" s="61"/>
      <c r="DR1" s="61"/>
      <c r="DS1" s="61"/>
      <c r="DT1" s="61"/>
      <c r="DU1" s="61"/>
      <c r="DV1" s="61"/>
      <c r="DW1" s="61"/>
      <c r="DX1" s="61"/>
      <c r="DY1" s="61"/>
      <c r="DZ1" s="61"/>
      <c r="EA1" s="61"/>
      <c r="EB1" s="61"/>
      <c r="EC1" s="61"/>
      <c r="ED1" s="61"/>
      <c r="EE1" s="61"/>
      <c r="EF1" s="61"/>
      <c r="EG1" s="61"/>
      <c r="EH1" s="61"/>
      <c r="EI1" s="61"/>
      <c r="EJ1" s="61"/>
      <c r="EK1" s="61"/>
      <c r="EL1" s="61"/>
      <c r="EM1" s="61"/>
      <c r="EN1" s="61"/>
      <c r="EO1" s="61"/>
      <c r="EP1" s="61"/>
      <c r="EQ1" s="61"/>
      <c r="ER1" s="61"/>
      <c r="ES1" s="61"/>
      <c r="ET1" s="61"/>
      <c r="EU1" s="61"/>
      <c r="EV1" s="61"/>
      <c r="EW1" s="61"/>
      <c r="EX1" s="61"/>
      <c r="EY1" s="61"/>
      <c r="EZ1" s="61"/>
      <c r="FA1" s="61"/>
      <c r="FB1" s="61"/>
      <c r="FC1" s="61"/>
      <c r="FD1" s="61"/>
      <c r="FE1" s="61"/>
      <c r="FF1" s="61"/>
      <c r="FG1" s="61"/>
      <c r="FH1" s="61"/>
      <c r="FI1" s="61"/>
      <c r="FJ1" s="61"/>
      <c r="FK1" s="61"/>
      <c r="FL1" s="61"/>
      <c r="FM1" s="61"/>
      <c r="FN1" s="61"/>
      <c r="FO1" s="61"/>
      <c r="FP1" s="61"/>
      <c r="FQ1" s="61"/>
      <c r="FR1" s="61"/>
      <c r="FS1" s="61"/>
      <c r="FT1" s="61"/>
      <c r="FU1" s="61"/>
      <c r="FV1" s="61"/>
      <c r="FW1" s="61"/>
      <c r="FX1" s="61"/>
      <c r="FY1" s="61"/>
      <c r="FZ1" s="61"/>
      <c r="GA1" s="61"/>
      <c r="GB1" s="61"/>
      <c r="GC1" s="61"/>
      <c r="GD1" s="61"/>
      <c r="GE1" s="61"/>
      <c r="GF1" s="61"/>
      <c r="GG1" s="61"/>
      <c r="GH1" s="61"/>
      <c r="GI1" s="61"/>
      <c r="GJ1" s="61"/>
      <c r="GK1" s="61"/>
      <c r="GL1" s="61"/>
      <c r="GM1" s="61"/>
      <c r="GN1" s="61"/>
      <c r="GO1" s="61"/>
      <c r="GP1" s="61"/>
      <c r="GQ1" s="61"/>
      <c r="GR1" s="61"/>
      <c r="GS1" s="61"/>
      <c r="GT1" s="61"/>
      <c r="GU1" s="61"/>
      <c r="GV1" s="61"/>
      <c r="GW1" s="61"/>
      <c r="GX1" s="61"/>
      <c r="GY1" s="61"/>
      <c r="GZ1" s="61"/>
      <c r="HA1" s="61"/>
      <c r="HB1" s="61"/>
      <c r="HC1" s="61"/>
      <c r="HD1" s="61"/>
      <c r="HE1" s="61"/>
      <c r="HF1" s="61"/>
      <c r="HG1" s="61"/>
      <c r="HH1" s="61"/>
      <c r="HI1" s="61"/>
      <c r="HJ1" s="61"/>
      <c r="HK1" s="61"/>
      <c r="HL1" s="61"/>
      <c r="HM1" s="61"/>
      <c r="HN1" s="61"/>
      <c r="HO1" s="61"/>
      <c r="HP1" s="61"/>
      <c r="HQ1" s="61"/>
      <c r="HR1" s="61"/>
      <c r="HS1" s="61"/>
      <c r="HT1" s="61"/>
      <c r="HU1" s="61"/>
      <c r="HV1" s="61"/>
      <c r="HW1" s="61"/>
      <c r="HX1" s="61"/>
      <c r="HY1" s="61"/>
      <c r="HZ1" s="61"/>
      <c r="IA1" s="61"/>
      <c r="IB1" s="61"/>
      <c r="IC1" s="61"/>
      <c r="ID1" s="61"/>
      <c r="IE1" s="61"/>
      <c r="IF1" s="61"/>
      <c r="IG1" s="61"/>
      <c r="IH1" s="61"/>
      <c r="II1" s="61"/>
      <c r="IJ1" s="61"/>
      <c r="IK1" s="61"/>
      <c r="IL1" s="61"/>
      <c r="IM1" s="61"/>
      <c r="IN1" s="61"/>
      <c r="IO1" s="61"/>
      <c r="IP1" s="61"/>
      <c r="IQ1" s="61"/>
      <c r="IR1" s="61"/>
      <c r="IS1" s="61"/>
      <c r="IT1" s="61"/>
      <c r="IU1" s="61"/>
      <c r="IV1" s="61"/>
      <c r="IW1" s="61"/>
      <c r="IX1" s="61"/>
    </row>
    <row r="2" spans="1:258" ht="409.5" customHeight="1">
      <c r="A2" s="432" t="s">
        <v>215</v>
      </c>
      <c r="B2" s="432"/>
      <c r="C2" s="432"/>
      <c r="D2" s="432"/>
      <c r="E2" s="432"/>
      <c r="F2" s="432"/>
      <c r="G2" s="432"/>
      <c r="H2" s="432"/>
      <c r="I2" s="432"/>
      <c r="J2" s="432"/>
      <c r="K2" s="432"/>
      <c r="L2" s="432"/>
      <c r="M2" s="432"/>
      <c r="N2" s="432"/>
      <c r="O2" s="432"/>
      <c r="P2" s="432"/>
      <c r="Q2" s="432"/>
      <c r="R2" s="432"/>
      <c r="S2" s="432"/>
      <c r="T2" s="61"/>
      <c r="U2" s="61"/>
      <c r="V2" s="61"/>
      <c r="W2" s="61"/>
      <c r="X2" s="61"/>
      <c r="Y2" s="61"/>
      <c r="Z2" s="61"/>
      <c r="AA2" s="61"/>
      <c r="AB2" s="61"/>
      <c r="AC2" s="61"/>
      <c r="AD2" s="61"/>
      <c r="AE2" s="61"/>
      <c r="AF2" s="61"/>
      <c r="AG2" s="61"/>
      <c r="AH2" s="61"/>
      <c r="AI2" s="61"/>
      <c r="AJ2" s="61"/>
      <c r="AK2" s="61"/>
      <c r="AL2" s="61"/>
      <c r="AM2" s="61"/>
      <c r="AN2" s="61"/>
      <c r="AO2" s="61"/>
      <c r="AP2" s="61"/>
      <c r="AQ2" s="61"/>
      <c r="AR2" s="61"/>
      <c r="AS2" s="61"/>
      <c r="AT2" s="61"/>
      <c r="AU2" s="61"/>
      <c r="AV2" s="61"/>
      <c r="AW2" s="61"/>
      <c r="AX2" s="61"/>
      <c r="AY2" s="61"/>
      <c r="AZ2" s="61"/>
      <c r="BA2" s="61"/>
      <c r="BB2" s="61"/>
      <c r="BC2" s="61"/>
      <c r="BD2" s="61"/>
      <c r="BE2" s="61"/>
      <c r="BF2" s="61"/>
      <c r="BG2" s="61"/>
      <c r="BH2" s="61"/>
      <c r="BI2" s="61"/>
      <c r="BJ2" s="61"/>
      <c r="BK2" s="61"/>
      <c r="BL2" s="61"/>
      <c r="BM2" s="61"/>
      <c r="BN2" s="61"/>
      <c r="BO2" s="61"/>
      <c r="BP2" s="61"/>
      <c r="BQ2" s="61"/>
      <c r="BR2" s="61"/>
      <c r="BS2" s="61"/>
      <c r="BT2" s="61"/>
      <c r="BU2" s="61"/>
      <c r="BV2" s="61"/>
      <c r="BW2" s="61"/>
      <c r="BX2" s="61"/>
      <c r="BY2" s="61"/>
      <c r="BZ2" s="61"/>
      <c r="CA2" s="61"/>
      <c r="CB2" s="61"/>
      <c r="CC2" s="61"/>
      <c r="CD2" s="61"/>
      <c r="CE2" s="61"/>
      <c r="CF2" s="61"/>
      <c r="CG2" s="61"/>
      <c r="CH2" s="61"/>
      <c r="CI2" s="61"/>
      <c r="CJ2" s="61"/>
      <c r="CK2" s="61"/>
      <c r="CL2" s="61"/>
      <c r="CM2" s="61"/>
      <c r="CN2" s="61"/>
      <c r="CO2" s="61"/>
      <c r="CP2" s="61"/>
      <c r="CQ2" s="61"/>
      <c r="CR2" s="61"/>
      <c r="CS2" s="61"/>
      <c r="CT2" s="61"/>
      <c r="CU2" s="61"/>
      <c r="CV2" s="61"/>
      <c r="CW2" s="61"/>
      <c r="CX2" s="61"/>
      <c r="CY2" s="61"/>
      <c r="CZ2" s="61"/>
      <c r="DA2" s="61"/>
      <c r="DB2" s="61"/>
      <c r="DC2" s="61"/>
      <c r="DD2" s="61"/>
      <c r="DE2" s="61"/>
      <c r="DF2" s="61"/>
      <c r="DG2" s="61"/>
      <c r="DH2" s="61"/>
      <c r="DI2" s="61"/>
      <c r="DJ2" s="61"/>
      <c r="DK2" s="61"/>
      <c r="DL2" s="61"/>
      <c r="DM2" s="61"/>
      <c r="DN2" s="61"/>
      <c r="DO2" s="61"/>
      <c r="DP2" s="61"/>
      <c r="DQ2" s="61"/>
      <c r="DR2" s="61"/>
      <c r="DS2" s="61"/>
      <c r="DT2" s="61"/>
      <c r="DU2" s="61"/>
      <c r="DV2" s="61"/>
      <c r="DW2" s="61"/>
      <c r="DX2" s="61"/>
      <c r="DY2" s="61"/>
      <c r="DZ2" s="61"/>
      <c r="EA2" s="61"/>
      <c r="EB2" s="61"/>
      <c r="EC2" s="61"/>
      <c r="ED2" s="61"/>
      <c r="EE2" s="61"/>
      <c r="EF2" s="61"/>
      <c r="EG2" s="61"/>
      <c r="EH2" s="61"/>
      <c r="EI2" s="61"/>
      <c r="EJ2" s="61"/>
      <c r="EK2" s="61"/>
      <c r="EL2" s="61"/>
      <c r="EM2" s="61"/>
      <c r="EN2" s="61"/>
      <c r="EO2" s="61"/>
      <c r="EP2" s="61"/>
      <c r="EQ2" s="61"/>
      <c r="ER2" s="61"/>
      <c r="ES2" s="61"/>
      <c r="ET2" s="61"/>
      <c r="EU2" s="61"/>
      <c r="EV2" s="61"/>
      <c r="EW2" s="61"/>
      <c r="EX2" s="61"/>
      <c r="EY2" s="61"/>
      <c r="EZ2" s="61"/>
      <c r="FA2" s="61"/>
      <c r="FB2" s="61"/>
      <c r="FC2" s="61"/>
      <c r="FD2" s="61"/>
      <c r="FE2" s="61"/>
      <c r="FF2" s="61"/>
      <c r="FG2" s="61"/>
      <c r="FH2" s="61"/>
      <c r="FI2" s="61"/>
      <c r="FJ2" s="61"/>
      <c r="FK2" s="61"/>
      <c r="FL2" s="61"/>
      <c r="FM2" s="61"/>
      <c r="FN2" s="61"/>
      <c r="FO2" s="61"/>
      <c r="FP2" s="61"/>
      <c r="FQ2" s="61"/>
      <c r="FR2" s="61"/>
      <c r="FS2" s="61"/>
      <c r="FT2" s="61"/>
      <c r="FU2" s="61"/>
      <c r="FV2" s="61"/>
      <c r="FW2" s="61"/>
      <c r="FX2" s="61"/>
      <c r="FY2" s="61"/>
      <c r="FZ2" s="61"/>
      <c r="GA2" s="61"/>
      <c r="GB2" s="61"/>
      <c r="GC2" s="61"/>
      <c r="GD2" s="61"/>
      <c r="GE2" s="61"/>
      <c r="GF2" s="61"/>
      <c r="GG2" s="61"/>
      <c r="GH2" s="61"/>
      <c r="GI2" s="61"/>
      <c r="GJ2" s="61"/>
      <c r="GK2" s="61"/>
      <c r="GL2" s="61"/>
      <c r="GM2" s="61"/>
      <c r="GN2" s="61"/>
      <c r="GO2" s="61"/>
      <c r="GP2" s="61"/>
      <c r="GQ2" s="61"/>
      <c r="GR2" s="61"/>
      <c r="GS2" s="61"/>
      <c r="GT2" s="61"/>
      <c r="GU2" s="61"/>
      <c r="GV2" s="61"/>
      <c r="GW2" s="61"/>
      <c r="GX2" s="61"/>
      <c r="GY2" s="61"/>
      <c r="GZ2" s="61"/>
      <c r="HA2" s="61"/>
      <c r="HB2" s="61"/>
      <c r="HC2" s="61"/>
      <c r="HD2" s="61"/>
      <c r="HE2" s="61"/>
      <c r="HF2" s="61"/>
      <c r="HG2" s="61"/>
      <c r="HH2" s="61"/>
      <c r="HI2" s="61"/>
      <c r="HJ2" s="61"/>
      <c r="HK2" s="61"/>
      <c r="HL2" s="61"/>
      <c r="HM2" s="61"/>
      <c r="HN2" s="61"/>
      <c r="HO2" s="61"/>
      <c r="HP2" s="61"/>
      <c r="HQ2" s="61"/>
      <c r="HR2" s="61"/>
      <c r="HS2" s="61"/>
      <c r="HT2" s="61"/>
      <c r="HU2" s="61"/>
      <c r="HV2" s="61"/>
      <c r="HW2" s="61"/>
      <c r="HX2" s="61"/>
      <c r="HY2" s="61"/>
      <c r="HZ2" s="61"/>
      <c r="IA2" s="61"/>
      <c r="IB2" s="61"/>
      <c r="IC2" s="61"/>
      <c r="ID2" s="61"/>
      <c r="IE2" s="61"/>
      <c r="IF2" s="61"/>
      <c r="IG2" s="61"/>
      <c r="IH2" s="61"/>
      <c r="II2" s="61"/>
      <c r="IJ2" s="61"/>
      <c r="IK2" s="61"/>
      <c r="IL2" s="61"/>
      <c r="IM2" s="61"/>
      <c r="IN2" s="61"/>
      <c r="IO2" s="61"/>
      <c r="IP2" s="61"/>
      <c r="IQ2" s="61"/>
      <c r="IR2" s="61"/>
      <c r="IS2" s="61"/>
      <c r="IT2" s="61"/>
      <c r="IU2" s="61"/>
      <c r="IV2" s="61"/>
      <c r="IW2" s="61"/>
      <c r="IX2" s="61"/>
    </row>
    <row r="3" spans="1:258" ht="301.5" customHeight="1">
      <c r="A3" s="181"/>
      <c r="B3" s="181"/>
      <c r="C3" s="181"/>
      <c r="D3" s="181"/>
      <c r="E3" s="181"/>
      <c r="F3" s="181"/>
      <c r="G3" s="181"/>
      <c r="H3" s="181"/>
      <c r="I3" s="181"/>
      <c r="J3" s="181"/>
      <c r="K3" s="181"/>
      <c r="L3" s="182"/>
      <c r="M3" s="181"/>
      <c r="N3" s="181"/>
      <c r="O3" s="181"/>
      <c r="P3" s="181"/>
      <c r="Q3" s="181"/>
      <c r="R3" s="181"/>
      <c r="S3" s="181"/>
      <c r="T3" s="61"/>
      <c r="U3" s="61"/>
      <c r="V3" s="61"/>
      <c r="W3" s="61"/>
      <c r="X3" s="61"/>
      <c r="Y3" s="61"/>
      <c r="Z3" s="61"/>
      <c r="AA3" s="61"/>
      <c r="AB3" s="61"/>
      <c r="AC3" s="61"/>
      <c r="AD3" s="61"/>
      <c r="AE3" s="61"/>
      <c r="AF3" s="61"/>
      <c r="AG3" s="61"/>
      <c r="AH3" s="61"/>
      <c r="AI3" s="61"/>
      <c r="AJ3" s="61"/>
      <c r="AK3" s="61"/>
      <c r="AL3" s="61"/>
      <c r="AM3" s="61"/>
      <c r="AN3" s="61"/>
      <c r="AO3" s="61"/>
      <c r="AP3" s="61"/>
      <c r="AQ3" s="61"/>
      <c r="AR3" s="61"/>
      <c r="AS3" s="61"/>
      <c r="AT3" s="61"/>
      <c r="AU3" s="61"/>
      <c r="AV3" s="61"/>
      <c r="AW3" s="61"/>
      <c r="AX3" s="61"/>
      <c r="AY3" s="61"/>
      <c r="AZ3" s="61"/>
      <c r="BA3" s="61"/>
      <c r="BB3" s="61"/>
      <c r="BC3" s="61"/>
      <c r="BD3" s="61"/>
      <c r="BE3" s="61"/>
      <c r="BF3" s="61"/>
      <c r="BG3" s="61"/>
      <c r="BH3" s="61"/>
      <c r="BI3" s="61"/>
      <c r="BJ3" s="61"/>
      <c r="BK3" s="61"/>
      <c r="BL3" s="61"/>
      <c r="BM3" s="61"/>
      <c r="BN3" s="61"/>
      <c r="BO3" s="61"/>
      <c r="BP3" s="61"/>
      <c r="BQ3" s="61"/>
      <c r="BR3" s="61"/>
      <c r="BS3" s="61"/>
      <c r="BT3" s="61"/>
      <c r="BU3" s="61"/>
      <c r="BV3" s="61"/>
      <c r="BW3" s="61"/>
      <c r="BX3" s="61"/>
      <c r="BY3" s="61"/>
      <c r="BZ3" s="61"/>
      <c r="CA3" s="61"/>
      <c r="CB3" s="61"/>
      <c r="CC3" s="61"/>
      <c r="CD3" s="61"/>
      <c r="CE3" s="61"/>
      <c r="CF3" s="61"/>
      <c r="CG3" s="61"/>
      <c r="CH3" s="61"/>
      <c r="CI3" s="61"/>
      <c r="CJ3" s="61"/>
      <c r="CK3" s="61"/>
      <c r="CL3" s="61"/>
      <c r="CM3" s="61"/>
      <c r="CN3" s="61"/>
      <c r="CO3" s="61"/>
      <c r="CP3" s="61"/>
      <c r="CQ3" s="61"/>
      <c r="CR3" s="61"/>
      <c r="CS3" s="61"/>
      <c r="CT3" s="61"/>
      <c r="CU3" s="61"/>
      <c r="CV3" s="61"/>
      <c r="CW3" s="61"/>
      <c r="CX3" s="61"/>
      <c r="CY3" s="61"/>
      <c r="CZ3" s="61"/>
      <c r="DA3" s="61"/>
      <c r="DB3" s="61"/>
      <c r="DC3" s="61"/>
      <c r="DD3" s="61"/>
      <c r="DE3" s="61"/>
      <c r="DF3" s="61"/>
      <c r="DG3" s="61"/>
      <c r="DH3" s="61"/>
      <c r="DI3" s="61"/>
      <c r="DJ3" s="61"/>
      <c r="DK3" s="61"/>
      <c r="DL3" s="61"/>
      <c r="DM3" s="61"/>
      <c r="DN3" s="61"/>
      <c r="DO3" s="61"/>
      <c r="DP3" s="61"/>
      <c r="DQ3" s="61"/>
      <c r="DR3" s="61"/>
      <c r="DS3" s="61"/>
      <c r="DT3" s="61"/>
      <c r="DU3" s="61"/>
      <c r="DV3" s="61"/>
      <c r="DW3" s="61"/>
      <c r="DX3" s="61"/>
      <c r="DY3" s="61"/>
      <c r="DZ3" s="61"/>
      <c r="EA3" s="61"/>
      <c r="EB3" s="61"/>
      <c r="EC3" s="61"/>
      <c r="ED3" s="61"/>
      <c r="EE3" s="61"/>
      <c r="EF3" s="61"/>
      <c r="EG3" s="61"/>
      <c r="EH3" s="61"/>
      <c r="EI3" s="61"/>
      <c r="EJ3" s="61"/>
      <c r="EK3" s="61"/>
      <c r="EL3" s="61"/>
      <c r="EM3" s="61"/>
      <c r="EN3" s="61"/>
      <c r="EO3" s="61"/>
      <c r="EP3" s="61"/>
      <c r="EQ3" s="61"/>
      <c r="ER3" s="61"/>
      <c r="ES3" s="61"/>
      <c r="ET3" s="61"/>
      <c r="EU3" s="61"/>
      <c r="EV3" s="61"/>
      <c r="EW3" s="61"/>
      <c r="EX3" s="61"/>
      <c r="EY3" s="61"/>
      <c r="EZ3" s="61"/>
      <c r="FA3" s="61"/>
      <c r="FB3" s="61"/>
      <c r="FC3" s="61"/>
      <c r="FD3" s="61"/>
      <c r="FE3" s="61"/>
      <c r="FF3" s="61"/>
      <c r="FG3" s="61"/>
      <c r="FH3" s="61"/>
      <c r="FI3" s="61"/>
      <c r="FJ3" s="61"/>
      <c r="FK3" s="61"/>
      <c r="FL3" s="61"/>
      <c r="FM3" s="61"/>
      <c r="FN3" s="61"/>
      <c r="FO3" s="61"/>
      <c r="FP3" s="61"/>
      <c r="FQ3" s="61"/>
      <c r="FR3" s="61"/>
      <c r="FS3" s="61"/>
      <c r="FT3" s="61"/>
      <c r="FU3" s="61"/>
      <c r="FV3" s="61"/>
      <c r="FW3" s="61"/>
      <c r="FX3" s="61"/>
      <c r="FY3" s="61"/>
      <c r="FZ3" s="61"/>
      <c r="GA3" s="61"/>
      <c r="GB3" s="61"/>
      <c r="GC3" s="61"/>
      <c r="GD3" s="61"/>
      <c r="GE3" s="61"/>
      <c r="GF3" s="61"/>
      <c r="GG3" s="61"/>
      <c r="GH3" s="61"/>
      <c r="GI3" s="61"/>
      <c r="GJ3" s="61"/>
      <c r="GK3" s="61"/>
      <c r="GL3" s="61"/>
      <c r="GM3" s="61"/>
      <c r="GN3" s="61"/>
      <c r="GO3" s="61"/>
      <c r="GP3" s="61"/>
      <c r="GQ3" s="61"/>
      <c r="GR3" s="61"/>
      <c r="GS3" s="61"/>
      <c r="GT3" s="61"/>
      <c r="GU3" s="61"/>
      <c r="GV3" s="61"/>
      <c r="GW3" s="61"/>
      <c r="GX3" s="61"/>
      <c r="GY3" s="61"/>
      <c r="GZ3" s="61"/>
      <c r="HA3" s="61"/>
      <c r="HB3" s="61"/>
      <c r="HC3" s="61"/>
      <c r="HD3" s="61"/>
      <c r="HE3" s="61"/>
      <c r="HF3" s="61"/>
      <c r="HG3" s="61"/>
      <c r="HH3" s="61"/>
      <c r="HI3" s="61"/>
      <c r="HJ3" s="61"/>
      <c r="HK3" s="61"/>
      <c r="HL3" s="61"/>
      <c r="HM3" s="61"/>
      <c r="HN3" s="61"/>
      <c r="HO3" s="61"/>
      <c r="HP3" s="61"/>
      <c r="HQ3" s="61"/>
      <c r="HR3" s="61"/>
      <c r="HS3" s="61"/>
      <c r="HT3" s="61"/>
      <c r="HU3" s="61"/>
      <c r="HV3" s="61"/>
      <c r="HW3" s="61"/>
      <c r="HX3" s="61"/>
      <c r="HY3" s="61"/>
      <c r="HZ3" s="61"/>
      <c r="IA3" s="61"/>
      <c r="IB3" s="61"/>
      <c r="IC3" s="61"/>
      <c r="ID3" s="61"/>
      <c r="IE3" s="61"/>
      <c r="IF3" s="61"/>
      <c r="IG3" s="61"/>
      <c r="IH3" s="61"/>
      <c r="II3" s="61"/>
      <c r="IJ3" s="61"/>
      <c r="IK3" s="61"/>
      <c r="IL3" s="61"/>
      <c r="IM3" s="61"/>
      <c r="IN3" s="61"/>
      <c r="IO3" s="61"/>
      <c r="IP3" s="61"/>
      <c r="IQ3" s="61"/>
      <c r="IR3" s="61"/>
      <c r="IS3" s="61"/>
      <c r="IT3" s="61"/>
      <c r="IU3" s="61"/>
      <c r="IV3" s="61"/>
      <c r="IW3" s="61"/>
      <c r="IX3" s="61"/>
    </row>
    <row r="4" spans="1:258" ht="301.5" customHeight="1">
      <c r="A4" s="181"/>
      <c r="B4" s="181"/>
      <c r="C4" s="181"/>
      <c r="D4" s="181"/>
      <c r="E4" s="181"/>
      <c r="F4" s="181"/>
      <c r="G4" s="181"/>
      <c r="H4" s="181"/>
      <c r="I4" s="181"/>
      <c r="J4" s="181"/>
      <c r="K4" s="181"/>
      <c r="L4" s="182"/>
      <c r="M4" s="181"/>
      <c r="N4" s="181"/>
      <c r="O4" s="181"/>
      <c r="P4" s="181"/>
      <c r="Q4" s="181"/>
      <c r="R4" s="181"/>
      <c r="S4" s="181"/>
      <c r="T4" s="61"/>
      <c r="U4" s="61"/>
      <c r="V4" s="61"/>
      <c r="W4" s="61"/>
      <c r="X4" s="61"/>
      <c r="Y4" s="61"/>
      <c r="Z4" s="61"/>
      <c r="AA4" s="61"/>
      <c r="AB4" s="61"/>
      <c r="AC4" s="61"/>
      <c r="AD4" s="61"/>
      <c r="AE4" s="61"/>
      <c r="AF4" s="61"/>
      <c r="AG4" s="61"/>
      <c r="AH4" s="61"/>
      <c r="AI4" s="61"/>
      <c r="AJ4" s="61"/>
      <c r="AK4" s="61"/>
      <c r="AL4" s="61"/>
      <c r="AM4" s="61"/>
      <c r="AN4" s="61"/>
      <c r="AO4" s="61"/>
      <c r="AP4" s="61"/>
      <c r="AQ4" s="61"/>
      <c r="AR4" s="61"/>
      <c r="AS4" s="61"/>
      <c r="AT4" s="61"/>
      <c r="AU4" s="61"/>
      <c r="AV4" s="61"/>
      <c r="AW4" s="61"/>
      <c r="AX4" s="61"/>
      <c r="AY4" s="61"/>
      <c r="AZ4" s="61"/>
      <c r="BA4" s="61"/>
      <c r="BB4" s="61"/>
      <c r="BC4" s="61"/>
      <c r="BD4" s="61"/>
      <c r="BE4" s="61"/>
      <c r="BF4" s="61"/>
      <c r="BG4" s="61"/>
      <c r="BH4" s="61"/>
      <c r="BI4" s="61"/>
      <c r="BJ4" s="61"/>
      <c r="BK4" s="61"/>
      <c r="BL4" s="61"/>
      <c r="BM4" s="61"/>
      <c r="BN4" s="61"/>
      <c r="BO4" s="61"/>
      <c r="BP4" s="61"/>
      <c r="BQ4" s="61"/>
      <c r="BR4" s="61"/>
      <c r="BS4" s="61"/>
      <c r="BT4" s="61"/>
      <c r="BU4" s="61"/>
      <c r="BV4" s="61"/>
      <c r="BW4" s="61"/>
      <c r="BX4" s="61"/>
      <c r="BY4" s="61"/>
      <c r="BZ4" s="61"/>
      <c r="CA4" s="61"/>
      <c r="CB4" s="61"/>
      <c r="CC4" s="61"/>
      <c r="CD4" s="61"/>
      <c r="CE4" s="61"/>
      <c r="CF4" s="61"/>
      <c r="CG4" s="61"/>
      <c r="CH4" s="61"/>
      <c r="CI4" s="61"/>
      <c r="CJ4" s="61"/>
      <c r="CK4" s="61"/>
      <c r="CL4" s="61"/>
      <c r="CM4" s="61"/>
      <c r="CN4" s="61"/>
      <c r="CO4" s="61"/>
      <c r="CP4" s="61"/>
      <c r="CQ4" s="61"/>
      <c r="CR4" s="61"/>
      <c r="CS4" s="61"/>
      <c r="CT4" s="61"/>
      <c r="CU4" s="61"/>
      <c r="CV4" s="61"/>
      <c r="CW4" s="61"/>
      <c r="CX4" s="61"/>
      <c r="CY4" s="61"/>
      <c r="CZ4" s="61"/>
      <c r="DA4" s="61"/>
      <c r="DB4" s="61"/>
      <c r="DC4" s="61"/>
      <c r="DD4" s="61"/>
      <c r="DE4" s="61"/>
      <c r="DF4" s="61"/>
      <c r="DG4" s="61"/>
      <c r="DH4" s="61"/>
      <c r="DI4" s="61"/>
      <c r="DJ4" s="61"/>
      <c r="DK4" s="61"/>
      <c r="DL4" s="61"/>
      <c r="DM4" s="61"/>
      <c r="DN4" s="61"/>
      <c r="DO4" s="61"/>
      <c r="DP4" s="61"/>
      <c r="DQ4" s="61"/>
      <c r="DR4" s="61"/>
      <c r="DS4" s="61"/>
      <c r="DT4" s="61"/>
      <c r="DU4" s="61"/>
      <c r="DV4" s="61"/>
      <c r="DW4" s="61"/>
      <c r="DX4" s="61"/>
      <c r="DY4" s="61"/>
      <c r="DZ4" s="61"/>
      <c r="EA4" s="61"/>
      <c r="EB4" s="61"/>
      <c r="EC4" s="61"/>
      <c r="ED4" s="61"/>
      <c r="EE4" s="61"/>
      <c r="EF4" s="61"/>
      <c r="EG4" s="61"/>
      <c r="EH4" s="61"/>
      <c r="EI4" s="61"/>
      <c r="EJ4" s="61"/>
      <c r="EK4" s="61"/>
      <c r="EL4" s="61"/>
      <c r="EM4" s="61"/>
      <c r="EN4" s="61"/>
      <c r="EO4" s="61"/>
      <c r="EP4" s="61"/>
      <c r="EQ4" s="61"/>
      <c r="ER4" s="61"/>
      <c r="ES4" s="61"/>
      <c r="ET4" s="61"/>
      <c r="EU4" s="61"/>
      <c r="EV4" s="61"/>
      <c r="EW4" s="61"/>
      <c r="EX4" s="61"/>
      <c r="EY4" s="61"/>
      <c r="EZ4" s="61"/>
      <c r="FA4" s="61"/>
      <c r="FB4" s="61"/>
      <c r="FC4" s="61"/>
      <c r="FD4" s="61"/>
      <c r="FE4" s="61"/>
      <c r="FF4" s="61"/>
      <c r="FG4" s="61"/>
      <c r="FH4" s="61"/>
      <c r="FI4" s="61"/>
      <c r="FJ4" s="61"/>
      <c r="FK4" s="61"/>
      <c r="FL4" s="61"/>
      <c r="FM4" s="61"/>
      <c r="FN4" s="61"/>
      <c r="FO4" s="61"/>
      <c r="FP4" s="61"/>
      <c r="FQ4" s="61"/>
      <c r="FR4" s="61"/>
      <c r="FS4" s="61"/>
      <c r="FT4" s="61"/>
      <c r="FU4" s="61"/>
      <c r="FV4" s="61"/>
      <c r="FW4" s="61"/>
      <c r="FX4" s="61"/>
      <c r="FY4" s="61"/>
      <c r="FZ4" s="61"/>
      <c r="GA4" s="61"/>
      <c r="GB4" s="61"/>
      <c r="GC4" s="61"/>
      <c r="GD4" s="61"/>
      <c r="GE4" s="61"/>
      <c r="GF4" s="61"/>
      <c r="GG4" s="61"/>
      <c r="GH4" s="61"/>
      <c r="GI4" s="61"/>
      <c r="GJ4" s="61"/>
      <c r="GK4" s="61"/>
      <c r="GL4" s="61"/>
      <c r="GM4" s="61"/>
      <c r="GN4" s="61"/>
      <c r="GO4" s="61"/>
      <c r="GP4" s="61"/>
      <c r="GQ4" s="61"/>
      <c r="GR4" s="61"/>
      <c r="GS4" s="61"/>
      <c r="GT4" s="61"/>
      <c r="GU4" s="61"/>
      <c r="GV4" s="61"/>
      <c r="GW4" s="61"/>
      <c r="GX4" s="61"/>
      <c r="GY4" s="61"/>
      <c r="GZ4" s="61"/>
      <c r="HA4" s="61"/>
      <c r="HB4" s="61"/>
      <c r="HC4" s="61"/>
      <c r="HD4" s="61"/>
      <c r="HE4" s="61"/>
      <c r="HF4" s="61"/>
      <c r="HG4" s="61"/>
      <c r="HH4" s="61"/>
      <c r="HI4" s="61"/>
      <c r="HJ4" s="61"/>
      <c r="HK4" s="61"/>
      <c r="HL4" s="61"/>
      <c r="HM4" s="61"/>
      <c r="HN4" s="61"/>
      <c r="HO4" s="61"/>
      <c r="HP4" s="61"/>
      <c r="HQ4" s="61"/>
      <c r="HR4" s="61"/>
      <c r="HS4" s="61"/>
      <c r="HT4" s="61"/>
      <c r="HU4" s="61"/>
      <c r="HV4" s="61"/>
      <c r="HW4" s="61"/>
      <c r="HX4" s="61"/>
      <c r="HY4" s="61"/>
      <c r="HZ4" s="61"/>
      <c r="IA4" s="61"/>
      <c r="IB4" s="61"/>
      <c r="IC4" s="61"/>
      <c r="ID4" s="61"/>
      <c r="IE4" s="61"/>
      <c r="IF4" s="61"/>
      <c r="IG4" s="61"/>
      <c r="IH4" s="61"/>
      <c r="II4" s="61"/>
      <c r="IJ4" s="61"/>
      <c r="IK4" s="61"/>
      <c r="IL4" s="61"/>
      <c r="IM4" s="61"/>
      <c r="IN4" s="61"/>
      <c r="IO4" s="61"/>
      <c r="IP4" s="61"/>
      <c r="IQ4" s="61"/>
      <c r="IR4" s="61"/>
      <c r="IS4" s="61"/>
      <c r="IT4" s="61"/>
      <c r="IU4" s="61"/>
      <c r="IV4" s="61"/>
      <c r="IW4" s="61"/>
      <c r="IX4" s="61"/>
    </row>
    <row r="5" spans="1:258" ht="361.5" customHeight="1">
      <c r="A5" s="181"/>
      <c r="B5" s="181"/>
      <c r="C5" s="181"/>
      <c r="D5" s="181"/>
      <c r="E5" s="181"/>
      <c r="F5" s="181"/>
      <c r="G5" s="181"/>
      <c r="H5" s="181"/>
      <c r="I5" s="181"/>
      <c r="J5" s="181"/>
      <c r="K5" s="181"/>
      <c r="L5" s="182"/>
      <c r="M5" s="181"/>
      <c r="N5" s="181"/>
      <c r="O5" s="181"/>
      <c r="P5" s="181"/>
      <c r="Q5" s="181"/>
      <c r="R5" s="181"/>
      <c r="S5" s="181"/>
      <c r="T5" s="61"/>
      <c r="U5" s="61"/>
      <c r="V5" s="61"/>
      <c r="W5" s="61"/>
      <c r="X5" s="61"/>
      <c r="Y5" s="61"/>
      <c r="Z5" s="61"/>
      <c r="AA5" s="61"/>
      <c r="AB5" s="61"/>
      <c r="AC5" s="61"/>
      <c r="AD5" s="61"/>
      <c r="AE5" s="61"/>
      <c r="AF5" s="61"/>
      <c r="AG5" s="61"/>
      <c r="AH5" s="61"/>
      <c r="AI5" s="61"/>
      <c r="AJ5" s="61"/>
      <c r="AK5" s="61"/>
      <c r="AL5" s="61"/>
      <c r="AM5" s="61"/>
      <c r="AN5" s="61"/>
      <c r="AO5" s="61"/>
      <c r="AP5" s="61"/>
      <c r="AQ5" s="61"/>
      <c r="AR5" s="61"/>
      <c r="AS5" s="61"/>
      <c r="AT5" s="61"/>
      <c r="AU5" s="61"/>
      <c r="AV5" s="61"/>
      <c r="AW5" s="61"/>
      <c r="AX5" s="61"/>
      <c r="AY5" s="61"/>
      <c r="AZ5" s="61"/>
      <c r="BA5" s="61"/>
      <c r="BB5" s="61"/>
      <c r="BC5" s="61"/>
      <c r="BD5" s="61"/>
      <c r="BE5" s="61"/>
      <c r="BF5" s="61"/>
      <c r="BG5" s="61"/>
      <c r="BH5" s="61"/>
      <c r="BI5" s="61"/>
      <c r="BJ5" s="61"/>
      <c r="BK5" s="61"/>
      <c r="BL5" s="61"/>
      <c r="BM5" s="61"/>
      <c r="BN5" s="61"/>
      <c r="BO5" s="61"/>
      <c r="BP5" s="61"/>
      <c r="BQ5" s="61"/>
      <c r="BR5" s="61"/>
      <c r="BS5" s="61"/>
      <c r="BT5" s="61"/>
      <c r="BU5" s="61"/>
      <c r="BV5" s="61"/>
      <c r="BW5" s="61"/>
      <c r="BX5" s="61"/>
      <c r="BY5" s="61"/>
      <c r="BZ5" s="61"/>
      <c r="CA5" s="61"/>
      <c r="CB5" s="61"/>
      <c r="CC5" s="61"/>
      <c r="CD5" s="61"/>
      <c r="CE5" s="61"/>
      <c r="CF5" s="61"/>
      <c r="CG5" s="61"/>
      <c r="CH5" s="61"/>
      <c r="CI5" s="61"/>
      <c r="CJ5" s="61"/>
      <c r="CK5" s="61"/>
      <c r="CL5" s="61"/>
      <c r="CM5" s="61"/>
      <c r="CN5" s="61"/>
      <c r="CO5" s="61"/>
      <c r="CP5" s="61"/>
      <c r="CQ5" s="61"/>
      <c r="CR5" s="61"/>
      <c r="CS5" s="61"/>
      <c r="CT5" s="61"/>
      <c r="CU5" s="61"/>
      <c r="CV5" s="61"/>
      <c r="CW5" s="61"/>
      <c r="CX5" s="61"/>
      <c r="CY5" s="61"/>
      <c r="CZ5" s="61"/>
      <c r="DA5" s="61"/>
      <c r="DB5" s="61"/>
      <c r="DC5" s="61"/>
      <c r="DD5" s="61"/>
      <c r="DE5" s="61"/>
      <c r="DF5" s="61"/>
      <c r="DG5" s="61"/>
      <c r="DH5" s="61"/>
      <c r="DI5" s="61"/>
      <c r="DJ5" s="61"/>
      <c r="DK5" s="61"/>
      <c r="DL5" s="61"/>
      <c r="DM5" s="61"/>
      <c r="DN5" s="61"/>
      <c r="DO5" s="61"/>
      <c r="DP5" s="61"/>
      <c r="DQ5" s="61"/>
      <c r="DR5" s="61"/>
      <c r="DS5" s="61"/>
      <c r="DT5" s="61"/>
      <c r="DU5" s="61"/>
      <c r="DV5" s="61"/>
      <c r="DW5" s="61"/>
      <c r="DX5" s="61"/>
      <c r="DY5" s="61"/>
      <c r="DZ5" s="61"/>
      <c r="EA5" s="61"/>
      <c r="EB5" s="61"/>
      <c r="EC5" s="61"/>
      <c r="ED5" s="61"/>
      <c r="EE5" s="61"/>
      <c r="EF5" s="61"/>
      <c r="EG5" s="61"/>
      <c r="EH5" s="61"/>
      <c r="EI5" s="61"/>
      <c r="EJ5" s="61"/>
      <c r="EK5" s="61"/>
      <c r="EL5" s="61"/>
      <c r="EM5" s="61"/>
      <c r="EN5" s="61"/>
      <c r="EO5" s="61"/>
      <c r="EP5" s="61"/>
      <c r="EQ5" s="61"/>
      <c r="ER5" s="61"/>
      <c r="ES5" s="61"/>
      <c r="ET5" s="61"/>
      <c r="EU5" s="61"/>
      <c r="EV5" s="61"/>
      <c r="EW5" s="61"/>
      <c r="EX5" s="61"/>
      <c r="EY5" s="61"/>
      <c r="EZ5" s="61"/>
      <c r="FA5" s="61"/>
      <c r="FB5" s="61"/>
      <c r="FC5" s="61"/>
      <c r="FD5" s="61"/>
      <c r="FE5" s="61"/>
      <c r="FF5" s="61"/>
      <c r="FG5" s="61"/>
      <c r="FH5" s="61"/>
      <c r="FI5" s="61"/>
      <c r="FJ5" s="61"/>
      <c r="FK5" s="61"/>
      <c r="FL5" s="61"/>
      <c r="FM5" s="61"/>
      <c r="FN5" s="61"/>
      <c r="FO5" s="61"/>
      <c r="FP5" s="61"/>
      <c r="FQ5" s="61"/>
      <c r="FR5" s="61"/>
      <c r="FS5" s="61"/>
      <c r="FT5" s="61"/>
      <c r="FU5" s="61"/>
      <c r="FV5" s="61"/>
      <c r="FW5" s="61"/>
      <c r="FX5" s="61"/>
      <c r="FY5" s="61"/>
      <c r="FZ5" s="61"/>
      <c r="GA5" s="61"/>
      <c r="GB5" s="61"/>
      <c r="GC5" s="61"/>
      <c r="GD5" s="61"/>
      <c r="GE5" s="61"/>
      <c r="GF5" s="61"/>
      <c r="GG5" s="61"/>
      <c r="GH5" s="61"/>
      <c r="GI5" s="61"/>
      <c r="GJ5" s="61"/>
      <c r="GK5" s="61"/>
      <c r="GL5" s="61"/>
      <c r="GM5" s="61"/>
      <c r="GN5" s="61"/>
      <c r="GO5" s="61"/>
      <c r="GP5" s="61"/>
      <c r="GQ5" s="61"/>
      <c r="GR5" s="61"/>
      <c r="GS5" s="61"/>
      <c r="GT5" s="61"/>
      <c r="GU5" s="61"/>
      <c r="GV5" s="61"/>
      <c r="GW5" s="61"/>
      <c r="GX5" s="61"/>
      <c r="GY5" s="61"/>
      <c r="GZ5" s="61"/>
      <c r="HA5" s="61"/>
      <c r="HB5" s="61"/>
      <c r="HC5" s="61"/>
      <c r="HD5" s="61"/>
      <c r="HE5" s="61"/>
      <c r="HF5" s="61"/>
      <c r="HG5" s="61"/>
      <c r="HH5" s="61"/>
      <c r="HI5" s="61"/>
      <c r="HJ5" s="61"/>
      <c r="HK5" s="61"/>
      <c r="HL5" s="61"/>
      <c r="HM5" s="61"/>
      <c r="HN5" s="61"/>
      <c r="HO5" s="61"/>
      <c r="HP5" s="61"/>
      <c r="HQ5" s="61"/>
      <c r="HR5" s="61"/>
      <c r="HS5" s="61"/>
      <c r="HT5" s="61"/>
      <c r="HU5" s="61"/>
      <c r="HV5" s="61"/>
      <c r="HW5" s="61"/>
      <c r="HX5" s="61"/>
      <c r="HY5" s="61"/>
      <c r="HZ5" s="61"/>
      <c r="IA5" s="61"/>
      <c r="IB5" s="61"/>
      <c r="IC5" s="61"/>
      <c r="ID5" s="61"/>
      <c r="IE5" s="61"/>
      <c r="IF5" s="61"/>
      <c r="IG5" s="61"/>
      <c r="IH5" s="61"/>
      <c r="II5" s="61"/>
      <c r="IJ5" s="61"/>
      <c r="IK5" s="61"/>
      <c r="IL5" s="61"/>
      <c r="IM5" s="61"/>
      <c r="IN5" s="61"/>
      <c r="IO5" s="61"/>
      <c r="IP5" s="61"/>
      <c r="IQ5" s="61"/>
      <c r="IR5" s="61"/>
      <c r="IS5" s="61"/>
      <c r="IT5" s="61"/>
      <c r="IU5" s="61"/>
      <c r="IV5" s="61"/>
      <c r="IW5" s="61"/>
      <c r="IX5" s="61"/>
    </row>
    <row r="6" spans="1:258" ht="187.5" customHeight="1">
      <c r="A6" s="432" t="s">
        <v>216</v>
      </c>
      <c r="B6" s="432"/>
      <c r="C6" s="432"/>
      <c r="D6" s="432"/>
      <c r="E6" s="432"/>
      <c r="F6" s="432"/>
      <c r="G6" s="432"/>
      <c r="H6" s="432"/>
      <c r="I6" s="432"/>
      <c r="J6" s="432"/>
      <c r="K6" s="432"/>
      <c r="L6" s="432"/>
      <c r="M6" s="432"/>
      <c r="N6" s="432"/>
      <c r="O6" s="432"/>
      <c r="P6" s="432"/>
      <c r="Q6" s="432"/>
      <c r="R6" s="432"/>
      <c r="S6" s="432"/>
      <c r="T6" s="61"/>
      <c r="U6" s="61"/>
      <c r="V6" s="61"/>
      <c r="W6" s="61"/>
      <c r="X6" s="61"/>
      <c r="Y6" s="61"/>
      <c r="Z6" s="61"/>
      <c r="AA6" s="61"/>
      <c r="AB6" s="61"/>
      <c r="AC6" s="61"/>
      <c r="AD6" s="61"/>
      <c r="AE6" s="61"/>
      <c r="AF6" s="61"/>
      <c r="AG6" s="61"/>
      <c r="AH6" s="61"/>
      <c r="AI6" s="61"/>
      <c r="AJ6" s="61"/>
      <c r="AK6" s="61"/>
      <c r="AL6" s="61"/>
      <c r="AM6" s="61"/>
      <c r="AN6" s="61"/>
      <c r="AO6" s="61"/>
      <c r="AP6" s="61"/>
      <c r="AQ6" s="61"/>
      <c r="AR6" s="61"/>
      <c r="AS6" s="61"/>
      <c r="AT6" s="61"/>
      <c r="AU6" s="61"/>
      <c r="AV6" s="61"/>
      <c r="AW6" s="61"/>
      <c r="AX6" s="61"/>
      <c r="AY6" s="61"/>
      <c r="AZ6" s="61"/>
      <c r="BA6" s="61"/>
      <c r="BB6" s="61"/>
      <c r="BC6" s="61"/>
      <c r="BD6" s="61"/>
      <c r="BE6" s="61"/>
      <c r="BF6" s="61"/>
      <c r="BG6" s="61"/>
      <c r="BH6" s="61"/>
      <c r="BI6" s="61"/>
      <c r="BJ6" s="61"/>
      <c r="BK6" s="61"/>
      <c r="BL6" s="61"/>
      <c r="BM6" s="61"/>
      <c r="BN6" s="61"/>
      <c r="BO6" s="61"/>
      <c r="BP6" s="61"/>
      <c r="BQ6" s="61"/>
      <c r="BR6" s="61"/>
      <c r="BS6" s="61"/>
      <c r="BT6" s="61"/>
      <c r="BU6" s="61"/>
      <c r="BV6" s="61"/>
      <c r="BW6" s="61"/>
      <c r="BX6" s="61"/>
      <c r="BY6" s="61"/>
      <c r="BZ6" s="61"/>
      <c r="CA6" s="61"/>
      <c r="CB6" s="61"/>
      <c r="CC6" s="61"/>
      <c r="CD6" s="61"/>
      <c r="CE6" s="61"/>
      <c r="CF6" s="61"/>
      <c r="CG6" s="61"/>
      <c r="CH6" s="61"/>
      <c r="CI6" s="61"/>
      <c r="CJ6" s="61"/>
      <c r="CK6" s="61"/>
      <c r="CL6" s="61"/>
      <c r="CM6" s="61"/>
      <c r="CN6" s="61"/>
      <c r="CO6" s="61"/>
      <c r="CP6" s="61"/>
      <c r="CQ6" s="61"/>
      <c r="CR6" s="61"/>
      <c r="CS6" s="61"/>
      <c r="CT6" s="61"/>
      <c r="CU6" s="61"/>
      <c r="CV6" s="61"/>
      <c r="CW6" s="61"/>
      <c r="CX6" s="61"/>
      <c r="CY6" s="61"/>
      <c r="CZ6" s="61"/>
      <c r="DA6" s="61"/>
      <c r="DB6" s="61"/>
      <c r="DC6" s="61"/>
      <c r="DD6" s="61"/>
      <c r="DE6" s="61"/>
      <c r="DF6" s="61"/>
      <c r="DG6" s="61"/>
      <c r="DH6" s="61"/>
      <c r="DI6" s="61"/>
      <c r="DJ6" s="61"/>
      <c r="DK6" s="61"/>
      <c r="DL6" s="61"/>
      <c r="DM6" s="61"/>
      <c r="DN6" s="61"/>
      <c r="DO6" s="61"/>
      <c r="DP6" s="61"/>
      <c r="DQ6" s="61"/>
      <c r="DR6" s="61"/>
      <c r="DS6" s="61"/>
      <c r="DT6" s="61"/>
      <c r="DU6" s="61"/>
      <c r="DV6" s="61"/>
      <c r="DW6" s="61"/>
      <c r="DX6" s="61"/>
      <c r="DY6" s="61"/>
      <c r="DZ6" s="61"/>
      <c r="EA6" s="61"/>
      <c r="EB6" s="61"/>
      <c r="EC6" s="61"/>
      <c r="ED6" s="61"/>
      <c r="EE6" s="61"/>
      <c r="EF6" s="61"/>
      <c r="EG6" s="61"/>
      <c r="EH6" s="61"/>
      <c r="EI6" s="61"/>
      <c r="EJ6" s="61"/>
      <c r="EK6" s="61"/>
      <c r="EL6" s="61"/>
      <c r="EM6" s="61"/>
      <c r="EN6" s="61"/>
      <c r="EO6" s="61"/>
      <c r="EP6" s="61"/>
      <c r="EQ6" s="61"/>
      <c r="ER6" s="61"/>
      <c r="ES6" s="61"/>
      <c r="ET6" s="61"/>
      <c r="EU6" s="61"/>
      <c r="EV6" s="61"/>
      <c r="EW6" s="61"/>
      <c r="EX6" s="61"/>
      <c r="EY6" s="61"/>
      <c r="EZ6" s="61"/>
      <c r="FA6" s="61"/>
      <c r="FB6" s="61"/>
      <c r="FC6" s="61"/>
      <c r="FD6" s="61"/>
      <c r="FE6" s="61"/>
      <c r="FF6" s="61"/>
      <c r="FG6" s="61"/>
      <c r="FH6" s="61"/>
      <c r="FI6" s="61"/>
      <c r="FJ6" s="61"/>
      <c r="FK6" s="61"/>
      <c r="FL6" s="61"/>
      <c r="FM6" s="61"/>
      <c r="FN6" s="61"/>
      <c r="FO6" s="61"/>
      <c r="FP6" s="61"/>
      <c r="FQ6" s="61"/>
      <c r="FR6" s="61"/>
      <c r="FS6" s="61"/>
      <c r="FT6" s="61"/>
      <c r="FU6" s="61"/>
      <c r="FV6" s="61"/>
      <c r="FW6" s="61"/>
      <c r="FX6" s="61"/>
      <c r="FY6" s="61"/>
      <c r="FZ6" s="61"/>
      <c r="GA6" s="61"/>
      <c r="GB6" s="61"/>
      <c r="GC6" s="61"/>
      <c r="GD6" s="61"/>
      <c r="GE6" s="61"/>
      <c r="GF6" s="61"/>
      <c r="GG6" s="61"/>
      <c r="GH6" s="61"/>
      <c r="GI6" s="61"/>
      <c r="GJ6" s="61"/>
      <c r="GK6" s="61"/>
      <c r="GL6" s="61"/>
      <c r="GM6" s="61"/>
      <c r="GN6" s="61"/>
      <c r="GO6" s="61"/>
      <c r="GP6" s="61"/>
      <c r="GQ6" s="61"/>
      <c r="GR6" s="61"/>
      <c r="GS6" s="61"/>
      <c r="GT6" s="61"/>
      <c r="GU6" s="61"/>
      <c r="GV6" s="61"/>
      <c r="GW6" s="61"/>
      <c r="GX6" s="61"/>
      <c r="GY6" s="61"/>
      <c r="GZ6" s="61"/>
      <c r="HA6" s="61"/>
      <c r="HB6" s="61"/>
      <c r="HC6" s="61"/>
      <c r="HD6" s="61"/>
      <c r="HE6" s="61"/>
      <c r="HF6" s="61"/>
      <c r="HG6" s="61"/>
      <c r="HH6" s="61"/>
      <c r="HI6" s="61"/>
      <c r="HJ6" s="61"/>
      <c r="HK6" s="61"/>
      <c r="HL6" s="61"/>
      <c r="HM6" s="61"/>
      <c r="HN6" s="61"/>
      <c r="HO6" s="61"/>
      <c r="HP6" s="61"/>
      <c r="HQ6" s="61"/>
      <c r="HR6" s="61"/>
      <c r="HS6" s="61"/>
      <c r="HT6" s="61"/>
      <c r="HU6" s="61"/>
      <c r="HV6" s="61"/>
      <c r="HW6" s="61"/>
      <c r="HX6" s="61"/>
      <c r="HY6" s="61"/>
      <c r="HZ6" s="61"/>
      <c r="IA6" s="61"/>
      <c r="IB6" s="61"/>
      <c r="IC6" s="61"/>
      <c r="ID6" s="61"/>
      <c r="IE6" s="61"/>
      <c r="IF6" s="61"/>
      <c r="IG6" s="61"/>
      <c r="IH6" s="61"/>
      <c r="II6" s="61"/>
      <c r="IJ6" s="61"/>
      <c r="IK6" s="61"/>
      <c r="IL6" s="61"/>
      <c r="IM6" s="61"/>
      <c r="IN6" s="61"/>
      <c r="IO6" s="61"/>
      <c r="IP6" s="61"/>
      <c r="IQ6" s="61"/>
      <c r="IR6" s="61"/>
      <c r="IS6" s="61"/>
      <c r="IT6" s="61"/>
      <c r="IU6" s="61"/>
      <c r="IV6" s="61"/>
      <c r="IW6" s="61"/>
      <c r="IX6" s="61"/>
    </row>
    <row r="7" spans="1:258" ht="55.2">
      <c r="A7" s="181"/>
      <c r="B7" s="183" t="s">
        <v>3</v>
      </c>
      <c r="C7" s="184"/>
      <c r="D7" s="184" t="s">
        <v>4</v>
      </c>
      <c r="E7" s="183"/>
      <c r="F7" s="183"/>
      <c r="G7" s="183"/>
      <c r="H7" s="183"/>
      <c r="I7" s="183"/>
      <c r="J7" s="183"/>
      <c r="K7" s="183"/>
      <c r="L7" s="185"/>
      <c r="M7" s="183"/>
      <c r="N7" s="181"/>
      <c r="O7" s="181"/>
      <c r="P7" s="181"/>
      <c r="Q7" s="181"/>
      <c r="R7" s="181"/>
      <c r="S7" s="181"/>
      <c r="T7" s="61"/>
      <c r="U7" s="61"/>
      <c r="V7" s="61"/>
      <c r="W7" s="61"/>
      <c r="X7" s="61"/>
      <c r="Y7" s="61"/>
      <c r="Z7" s="61"/>
      <c r="AA7" s="61"/>
      <c r="AB7" s="61"/>
      <c r="AC7" s="61"/>
      <c r="AD7" s="61"/>
      <c r="AE7" s="61"/>
      <c r="AF7" s="61"/>
      <c r="AG7" s="61"/>
      <c r="AH7" s="61"/>
      <c r="AI7" s="61"/>
      <c r="AJ7" s="61"/>
      <c r="AK7" s="61"/>
      <c r="AL7" s="61"/>
      <c r="AM7" s="61"/>
      <c r="AN7" s="61"/>
      <c r="AO7" s="61"/>
      <c r="AP7" s="61"/>
      <c r="AQ7" s="61"/>
      <c r="AR7" s="61"/>
      <c r="AS7" s="61"/>
      <c r="AT7" s="61"/>
      <c r="AU7" s="61"/>
      <c r="AV7" s="61"/>
      <c r="AW7" s="61"/>
      <c r="AX7" s="61"/>
      <c r="AY7" s="61"/>
      <c r="AZ7" s="61"/>
      <c r="BA7" s="61"/>
      <c r="BB7" s="61"/>
      <c r="BC7" s="61"/>
      <c r="BD7" s="61"/>
      <c r="BE7" s="61"/>
      <c r="BF7" s="61"/>
      <c r="BG7" s="61"/>
      <c r="BH7" s="61"/>
      <c r="BI7" s="61"/>
      <c r="BJ7" s="61"/>
      <c r="BK7" s="61"/>
      <c r="BL7" s="61"/>
      <c r="BM7" s="61"/>
      <c r="BN7" s="61"/>
      <c r="BO7" s="61"/>
      <c r="BP7" s="61"/>
      <c r="BQ7" s="61"/>
      <c r="BR7" s="61"/>
      <c r="BS7" s="61"/>
      <c r="BT7" s="61"/>
      <c r="BU7" s="61"/>
      <c r="BV7" s="61"/>
      <c r="BW7" s="61"/>
      <c r="BX7" s="61"/>
      <c r="BY7" s="61"/>
      <c r="BZ7" s="61"/>
      <c r="CA7" s="61"/>
      <c r="CB7" s="61"/>
      <c r="CC7" s="61"/>
      <c r="CD7" s="61"/>
      <c r="CE7" s="61"/>
      <c r="CF7" s="61"/>
      <c r="CG7" s="61"/>
      <c r="CH7" s="61"/>
      <c r="CI7" s="61"/>
      <c r="CJ7" s="61"/>
      <c r="CK7" s="61"/>
      <c r="CL7" s="61"/>
      <c r="CM7" s="61"/>
      <c r="CN7" s="61"/>
      <c r="CO7" s="61"/>
      <c r="CP7" s="61"/>
      <c r="CQ7" s="61"/>
      <c r="CR7" s="61"/>
      <c r="CS7" s="61"/>
      <c r="CT7" s="61"/>
      <c r="CU7" s="61"/>
      <c r="CV7" s="61"/>
      <c r="CW7" s="61"/>
      <c r="CX7" s="61"/>
      <c r="CY7" s="61"/>
      <c r="CZ7" s="61"/>
      <c r="DA7" s="61"/>
      <c r="DB7" s="61"/>
      <c r="DC7" s="61"/>
      <c r="DD7" s="61"/>
      <c r="DE7" s="61"/>
      <c r="DF7" s="61"/>
      <c r="DG7" s="61"/>
      <c r="DH7" s="61"/>
      <c r="DI7" s="61"/>
      <c r="DJ7" s="61"/>
      <c r="DK7" s="61"/>
      <c r="DL7" s="61"/>
      <c r="DM7" s="61"/>
      <c r="DN7" s="61"/>
      <c r="DO7" s="61"/>
      <c r="DP7" s="61"/>
      <c r="DQ7" s="61"/>
      <c r="DR7" s="61"/>
      <c r="DS7" s="61"/>
      <c r="DT7" s="61"/>
      <c r="DU7" s="61"/>
      <c r="DV7" s="61"/>
      <c r="DW7" s="61"/>
      <c r="DX7" s="61"/>
      <c r="DY7" s="61"/>
      <c r="DZ7" s="61"/>
      <c r="EA7" s="61"/>
      <c r="EB7" s="61"/>
      <c r="EC7" s="61"/>
      <c r="ED7" s="61"/>
      <c r="EE7" s="61"/>
      <c r="EF7" s="61"/>
      <c r="EG7" s="61"/>
      <c r="EH7" s="61"/>
      <c r="EI7" s="61"/>
      <c r="EJ7" s="61"/>
      <c r="EK7" s="61"/>
      <c r="EL7" s="61"/>
      <c r="EM7" s="61"/>
      <c r="EN7" s="61"/>
      <c r="EO7" s="61"/>
      <c r="EP7" s="61"/>
      <c r="EQ7" s="61"/>
      <c r="ER7" s="61"/>
      <c r="ES7" s="61"/>
      <c r="ET7" s="61"/>
      <c r="EU7" s="61"/>
      <c r="EV7" s="61"/>
      <c r="EW7" s="61"/>
      <c r="EX7" s="61"/>
      <c r="EY7" s="61"/>
      <c r="EZ7" s="61"/>
      <c r="FA7" s="61"/>
      <c r="FB7" s="61"/>
      <c r="FC7" s="61"/>
      <c r="FD7" s="61"/>
      <c r="FE7" s="61"/>
      <c r="FF7" s="61"/>
      <c r="FG7" s="61"/>
      <c r="FH7" s="61"/>
      <c r="FI7" s="61"/>
      <c r="FJ7" s="61"/>
      <c r="FK7" s="61"/>
      <c r="FL7" s="61"/>
      <c r="FM7" s="61"/>
      <c r="FN7" s="61"/>
      <c r="FO7" s="61"/>
      <c r="FP7" s="61"/>
      <c r="FQ7" s="61"/>
      <c r="FR7" s="61"/>
      <c r="FS7" s="61"/>
      <c r="FT7" s="61"/>
      <c r="FU7" s="61"/>
      <c r="FV7" s="61"/>
      <c r="FW7" s="61"/>
      <c r="FX7" s="61"/>
      <c r="FY7" s="61"/>
      <c r="FZ7" s="61"/>
      <c r="GA7" s="61"/>
      <c r="GB7" s="61"/>
      <c r="GC7" s="61"/>
      <c r="GD7" s="61"/>
      <c r="GE7" s="61"/>
      <c r="GF7" s="61"/>
      <c r="GG7" s="61"/>
      <c r="GH7" s="61"/>
      <c r="GI7" s="61"/>
      <c r="GJ7" s="61"/>
      <c r="GK7" s="61"/>
      <c r="GL7" s="61"/>
      <c r="GM7" s="61"/>
      <c r="GN7" s="61"/>
      <c r="GO7" s="61"/>
      <c r="GP7" s="61"/>
      <c r="GQ7" s="61"/>
      <c r="GR7" s="61"/>
      <c r="GS7" s="61"/>
      <c r="GT7" s="61"/>
      <c r="GU7" s="61"/>
      <c r="GV7" s="61"/>
      <c r="GW7" s="61"/>
      <c r="GX7" s="61"/>
      <c r="GY7" s="61"/>
      <c r="GZ7" s="61"/>
      <c r="HA7" s="61"/>
      <c r="HB7" s="61"/>
      <c r="HC7" s="61"/>
      <c r="HD7" s="61"/>
      <c r="HE7" s="61"/>
      <c r="HF7" s="61"/>
      <c r="HG7" s="61"/>
      <c r="HH7" s="61"/>
      <c r="HI7" s="61"/>
      <c r="HJ7" s="61"/>
      <c r="HK7" s="61"/>
      <c r="HL7" s="61"/>
      <c r="HM7" s="61"/>
      <c r="HN7" s="61"/>
      <c r="HO7" s="61"/>
      <c r="HP7" s="61"/>
      <c r="HQ7" s="61"/>
      <c r="HR7" s="61"/>
      <c r="HS7" s="61"/>
      <c r="HT7" s="61"/>
      <c r="HU7" s="61"/>
      <c r="HV7" s="61"/>
      <c r="HW7" s="61"/>
      <c r="HX7" s="61"/>
      <c r="HY7" s="61"/>
      <c r="HZ7" s="61"/>
      <c r="IA7" s="61"/>
      <c r="IB7" s="61"/>
      <c r="IC7" s="61"/>
      <c r="ID7" s="61"/>
      <c r="IE7" s="61"/>
      <c r="IF7" s="61"/>
      <c r="IG7" s="61"/>
      <c r="IH7" s="61"/>
      <c r="II7" s="61"/>
      <c r="IJ7" s="61"/>
      <c r="IK7" s="61"/>
      <c r="IL7" s="61"/>
      <c r="IM7" s="61"/>
      <c r="IN7" s="61"/>
      <c r="IO7" s="61"/>
      <c r="IP7" s="61"/>
      <c r="IQ7" s="61"/>
      <c r="IR7" s="61"/>
      <c r="IS7" s="61"/>
      <c r="IT7" s="61"/>
      <c r="IU7" s="61"/>
      <c r="IV7" s="61"/>
      <c r="IW7" s="61"/>
      <c r="IX7" s="61"/>
    </row>
    <row r="8" spans="1:258" ht="55.2">
      <c r="A8" s="181"/>
      <c r="B8" s="183" t="s">
        <v>5</v>
      </c>
      <c r="C8" s="184"/>
      <c r="D8" s="184" t="s">
        <v>217</v>
      </c>
      <c r="E8" s="183"/>
      <c r="F8" s="183"/>
      <c r="G8" s="183"/>
      <c r="H8" s="183"/>
      <c r="I8" s="183"/>
      <c r="J8" s="183"/>
      <c r="K8" s="183"/>
      <c r="L8" s="185"/>
      <c r="M8" s="183"/>
      <c r="N8" s="181"/>
      <c r="O8" s="181"/>
      <c r="P8" s="181"/>
      <c r="Q8" s="181"/>
      <c r="R8" s="181"/>
      <c r="S8" s="181"/>
      <c r="T8" s="61"/>
      <c r="U8" s="61"/>
      <c r="V8" s="61"/>
      <c r="W8" s="61"/>
      <c r="X8" s="61"/>
      <c r="Y8" s="61"/>
      <c r="Z8" s="61"/>
      <c r="AA8" s="61"/>
      <c r="AB8" s="61"/>
      <c r="AC8" s="61"/>
      <c r="AD8" s="61"/>
      <c r="AE8" s="61"/>
      <c r="AF8" s="61"/>
      <c r="AG8" s="61"/>
      <c r="AH8" s="61"/>
      <c r="AI8" s="61"/>
      <c r="AJ8" s="61"/>
      <c r="AK8" s="61"/>
      <c r="AL8" s="61"/>
      <c r="AM8" s="61"/>
      <c r="AN8" s="61"/>
      <c r="AO8" s="61"/>
      <c r="AP8" s="61"/>
      <c r="AQ8" s="61"/>
      <c r="AR8" s="61"/>
      <c r="AS8" s="61"/>
      <c r="AT8" s="61"/>
      <c r="AU8" s="61"/>
      <c r="AV8" s="61"/>
      <c r="AW8" s="61"/>
      <c r="AX8" s="61"/>
      <c r="AY8" s="61"/>
      <c r="AZ8" s="61"/>
      <c r="BA8" s="61"/>
      <c r="BB8" s="61"/>
      <c r="BC8" s="61"/>
      <c r="BD8" s="61"/>
      <c r="BE8" s="61"/>
      <c r="BF8" s="61"/>
      <c r="BG8" s="61"/>
      <c r="BH8" s="61"/>
      <c r="BI8" s="61"/>
      <c r="BJ8" s="61"/>
      <c r="BK8" s="61"/>
      <c r="BL8" s="61"/>
      <c r="BM8" s="61"/>
      <c r="BN8" s="61"/>
      <c r="BO8" s="61"/>
      <c r="BP8" s="61"/>
      <c r="BQ8" s="61"/>
      <c r="BR8" s="61"/>
      <c r="BS8" s="61"/>
      <c r="BT8" s="61"/>
      <c r="BU8" s="61"/>
      <c r="BV8" s="61"/>
      <c r="BW8" s="61"/>
      <c r="BX8" s="61"/>
      <c r="BY8" s="61"/>
      <c r="BZ8" s="61"/>
      <c r="CA8" s="61"/>
      <c r="CB8" s="61"/>
      <c r="CC8" s="61"/>
      <c r="CD8" s="61"/>
      <c r="CE8" s="61"/>
      <c r="CF8" s="61"/>
      <c r="CG8" s="61"/>
      <c r="CH8" s="61"/>
      <c r="CI8" s="61"/>
      <c r="CJ8" s="61"/>
      <c r="CK8" s="61"/>
      <c r="CL8" s="61"/>
      <c r="CM8" s="61"/>
      <c r="CN8" s="61"/>
      <c r="CO8" s="61"/>
      <c r="CP8" s="61"/>
      <c r="CQ8" s="61"/>
      <c r="CR8" s="61"/>
      <c r="CS8" s="61"/>
      <c r="CT8" s="61"/>
      <c r="CU8" s="61"/>
      <c r="CV8" s="61"/>
      <c r="CW8" s="61"/>
      <c r="CX8" s="61"/>
      <c r="CY8" s="61"/>
      <c r="CZ8" s="61"/>
      <c r="DA8" s="61"/>
      <c r="DB8" s="61"/>
      <c r="DC8" s="61"/>
      <c r="DD8" s="61"/>
      <c r="DE8" s="61"/>
      <c r="DF8" s="61"/>
      <c r="DG8" s="61"/>
      <c r="DH8" s="61"/>
      <c r="DI8" s="61"/>
      <c r="DJ8" s="61"/>
      <c r="DK8" s="61"/>
      <c r="DL8" s="61"/>
      <c r="DM8" s="61"/>
      <c r="DN8" s="61"/>
      <c r="DO8" s="61"/>
      <c r="DP8" s="61"/>
      <c r="DQ8" s="61"/>
      <c r="DR8" s="61"/>
      <c r="DS8" s="61"/>
      <c r="DT8" s="61"/>
      <c r="DU8" s="61"/>
      <c r="DV8" s="61"/>
      <c r="DW8" s="61"/>
      <c r="DX8" s="61"/>
      <c r="DY8" s="61"/>
      <c r="DZ8" s="61"/>
      <c r="EA8" s="61"/>
      <c r="EB8" s="61"/>
      <c r="EC8" s="61"/>
      <c r="ED8" s="61"/>
      <c r="EE8" s="61"/>
      <c r="EF8" s="61"/>
      <c r="EG8" s="61"/>
      <c r="EH8" s="61"/>
      <c r="EI8" s="61"/>
      <c r="EJ8" s="61"/>
      <c r="EK8" s="61"/>
      <c r="EL8" s="61"/>
      <c r="EM8" s="61"/>
      <c r="EN8" s="61"/>
      <c r="EO8" s="61"/>
      <c r="EP8" s="61"/>
      <c r="EQ8" s="61"/>
      <c r="ER8" s="61"/>
      <c r="ES8" s="61"/>
      <c r="ET8" s="61"/>
      <c r="EU8" s="61"/>
      <c r="EV8" s="61"/>
      <c r="EW8" s="61"/>
      <c r="EX8" s="61"/>
      <c r="EY8" s="61"/>
      <c r="EZ8" s="61"/>
      <c r="FA8" s="61"/>
      <c r="FB8" s="61"/>
      <c r="FC8" s="61"/>
      <c r="FD8" s="61"/>
      <c r="FE8" s="61"/>
      <c r="FF8" s="61"/>
      <c r="FG8" s="61"/>
      <c r="FH8" s="61"/>
      <c r="FI8" s="61"/>
      <c r="FJ8" s="61"/>
      <c r="FK8" s="61"/>
      <c r="FL8" s="61"/>
      <c r="FM8" s="61"/>
      <c r="FN8" s="61"/>
      <c r="FO8" s="61"/>
      <c r="FP8" s="61"/>
      <c r="FQ8" s="61"/>
      <c r="FR8" s="61"/>
      <c r="FS8" s="61"/>
      <c r="FT8" s="61"/>
      <c r="FU8" s="61"/>
      <c r="FV8" s="61"/>
      <c r="FW8" s="61"/>
      <c r="FX8" s="61"/>
      <c r="FY8" s="61"/>
      <c r="FZ8" s="61"/>
      <c r="GA8" s="61"/>
      <c r="GB8" s="61"/>
      <c r="GC8" s="61"/>
      <c r="GD8" s="61"/>
      <c r="GE8" s="61"/>
      <c r="GF8" s="61"/>
      <c r="GG8" s="61"/>
      <c r="GH8" s="61"/>
      <c r="GI8" s="61"/>
      <c r="GJ8" s="61"/>
      <c r="GK8" s="61"/>
      <c r="GL8" s="61"/>
      <c r="GM8" s="61"/>
      <c r="GN8" s="61"/>
      <c r="GO8" s="61"/>
      <c r="GP8" s="61"/>
      <c r="GQ8" s="61"/>
      <c r="GR8" s="61"/>
      <c r="GS8" s="61"/>
      <c r="GT8" s="61"/>
      <c r="GU8" s="61"/>
      <c r="GV8" s="61"/>
      <c r="GW8" s="61"/>
      <c r="GX8" s="61"/>
      <c r="GY8" s="61"/>
      <c r="GZ8" s="61"/>
      <c r="HA8" s="61"/>
      <c r="HB8" s="61"/>
      <c r="HC8" s="61"/>
      <c r="HD8" s="61"/>
      <c r="HE8" s="61"/>
      <c r="HF8" s="61"/>
      <c r="HG8" s="61"/>
      <c r="HH8" s="61"/>
      <c r="HI8" s="61"/>
      <c r="HJ8" s="61"/>
      <c r="HK8" s="61"/>
      <c r="HL8" s="61"/>
      <c r="HM8" s="61"/>
      <c r="HN8" s="61"/>
      <c r="HO8" s="61"/>
      <c r="HP8" s="61"/>
      <c r="HQ8" s="61"/>
      <c r="HR8" s="61"/>
      <c r="HS8" s="61"/>
      <c r="HT8" s="61"/>
      <c r="HU8" s="61"/>
      <c r="HV8" s="61"/>
      <c r="HW8" s="61"/>
      <c r="HX8" s="61"/>
      <c r="HY8" s="61"/>
      <c r="HZ8" s="61"/>
      <c r="IA8" s="61"/>
      <c r="IB8" s="61"/>
      <c r="IC8" s="61"/>
      <c r="ID8" s="61"/>
      <c r="IE8" s="61"/>
      <c r="IF8" s="61"/>
      <c r="IG8" s="61"/>
      <c r="IH8" s="61"/>
      <c r="II8" s="61"/>
      <c r="IJ8" s="61"/>
      <c r="IK8" s="61"/>
      <c r="IL8" s="61"/>
      <c r="IM8" s="61"/>
      <c r="IN8" s="61"/>
      <c r="IO8" s="61"/>
      <c r="IP8" s="61"/>
      <c r="IQ8" s="61"/>
      <c r="IR8" s="61"/>
      <c r="IS8" s="61"/>
      <c r="IT8" s="61"/>
      <c r="IU8" s="61"/>
      <c r="IV8" s="61"/>
      <c r="IW8" s="61"/>
      <c r="IX8" s="61"/>
    </row>
    <row r="9" spans="1:258" ht="55.2">
      <c r="A9" s="181"/>
      <c r="B9" s="183" t="s">
        <v>7</v>
      </c>
      <c r="C9" s="184"/>
      <c r="D9" s="184" t="s">
        <v>218</v>
      </c>
      <c r="E9" s="183"/>
      <c r="F9" s="183"/>
      <c r="G9" s="183"/>
      <c r="H9" s="183"/>
      <c r="I9" s="183"/>
      <c r="J9" s="183"/>
      <c r="K9" s="183"/>
      <c r="L9" s="185"/>
      <c r="M9" s="183"/>
      <c r="N9" s="181"/>
      <c r="O9" s="181"/>
      <c r="P9" s="181"/>
      <c r="Q9" s="181"/>
      <c r="R9" s="181"/>
      <c r="S9" s="181"/>
      <c r="T9" s="61"/>
      <c r="U9" s="61"/>
      <c r="V9" s="61"/>
      <c r="W9" s="61"/>
      <c r="X9" s="61"/>
      <c r="Y9" s="61"/>
      <c r="Z9" s="61"/>
      <c r="AA9" s="61"/>
      <c r="AB9" s="61"/>
      <c r="AC9" s="61"/>
      <c r="AD9" s="61"/>
      <c r="AE9" s="61"/>
      <c r="AF9" s="61"/>
      <c r="AG9" s="61"/>
      <c r="AH9" s="61"/>
      <c r="AI9" s="61"/>
      <c r="AJ9" s="61"/>
      <c r="AK9" s="61"/>
      <c r="AL9" s="61"/>
      <c r="AM9" s="61"/>
      <c r="AN9" s="61"/>
      <c r="AO9" s="61"/>
      <c r="AP9" s="61"/>
      <c r="AQ9" s="61"/>
      <c r="AR9" s="61"/>
      <c r="AS9" s="61"/>
      <c r="AT9" s="61"/>
      <c r="AU9" s="61"/>
      <c r="AV9" s="61"/>
      <c r="AW9" s="61"/>
      <c r="AX9" s="61"/>
      <c r="AY9" s="61"/>
      <c r="AZ9" s="61"/>
      <c r="BA9" s="61"/>
      <c r="BB9" s="61"/>
      <c r="BC9" s="61"/>
      <c r="BD9" s="61"/>
      <c r="BE9" s="61"/>
      <c r="BF9" s="61"/>
      <c r="BG9" s="61"/>
      <c r="BH9" s="61"/>
      <c r="BI9" s="61"/>
      <c r="BJ9" s="61"/>
      <c r="BK9" s="61"/>
      <c r="BL9" s="61"/>
      <c r="BM9" s="61"/>
      <c r="BN9" s="61"/>
      <c r="BO9" s="61"/>
      <c r="BP9" s="61"/>
      <c r="BQ9" s="61"/>
      <c r="BR9" s="61"/>
      <c r="BS9" s="61"/>
      <c r="BT9" s="61"/>
      <c r="BU9" s="61"/>
      <c r="BV9" s="61"/>
      <c r="BW9" s="61"/>
      <c r="BX9" s="61"/>
      <c r="BY9" s="61"/>
      <c r="BZ9" s="61"/>
      <c r="CA9" s="61"/>
      <c r="CB9" s="61"/>
      <c r="CC9" s="61"/>
      <c r="CD9" s="61"/>
      <c r="CE9" s="61"/>
      <c r="CF9" s="61"/>
      <c r="CG9" s="61"/>
      <c r="CH9" s="61"/>
      <c r="CI9" s="61"/>
      <c r="CJ9" s="61"/>
      <c r="CK9" s="61"/>
      <c r="CL9" s="61"/>
      <c r="CM9" s="61"/>
      <c r="CN9" s="61"/>
      <c r="CO9" s="61"/>
      <c r="CP9" s="61"/>
      <c r="CQ9" s="61"/>
      <c r="CR9" s="61"/>
      <c r="CS9" s="61"/>
      <c r="CT9" s="61"/>
      <c r="CU9" s="61"/>
      <c r="CV9" s="61"/>
      <c r="CW9" s="61"/>
      <c r="CX9" s="61"/>
      <c r="CY9" s="61"/>
      <c r="CZ9" s="61"/>
      <c r="DA9" s="61"/>
      <c r="DB9" s="61"/>
      <c r="DC9" s="61"/>
      <c r="DD9" s="61"/>
      <c r="DE9" s="61"/>
      <c r="DF9" s="61"/>
      <c r="DG9" s="61"/>
      <c r="DH9" s="61"/>
      <c r="DI9" s="61"/>
      <c r="DJ9" s="61"/>
      <c r="DK9" s="61"/>
      <c r="DL9" s="61"/>
      <c r="DM9" s="61"/>
      <c r="DN9" s="61"/>
      <c r="DO9" s="61"/>
      <c r="DP9" s="61"/>
      <c r="DQ9" s="61"/>
      <c r="DR9" s="61"/>
      <c r="DS9" s="61"/>
      <c r="DT9" s="61"/>
      <c r="DU9" s="61"/>
      <c r="DV9" s="61"/>
      <c r="DW9" s="61"/>
      <c r="DX9" s="61"/>
      <c r="DY9" s="61"/>
      <c r="DZ9" s="61"/>
      <c r="EA9" s="61"/>
      <c r="EB9" s="61"/>
      <c r="EC9" s="61"/>
      <c r="ED9" s="61"/>
      <c r="EE9" s="61"/>
      <c r="EF9" s="61"/>
      <c r="EG9" s="61"/>
      <c r="EH9" s="61"/>
      <c r="EI9" s="61"/>
      <c r="EJ9" s="61"/>
      <c r="EK9" s="61"/>
      <c r="EL9" s="61"/>
      <c r="EM9" s="61"/>
      <c r="EN9" s="61"/>
      <c r="EO9" s="61"/>
      <c r="EP9" s="61"/>
      <c r="EQ9" s="61"/>
      <c r="ER9" s="61"/>
      <c r="ES9" s="61"/>
      <c r="ET9" s="61"/>
      <c r="EU9" s="61"/>
      <c r="EV9" s="61"/>
      <c r="EW9" s="61"/>
      <c r="EX9" s="61"/>
      <c r="EY9" s="61"/>
      <c r="EZ9" s="61"/>
      <c r="FA9" s="61"/>
      <c r="FB9" s="61"/>
      <c r="FC9" s="61"/>
      <c r="FD9" s="61"/>
      <c r="FE9" s="61"/>
      <c r="FF9" s="61"/>
      <c r="FG9" s="61"/>
      <c r="FH9" s="61"/>
      <c r="FI9" s="61"/>
      <c r="FJ9" s="61"/>
      <c r="FK9" s="61"/>
      <c r="FL9" s="61"/>
      <c r="FM9" s="61"/>
      <c r="FN9" s="61"/>
      <c r="FO9" s="61"/>
      <c r="FP9" s="61"/>
      <c r="FQ9" s="61"/>
      <c r="FR9" s="61"/>
      <c r="FS9" s="61"/>
      <c r="FT9" s="61"/>
      <c r="FU9" s="61"/>
      <c r="FV9" s="61"/>
      <c r="FW9" s="61"/>
      <c r="FX9" s="61"/>
      <c r="FY9" s="61"/>
      <c r="FZ9" s="61"/>
      <c r="GA9" s="61"/>
      <c r="GB9" s="61"/>
      <c r="GC9" s="61"/>
      <c r="GD9" s="61"/>
      <c r="GE9" s="61"/>
      <c r="GF9" s="61"/>
      <c r="GG9" s="61"/>
      <c r="GH9" s="61"/>
      <c r="GI9" s="61"/>
      <c r="GJ9" s="61"/>
      <c r="GK9" s="61"/>
      <c r="GL9" s="61"/>
      <c r="GM9" s="61"/>
      <c r="GN9" s="61"/>
      <c r="GO9" s="61"/>
      <c r="GP9" s="61"/>
      <c r="GQ9" s="61"/>
      <c r="GR9" s="61"/>
      <c r="GS9" s="61"/>
      <c r="GT9" s="61"/>
      <c r="GU9" s="61"/>
      <c r="GV9" s="61"/>
      <c r="GW9" s="61"/>
      <c r="GX9" s="61"/>
      <c r="GY9" s="61"/>
      <c r="GZ9" s="61"/>
      <c r="HA9" s="61"/>
      <c r="HB9" s="61"/>
      <c r="HC9" s="61"/>
      <c r="HD9" s="61"/>
      <c r="HE9" s="61"/>
      <c r="HF9" s="61"/>
      <c r="HG9" s="61"/>
      <c r="HH9" s="61"/>
      <c r="HI9" s="61"/>
      <c r="HJ9" s="61"/>
      <c r="HK9" s="61"/>
      <c r="HL9" s="61"/>
      <c r="HM9" s="61"/>
      <c r="HN9" s="61"/>
      <c r="HO9" s="61"/>
      <c r="HP9" s="61"/>
      <c r="HQ9" s="61"/>
      <c r="HR9" s="61"/>
      <c r="HS9" s="61"/>
      <c r="HT9" s="61"/>
      <c r="HU9" s="61"/>
      <c r="HV9" s="61"/>
      <c r="HW9" s="61"/>
      <c r="HX9" s="61"/>
      <c r="HY9" s="61"/>
      <c r="HZ9" s="61"/>
      <c r="IA9" s="61"/>
      <c r="IB9" s="61"/>
      <c r="IC9" s="61"/>
      <c r="ID9" s="61"/>
      <c r="IE9" s="61"/>
      <c r="IF9" s="61"/>
      <c r="IG9" s="61"/>
      <c r="IH9" s="61"/>
      <c r="II9" s="61"/>
      <c r="IJ9" s="61"/>
      <c r="IK9" s="61"/>
      <c r="IL9" s="61"/>
      <c r="IM9" s="61"/>
      <c r="IN9" s="61"/>
      <c r="IO9" s="61"/>
      <c r="IP9" s="61"/>
      <c r="IQ9" s="61"/>
      <c r="IR9" s="61"/>
      <c r="IS9" s="61"/>
      <c r="IT9" s="61"/>
      <c r="IU9" s="61"/>
      <c r="IV9" s="61"/>
      <c r="IW9" s="61"/>
      <c r="IX9" s="61"/>
    </row>
    <row r="10" spans="1:258" ht="55.2">
      <c r="A10" s="181"/>
      <c r="B10" s="183" t="s">
        <v>9</v>
      </c>
      <c r="C10" s="184"/>
      <c r="D10" s="184" t="s">
        <v>219</v>
      </c>
      <c r="E10" s="183"/>
      <c r="F10" s="183"/>
      <c r="G10" s="183"/>
      <c r="H10" s="183"/>
      <c r="I10" s="183"/>
      <c r="J10" s="183"/>
      <c r="K10" s="183"/>
      <c r="L10" s="185"/>
      <c r="M10" s="183"/>
      <c r="N10" s="181"/>
      <c r="O10" s="181"/>
      <c r="P10" s="181"/>
      <c r="Q10" s="181"/>
      <c r="R10" s="181"/>
      <c r="S10" s="181"/>
      <c r="T10" s="61"/>
      <c r="U10" s="61"/>
      <c r="V10" s="61"/>
      <c r="W10" s="61"/>
      <c r="X10" s="61"/>
      <c r="Y10" s="61"/>
      <c r="Z10" s="61"/>
      <c r="AA10" s="61"/>
      <c r="AB10" s="61"/>
      <c r="AC10" s="61"/>
      <c r="AD10" s="61"/>
      <c r="AE10" s="61"/>
      <c r="AF10" s="61"/>
      <c r="AG10" s="61"/>
      <c r="AH10" s="61"/>
      <c r="AI10" s="61"/>
      <c r="AJ10" s="61"/>
      <c r="AK10" s="61"/>
      <c r="AL10" s="61"/>
      <c r="AM10" s="61"/>
      <c r="AN10" s="61"/>
      <c r="AO10" s="61"/>
      <c r="AP10" s="61"/>
      <c r="AQ10" s="61"/>
      <c r="AR10" s="61"/>
      <c r="AS10" s="61"/>
      <c r="AT10" s="61"/>
      <c r="AU10" s="61"/>
      <c r="AV10" s="61"/>
      <c r="AW10" s="61"/>
      <c r="AX10" s="61"/>
      <c r="AY10" s="61"/>
      <c r="AZ10" s="61"/>
      <c r="BA10" s="61"/>
      <c r="BB10" s="61"/>
      <c r="BC10" s="61"/>
      <c r="BD10" s="61"/>
      <c r="BE10" s="61"/>
      <c r="BF10" s="61"/>
      <c r="BG10" s="61"/>
      <c r="BH10" s="61"/>
      <c r="BI10" s="61"/>
      <c r="BJ10" s="61"/>
      <c r="BK10" s="61"/>
      <c r="BL10" s="61"/>
      <c r="BM10" s="61"/>
      <c r="BN10" s="61"/>
      <c r="BO10" s="61"/>
      <c r="BP10" s="61"/>
      <c r="BQ10" s="61"/>
      <c r="BR10" s="61"/>
      <c r="BS10" s="61"/>
      <c r="BT10" s="61"/>
      <c r="BU10" s="61"/>
      <c r="BV10" s="61"/>
      <c r="BW10" s="61"/>
      <c r="BX10" s="61"/>
      <c r="BY10" s="61"/>
      <c r="BZ10" s="61"/>
      <c r="CA10" s="61"/>
      <c r="CB10" s="61"/>
      <c r="CC10" s="61"/>
      <c r="CD10" s="61"/>
      <c r="CE10" s="61"/>
      <c r="CF10" s="61"/>
      <c r="CG10" s="61"/>
      <c r="CH10" s="61"/>
      <c r="CI10" s="61"/>
      <c r="CJ10" s="61"/>
      <c r="CK10" s="61"/>
      <c r="CL10" s="61"/>
      <c r="CM10" s="61"/>
      <c r="CN10" s="61"/>
      <c r="CO10" s="61"/>
      <c r="CP10" s="61"/>
      <c r="CQ10" s="61"/>
      <c r="CR10" s="61"/>
      <c r="CS10" s="61"/>
      <c r="CT10" s="61"/>
      <c r="CU10" s="61"/>
      <c r="CV10" s="61"/>
      <c r="CW10" s="61"/>
      <c r="CX10" s="61"/>
      <c r="CY10" s="61"/>
      <c r="CZ10" s="61"/>
      <c r="DA10" s="61"/>
      <c r="DB10" s="61"/>
      <c r="DC10" s="61"/>
      <c r="DD10" s="61"/>
      <c r="DE10" s="61"/>
      <c r="DF10" s="61"/>
      <c r="DG10" s="61"/>
      <c r="DH10" s="61"/>
      <c r="DI10" s="61"/>
      <c r="DJ10" s="61"/>
      <c r="DK10" s="61"/>
      <c r="DL10" s="61"/>
      <c r="DM10" s="61"/>
      <c r="DN10" s="61"/>
      <c r="DO10" s="61"/>
      <c r="DP10" s="61"/>
      <c r="DQ10" s="61"/>
      <c r="DR10" s="61"/>
      <c r="DS10" s="61"/>
      <c r="DT10" s="61"/>
      <c r="DU10" s="61"/>
      <c r="DV10" s="61"/>
      <c r="DW10" s="61"/>
      <c r="DX10" s="61"/>
      <c r="DY10" s="61"/>
      <c r="DZ10" s="61"/>
      <c r="EA10" s="61"/>
      <c r="EB10" s="61"/>
      <c r="EC10" s="61"/>
      <c r="ED10" s="61"/>
      <c r="EE10" s="61"/>
      <c r="EF10" s="61"/>
      <c r="EG10" s="61"/>
      <c r="EH10" s="61"/>
      <c r="EI10" s="61"/>
      <c r="EJ10" s="61"/>
      <c r="EK10" s="61"/>
      <c r="EL10" s="61"/>
      <c r="EM10" s="61"/>
      <c r="EN10" s="61"/>
      <c r="EO10" s="61"/>
      <c r="EP10" s="61"/>
      <c r="EQ10" s="61"/>
      <c r="ER10" s="61"/>
      <c r="ES10" s="61"/>
      <c r="ET10" s="61"/>
      <c r="EU10" s="61"/>
      <c r="EV10" s="61"/>
      <c r="EW10" s="61"/>
      <c r="EX10" s="61"/>
      <c r="EY10" s="61"/>
      <c r="EZ10" s="61"/>
      <c r="FA10" s="61"/>
      <c r="FB10" s="61"/>
      <c r="FC10" s="61"/>
      <c r="FD10" s="61"/>
      <c r="FE10" s="61"/>
      <c r="FF10" s="61"/>
      <c r="FG10" s="61"/>
      <c r="FH10" s="61"/>
      <c r="FI10" s="61"/>
      <c r="FJ10" s="61"/>
      <c r="FK10" s="61"/>
      <c r="FL10" s="61"/>
      <c r="FM10" s="61"/>
      <c r="FN10" s="61"/>
      <c r="FO10" s="61"/>
      <c r="FP10" s="61"/>
      <c r="FQ10" s="61"/>
      <c r="FR10" s="61"/>
      <c r="FS10" s="61"/>
      <c r="FT10" s="61"/>
      <c r="FU10" s="61"/>
      <c r="FV10" s="61"/>
      <c r="FW10" s="61"/>
      <c r="FX10" s="61"/>
      <c r="FY10" s="61"/>
      <c r="FZ10" s="61"/>
      <c r="GA10" s="61"/>
      <c r="GB10" s="61"/>
      <c r="GC10" s="61"/>
      <c r="GD10" s="61"/>
      <c r="GE10" s="61"/>
      <c r="GF10" s="61"/>
      <c r="GG10" s="61"/>
      <c r="GH10" s="61"/>
      <c r="GI10" s="61"/>
      <c r="GJ10" s="61"/>
      <c r="GK10" s="61"/>
      <c r="GL10" s="61"/>
      <c r="GM10" s="61"/>
      <c r="GN10" s="61"/>
      <c r="GO10" s="61"/>
      <c r="GP10" s="61"/>
      <c r="GQ10" s="61"/>
      <c r="GR10" s="61"/>
      <c r="GS10" s="61"/>
      <c r="GT10" s="61"/>
      <c r="GU10" s="61"/>
      <c r="GV10" s="61"/>
      <c r="GW10" s="61"/>
      <c r="GX10" s="61"/>
      <c r="GY10" s="61"/>
      <c r="GZ10" s="61"/>
      <c r="HA10" s="61"/>
      <c r="HB10" s="61"/>
      <c r="HC10" s="61"/>
      <c r="HD10" s="61"/>
      <c r="HE10" s="61"/>
      <c r="HF10" s="61"/>
      <c r="HG10" s="61"/>
      <c r="HH10" s="61"/>
      <c r="HI10" s="61"/>
      <c r="HJ10" s="61"/>
      <c r="HK10" s="61"/>
      <c r="HL10" s="61"/>
      <c r="HM10" s="61"/>
      <c r="HN10" s="61"/>
      <c r="HO10" s="61"/>
      <c r="HP10" s="61"/>
      <c r="HQ10" s="61"/>
      <c r="HR10" s="61"/>
      <c r="HS10" s="61"/>
      <c r="HT10" s="61"/>
      <c r="HU10" s="61"/>
      <c r="HV10" s="61"/>
      <c r="HW10" s="61"/>
      <c r="HX10" s="61"/>
      <c r="HY10" s="61"/>
      <c r="HZ10" s="61"/>
      <c r="IA10" s="61"/>
      <c r="IB10" s="61"/>
      <c r="IC10" s="61"/>
      <c r="ID10" s="61"/>
      <c r="IE10" s="61"/>
      <c r="IF10" s="61"/>
      <c r="IG10" s="61"/>
      <c r="IH10" s="61"/>
      <c r="II10" s="61"/>
      <c r="IJ10" s="61"/>
      <c r="IK10" s="61"/>
      <c r="IL10" s="61"/>
      <c r="IM10" s="61"/>
      <c r="IN10" s="61"/>
      <c r="IO10" s="61"/>
      <c r="IP10" s="61"/>
      <c r="IQ10" s="61"/>
      <c r="IR10" s="61"/>
      <c r="IS10" s="61"/>
      <c r="IT10" s="61"/>
      <c r="IU10" s="61"/>
      <c r="IV10" s="61"/>
      <c r="IW10" s="61"/>
      <c r="IX10" s="61"/>
    </row>
    <row r="11" spans="1:258" s="64" customFormat="1" ht="64.5" customHeight="1">
      <c r="A11" s="183"/>
      <c r="B11" s="186" t="s">
        <v>11</v>
      </c>
      <c r="C11" s="183"/>
      <c r="D11" s="183"/>
      <c r="E11" s="183"/>
      <c r="F11" s="183"/>
      <c r="G11" s="183"/>
      <c r="H11" s="183"/>
      <c r="I11" s="183"/>
      <c r="J11" s="183"/>
      <c r="K11" s="183"/>
      <c r="L11" s="185"/>
      <c r="M11" s="183"/>
      <c r="N11" s="183"/>
      <c r="O11" s="183"/>
      <c r="P11" s="183"/>
      <c r="Q11" s="183"/>
      <c r="R11" s="183"/>
      <c r="S11" s="183"/>
      <c r="T11" s="63"/>
      <c r="U11" s="63"/>
      <c r="V11" s="63"/>
      <c r="W11" s="63"/>
      <c r="X11" s="63"/>
      <c r="Y11" s="63"/>
      <c r="Z11" s="63"/>
      <c r="AA11" s="63"/>
      <c r="AB11" s="63"/>
      <c r="AC11" s="63"/>
      <c r="AD11" s="63"/>
      <c r="AE11" s="63"/>
      <c r="AF11" s="63"/>
      <c r="AG11" s="63"/>
      <c r="AH11" s="63"/>
      <c r="AI11" s="63"/>
      <c r="AJ11" s="63"/>
      <c r="AK11" s="63"/>
      <c r="AL11" s="63"/>
      <c r="AM11" s="63"/>
      <c r="AN11" s="63"/>
      <c r="AO11" s="63"/>
      <c r="AP11" s="63"/>
      <c r="AQ11" s="63"/>
      <c r="AR11" s="63"/>
      <c r="AS11" s="63"/>
      <c r="AT11" s="63"/>
      <c r="AU11" s="63"/>
      <c r="AV11" s="63"/>
      <c r="AW11" s="63"/>
      <c r="AX11" s="63"/>
      <c r="AY11" s="63"/>
      <c r="AZ11" s="63"/>
      <c r="BA11" s="63"/>
      <c r="BB11" s="63"/>
      <c r="BC11" s="63"/>
      <c r="BD11" s="63"/>
      <c r="BE11" s="63"/>
      <c r="BF11" s="63"/>
      <c r="BG11" s="63"/>
      <c r="BH11" s="63"/>
      <c r="BI11" s="63"/>
      <c r="BJ11" s="63"/>
      <c r="BK11" s="63"/>
      <c r="BL11" s="63"/>
      <c r="BM11" s="63"/>
      <c r="BN11" s="63"/>
      <c r="BO11" s="63"/>
      <c r="BP11" s="63"/>
      <c r="BQ11" s="63"/>
      <c r="BR11" s="63"/>
      <c r="BS11" s="63"/>
      <c r="BT11" s="63"/>
      <c r="BU11" s="63"/>
      <c r="BV11" s="63"/>
      <c r="BW11" s="63"/>
      <c r="BX11" s="63"/>
      <c r="BY11" s="63"/>
      <c r="BZ11" s="63"/>
      <c r="CA11" s="63"/>
      <c r="CB11" s="63"/>
      <c r="CC11" s="63"/>
      <c r="CD11" s="63"/>
      <c r="CE11" s="63"/>
      <c r="CF11" s="63"/>
      <c r="CG11" s="63"/>
      <c r="CH11" s="63"/>
      <c r="CI11" s="63"/>
      <c r="CJ11" s="63"/>
      <c r="CK11" s="63"/>
      <c r="CL11" s="63"/>
      <c r="CM11" s="63"/>
      <c r="CN11" s="63"/>
      <c r="CO11" s="63"/>
      <c r="CP11" s="63"/>
      <c r="CQ11" s="63"/>
      <c r="CR11" s="63"/>
      <c r="CS11" s="63"/>
      <c r="CT11" s="63"/>
      <c r="CU11" s="63"/>
      <c r="CV11" s="63"/>
      <c r="CW11" s="63"/>
      <c r="CX11" s="63"/>
      <c r="CY11" s="63"/>
      <c r="CZ11" s="63"/>
      <c r="DA11" s="63"/>
      <c r="DB11" s="63"/>
      <c r="DC11" s="63"/>
      <c r="DD11" s="63"/>
      <c r="DE11" s="63"/>
      <c r="DF11" s="63"/>
      <c r="DG11" s="63"/>
      <c r="DH11" s="63"/>
      <c r="DI11" s="63"/>
      <c r="DJ11" s="63"/>
      <c r="DK11" s="63"/>
      <c r="DL11" s="63"/>
      <c r="DM11" s="63"/>
      <c r="DN11" s="63"/>
      <c r="DO11" s="63"/>
      <c r="DP11" s="63"/>
      <c r="DQ11" s="63"/>
      <c r="DR11" s="63"/>
      <c r="DS11" s="63"/>
      <c r="DT11" s="63"/>
      <c r="DU11" s="63"/>
      <c r="DV11" s="63"/>
      <c r="DW11" s="63"/>
      <c r="DX11" s="63"/>
      <c r="DY11" s="63"/>
      <c r="DZ11" s="63"/>
      <c r="EA11" s="63"/>
      <c r="EB11" s="63"/>
      <c r="EC11" s="63"/>
      <c r="ED11" s="63"/>
      <c r="EE11" s="63"/>
      <c r="EF11" s="63"/>
      <c r="EG11" s="63"/>
      <c r="EH11" s="63"/>
      <c r="EI11" s="63"/>
      <c r="EJ11" s="63"/>
      <c r="EK11" s="63"/>
      <c r="EL11" s="63"/>
      <c r="EM11" s="63"/>
      <c r="EN11" s="63"/>
      <c r="EO11" s="63"/>
      <c r="EP11" s="63"/>
      <c r="EQ11" s="63"/>
      <c r="ER11" s="63"/>
      <c r="ES11" s="63"/>
      <c r="ET11" s="63"/>
      <c r="EU11" s="63"/>
      <c r="EV11" s="63"/>
      <c r="EW11" s="63"/>
      <c r="EX11" s="63"/>
      <c r="EY11" s="63"/>
      <c r="EZ11" s="63"/>
      <c r="FA11" s="63"/>
      <c r="FB11" s="63"/>
      <c r="FC11" s="63"/>
      <c r="FD11" s="63"/>
      <c r="FE11" s="63"/>
      <c r="FF11" s="63"/>
      <c r="FG11" s="63"/>
      <c r="FH11" s="63"/>
      <c r="FI11" s="63"/>
      <c r="FJ11" s="63"/>
      <c r="FK11" s="63"/>
      <c r="FL11" s="63"/>
      <c r="FM11" s="63"/>
      <c r="FN11" s="63"/>
      <c r="FO11" s="63"/>
      <c r="FP11" s="63"/>
      <c r="FQ11" s="63"/>
      <c r="FR11" s="63"/>
      <c r="FS11" s="63"/>
      <c r="FT11" s="63"/>
      <c r="FU11" s="63"/>
      <c r="FV11" s="63"/>
      <c r="FW11" s="63"/>
      <c r="FX11" s="63"/>
      <c r="FY11" s="63"/>
      <c r="FZ11" s="63"/>
      <c r="GA11" s="63"/>
      <c r="GB11" s="63"/>
      <c r="GC11" s="63"/>
      <c r="GD11" s="63"/>
      <c r="GE11" s="63"/>
      <c r="GF11" s="63"/>
      <c r="GG11" s="63"/>
      <c r="GH11" s="63"/>
      <c r="GI11" s="63"/>
      <c r="GJ11" s="63"/>
      <c r="GK11" s="63"/>
      <c r="GL11" s="63"/>
      <c r="GM11" s="63"/>
      <c r="GN11" s="63"/>
      <c r="GO11" s="63"/>
      <c r="GP11" s="63"/>
      <c r="GQ11" s="63"/>
      <c r="GR11" s="63"/>
      <c r="GS11" s="63"/>
      <c r="GT11" s="63"/>
      <c r="GU11" s="63"/>
      <c r="GV11" s="63"/>
      <c r="GW11" s="63"/>
      <c r="GX11" s="63"/>
      <c r="GY11" s="63"/>
      <c r="GZ11" s="63"/>
      <c r="HA11" s="63"/>
      <c r="HB11" s="63"/>
      <c r="HC11" s="63"/>
      <c r="HD11" s="63"/>
      <c r="HE11" s="63"/>
      <c r="HF11" s="63"/>
      <c r="HG11" s="63"/>
      <c r="HH11" s="63"/>
      <c r="HI11" s="63"/>
      <c r="HJ11" s="63"/>
      <c r="HK11" s="63"/>
      <c r="HL11" s="63"/>
      <c r="HM11" s="63"/>
      <c r="HN11" s="63"/>
      <c r="HO11" s="63"/>
      <c r="HP11" s="63"/>
      <c r="HQ11" s="63"/>
      <c r="HR11" s="63"/>
      <c r="HS11" s="63"/>
      <c r="HT11" s="63"/>
      <c r="HU11" s="63"/>
      <c r="HV11" s="63"/>
      <c r="HW11" s="63"/>
      <c r="HX11" s="63"/>
      <c r="HY11" s="63"/>
      <c r="HZ11" s="63"/>
      <c r="IA11" s="63"/>
      <c r="IB11" s="63"/>
      <c r="IC11" s="63"/>
      <c r="ID11" s="63"/>
      <c r="IE11" s="63"/>
      <c r="IF11" s="63"/>
      <c r="IG11" s="63"/>
      <c r="IH11" s="63"/>
      <c r="II11" s="63"/>
      <c r="IJ11" s="63"/>
      <c r="IK11" s="63"/>
      <c r="IL11" s="63"/>
      <c r="IM11" s="63"/>
      <c r="IN11" s="63"/>
      <c r="IO11" s="63"/>
      <c r="IP11" s="63"/>
      <c r="IQ11" s="63"/>
      <c r="IR11" s="63"/>
      <c r="IS11" s="63"/>
      <c r="IT11" s="63"/>
      <c r="IU11" s="63"/>
      <c r="IV11" s="63"/>
      <c r="IW11" s="63"/>
      <c r="IX11" s="63"/>
    </row>
    <row r="12" spans="1:258" ht="64.5" customHeight="1">
      <c r="A12" s="181"/>
      <c r="B12" s="181"/>
      <c r="C12" s="181"/>
      <c r="D12" s="181"/>
      <c r="E12" s="181"/>
      <c r="F12" s="181"/>
      <c r="G12" s="181"/>
      <c r="H12" s="181"/>
      <c r="I12" s="181"/>
      <c r="J12" s="181"/>
      <c r="K12" s="181"/>
      <c r="L12" s="182"/>
      <c r="M12" s="181"/>
      <c r="N12" s="181"/>
      <c r="O12" s="181"/>
      <c r="P12" s="181"/>
      <c r="Q12" s="181"/>
      <c r="R12" s="181"/>
      <c r="S12" s="181"/>
      <c r="T12" s="61"/>
      <c r="U12" s="61"/>
      <c r="V12" s="61"/>
      <c r="W12" s="61"/>
      <c r="X12" s="61"/>
      <c r="Y12" s="61"/>
      <c r="Z12" s="61"/>
      <c r="AA12" s="61"/>
      <c r="AB12" s="61"/>
      <c r="AC12" s="61"/>
      <c r="AD12" s="61"/>
      <c r="AE12" s="61"/>
      <c r="AF12" s="61"/>
      <c r="AG12" s="61"/>
      <c r="AH12" s="61"/>
      <c r="AI12" s="61"/>
      <c r="AJ12" s="61"/>
      <c r="AK12" s="61"/>
      <c r="AL12" s="61"/>
      <c r="AM12" s="61"/>
      <c r="AN12" s="61"/>
      <c r="AO12" s="61"/>
      <c r="AP12" s="61"/>
      <c r="AQ12" s="61"/>
      <c r="AR12" s="61"/>
      <c r="AS12" s="61"/>
      <c r="AT12" s="61"/>
      <c r="AU12" s="61"/>
      <c r="AV12" s="61"/>
      <c r="AW12" s="61"/>
      <c r="AX12" s="61"/>
      <c r="AY12" s="61"/>
      <c r="AZ12" s="61"/>
      <c r="BA12" s="61"/>
      <c r="BB12" s="61"/>
      <c r="BC12" s="61"/>
      <c r="BD12" s="61"/>
      <c r="BE12" s="61"/>
      <c r="BF12" s="61"/>
      <c r="BG12" s="61"/>
      <c r="BH12" s="61"/>
      <c r="BI12" s="61"/>
      <c r="BJ12" s="61"/>
      <c r="BK12" s="61"/>
      <c r="BL12" s="61"/>
      <c r="BM12" s="61"/>
      <c r="BN12" s="61"/>
      <c r="BO12" s="61"/>
      <c r="BP12" s="61"/>
      <c r="BQ12" s="61"/>
      <c r="BR12" s="61"/>
      <c r="BS12" s="61"/>
      <c r="BT12" s="61"/>
      <c r="BU12" s="61"/>
      <c r="BV12" s="61"/>
      <c r="BW12" s="61"/>
      <c r="BX12" s="61"/>
      <c r="BY12" s="61"/>
      <c r="BZ12" s="61"/>
      <c r="CA12" s="61"/>
      <c r="CB12" s="61"/>
      <c r="CC12" s="61"/>
      <c r="CD12" s="61"/>
      <c r="CE12" s="61"/>
      <c r="CF12" s="61"/>
      <c r="CG12" s="61"/>
      <c r="CH12" s="61"/>
      <c r="CI12" s="61"/>
      <c r="CJ12" s="61"/>
      <c r="CK12" s="61"/>
      <c r="CL12" s="61"/>
      <c r="CM12" s="61"/>
      <c r="CN12" s="61"/>
      <c r="CO12" s="61"/>
      <c r="CP12" s="61"/>
      <c r="CQ12" s="61"/>
      <c r="CR12" s="61"/>
      <c r="CS12" s="61"/>
      <c r="CT12" s="61"/>
      <c r="CU12" s="61"/>
      <c r="CV12" s="61"/>
      <c r="CW12" s="61"/>
      <c r="CX12" s="61"/>
      <c r="CY12" s="61"/>
      <c r="CZ12" s="61"/>
      <c r="DA12" s="61"/>
      <c r="DB12" s="61"/>
      <c r="DC12" s="61"/>
      <c r="DD12" s="61"/>
      <c r="DE12" s="61"/>
      <c r="DF12" s="61"/>
      <c r="DG12" s="61"/>
      <c r="DH12" s="61"/>
      <c r="DI12" s="61"/>
      <c r="DJ12" s="61"/>
      <c r="DK12" s="61"/>
      <c r="DL12" s="61"/>
      <c r="DM12" s="61"/>
      <c r="DN12" s="61"/>
      <c r="DO12" s="61"/>
      <c r="DP12" s="61"/>
      <c r="DQ12" s="61"/>
      <c r="DR12" s="61"/>
      <c r="DS12" s="61"/>
      <c r="DT12" s="61"/>
      <c r="DU12" s="61"/>
      <c r="DV12" s="61"/>
      <c r="DW12" s="61"/>
      <c r="DX12" s="61"/>
      <c r="DY12" s="61"/>
      <c r="DZ12" s="61"/>
      <c r="EA12" s="61"/>
      <c r="EB12" s="61"/>
      <c r="EC12" s="61"/>
      <c r="ED12" s="61"/>
      <c r="EE12" s="61"/>
      <c r="EF12" s="61"/>
      <c r="EG12" s="61"/>
      <c r="EH12" s="61"/>
      <c r="EI12" s="61"/>
      <c r="EJ12" s="61"/>
      <c r="EK12" s="61"/>
      <c r="EL12" s="61"/>
      <c r="EM12" s="61"/>
      <c r="EN12" s="61"/>
      <c r="EO12" s="61"/>
      <c r="EP12" s="61"/>
      <c r="EQ12" s="61"/>
      <c r="ER12" s="61"/>
      <c r="ES12" s="61"/>
      <c r="ET12" s="61"/>
      <c r="EU12" s="61"/>
      <c r="EV12" s="61"/>
      <c r="EW12" s="61"/>
      <c r="EX12" s="61"/>
      <c r="EY12" s="61"/>
      <c r="EZ12" s="61"/>
      <c r="FA12" s="61"/>
      <c r="FB12" s="61"/>
      <c r="FC12" s="61"/>
      <c r="FD12" s="61"/>
      <c r="FE12" s="61"/>
      <c r="FF12" s="61"/>
      <c r="FG12" s="61"/>
      <c r="FH12" s="61"/>
      <c r="FI12" s="61"/>
      <c r="FJ12" s="61"/>
      <c r="FK12" s="61"/>
      <c r="FL12" s="61"/>
      <c r="FM12" s="61"/>
      <c r="FN12" s="61"/>
      <c r="FO12" s="61"/>
      <c r="FP12" s="61"/>
      <c r="FQ12" s="61"/>
      <c r="FR12" s="61"/>
      <c r="FS12" s="61"/>
      <c r="FT12" s="61"/>
      <c r="FU12" s="61"/>
      <c r="FV12" s="61"/>
      <c r="FW12" s="61"/>
      <c r="FX12" s="61"/>
      <c r="FY12" s="61"/>
      <c r="FZ12" s="61"/>
      <c r="GA12" s="61"/>
      <c r="GB12" s="61"/>
      <c r="GC12" s="61"/>
      <c r="GD12" s="61"/>
      <c r="GE12" s="61"/>
      <c r="GF12" s="61"/>
      <c r="GG12" s="61"/>
      <c r="GH12" s="61"/>
      <c r="GI12" s="61"/>
      <c r="GJ12" s="61"/>
      <c r="GK12" s="61"/>
      <c r="GL12" s="61"/>
      <c r="GM12" s="61"/>
      <c r="GN12" s="61"/>
      <c r="GO12" s="61"/>
      <c r="GP12" s="61"/>
      <c r="GQ12" s="61"/>
      <c r="GR12" s="61"/>
      <c r="GS12" s="61"/>
      <c r="GT12" s="61"/>
      <c r="GU12" s="61"/>
      <c r="GV12" s="61"/>
      <c r="GW12" s="61"/>
      <c r="GX12" s="61"/>
      <c r="GY12" s="61"/>
      <c r="GZ12" s="61"/>
      <c r="HA12" s="61"/>
      <c r="HB12" s="61"/>
      <c r="HC12" s="61"/>
      <c r="HD12" s="61"/>
      <c r="HE12" s="61"/>
      <c r="HF12" s="61"/>
      <c r="HG12" s="61"/>
      <c r="HH12" s="61"/>
      <c r="HI12" s="61"/>
      <c r="HJ12" s="61"/>
      <c r="HK12" s="61"/>
      <c r="HL12" s="61"/>
      <c r="HM12" s="61"/>
      <c r="HN12" s="61"/>
      <c r="HO12" s="61"/>
      <c r="HP12" s="61"/>
      <c r="HQ12" s="61"/>
      <c r="HR12" s="61"/>
      <c r="HS12" s="61"/>
      <c r="HT12" s="61"/>
      <c r="HU12" s="61"/>
      <c r="HV12" s="61"/>
      <c r="HW12" s="61"/>
      <c r="HX12" s="61"/>
      <c r="HY12" s="61"/>
      <c r="HZ12" s="61"/>
      <c r="IA12" s="61"/>
      <c r="IB12" s="61"/>
      <c r="IC12" s="61"/>
      <c r="ID12" s="61"/>
      <c r="IE12" s="61"/>
      <c r="IF12" s="61"/>
      <c r="IG12" s="61"/>
      <c r="IH12" s="61"/>
      <c r="II12" s="61"/>
      <c r="IJ12" s="61"/>
      <c r="IK12" s="61"/>
      <c r="IL12" s="61"/>
      <c r="IM12" s="61"/>
      <c r="IN12" s="61"/>
      <c r="IO12" s="61"/>
      <c r="IP12" s="61"/>
      <c r="IQ12" s="61"/>
      <c r="IR12" s="61"/>
      <c r="IS12" s="61"/>
      <c r="IT12" s="61"/>
      <c r="IU12" s="61"/>
      <c r="IV12" s="61"/>
      <c r="IW12" s="61"/>
      <c r="IX12" s="61"/>
    </row>
    <row r="13" spans="1:258" ht="301.5" customHeight="1">
      <c r="A13" s="181"/>
      <c r="B13" s="181"/>
      <c r="C13" s="181"/>
      <c r="D13" s="181"/>
      <c r="E13" s="181"/>
      <c r="F13" s="181"/>
      <c r="G13" s="181"/>
      <c r="H13" s="181"/>
      <c r="I13" s="181"/>
      <c r="J13" s="181"/>
      <c r="K13" s="181"/>
      <c r="L13" s="182"/>
      <c r="M13" s="181"/>
      <c r="N13" s="181"/>
      <c r="O13" s="181"/>
      <c r="P13" s="181"/>
      <c r="Q13" s="181"/>
      <c r="R13" s="181"/>
      <c r="S13" s="181"/>
      <c r="T13" s="61"/>
      <c r="U13" s="61"/>
      <c r="V13" s="61"/>
      <c r="W13" s="61"/>
      <c r="X13" s="61"/>
      <c r="Y13" s="61"/>
      <c r="Z13" s="61"/>
      <c r="AA13" s="61"/>
      <c r="AB13" s="61"/>
      <c r="AC13" s="61"/>
      <c r="AD13" s="61"/>
      <c r="AE13" s="61"/>
      <c r="AF13" s="61"/>
      <c r="AG13" s="61"/>
      <c r="AH13" s="61"/>
      <c r="AI13" s="61"/>
      <c r="AJ13" s="61"/>
      <c r="AK13" s="61"/>
      <c r="AL13" s="61"/>
      <c r="AM13" s="61"/>
      <c r="AN13" s="61"/>
      <c r="AO13" s="61"/>
      <c r="AP13" s="61"/>
      <c r="AQ13" s="61"/>
      <c r="AR13" s="61"/>
      <c r="AS13" s="61"/>
      <c r="AT13" s="61"/>
      <c r="AU13" s="61"/>
      <c r="AV13" s="61"/>
      <c r="AW13" s="61"/>
      <c r="AX13" s="61"/>
      <c r="AY13" s="61"/>
      <c r="AZ13" s="61"/>
      <c r="BA13" s="61"/>
      <c r="BB13" s="61"/>
      <c r="BC13" s="61"/>
      <c r="BD13" s="61"/>
      <c r="BE13" s="61"/>
      <c r="BF13" s="61"/>
      <c r="BG13" s="61"/>
      <c r="BH13" s="61"/>
      <c r="BI13" s="61"/>
      <c r="BJ13" s="61"/>
      <c r="BK13" s="61"/>
      <c r="BL13" s="61"/>
      <c r="BM13" s="61"/>
      <c r="BN13" s="61"/>
      <c r="BO13" s="61"/>
      <c r="BP13" s="61"/>
      <c r="BQ13" s="61"/>
      <c r="BR13" s="61"/>
      <c r="BS13" s="61"/>
      <c r="BT13" s="61"/>
      <c r="BU13" s="61"/>
      <c r="BV13" s="61"/>
      <c r="BW13" s="61"/>
      <c r="BX13" s="61"/>
      <c r="BY13" s="61"/>
      <c r="BZ13" s="61"/>
      <c r="CA13" s="61"/>
      <c r="CB13" s="61"/>
      <c r="CC13" s="61"/>
      <c r="CD13" s="61"/>
      <c r="CE13" s="61"/>
      <c r="CF13" s="61"/>
      <c r="CG13" s="61"/>
      <c r="CH13" s="61"/>
      <c r="CI13" s="61"/>
      <c r="CJ13" s="61"/>
      <c r="CK13" s="61"/>
      <c r="CL13" s="61"/>
      <c r="CM13" s="61"/>
      <c r="CN13" s="61"/>
      <c r="CO13" s="61"/>
      <c r="CP13" s="61"/>
      <c r="CQ13" s="61"/>
      <c r="CR13" s="61"/>
      <c r="CS13" s="61"/>
      <c r="CT13" s="61"/>
      <c r="CU13" s="61"/>
      <c r="CV13" s="61"/>
      <c r="CW13" s="61"/>
      <c r="CX13" s="61"/>
      <c r="CY13" s="61"/>
      <c r="CZ13" s="61"/>
      <c r="DA13" s="61"/>
      <c r="DB13" s="61"/>
      <c r="DC13" s="61"/>
      <c r="DD13" s="61"/>
      <c r="DE13" s="61"/>
      <c r="DF13" s="61"/>
      <c r="DG13" s="61"/>
      <c r="DH13" s="61"/>
      <c r="DI13" s="61"/>
      <c r="DJ13" s="61"/>
      <c r="DK13" s="61"/>
      <c r="DL13" s="61"/>
      <c r="DM13" s="61"/>
      <c r="DN13" s="61"/>
      <c r="DO13" s="61"/>
      <c r="DP13" s="61"/>
      <c r="DQ13" s="61"/>
      <c r="DR13" s="61"/>
      <c r="DS13" s="61"/>
      <c r="DT13" s="61"/>
      <c r="DU13" s="61"/>
      <c r="DV13" s="61"/>
      <c r="DW13" s="61"/>
      <c r="DX13" s="61"/>
      <c r="DY13" s="61"/>
      <c r="DZ13" s="61"/>
      <c r="EA13" s="61"/>
      <c r="EB13" s="61"/>
      <c r="EC13" s="61"/>
      <c r="ED13" s="61"/>
      <c r="EE13" s="61"/>
      <c r="EF13" s="61"/>
      <c r="EG13" s="61"/>
      <c r="EH13" s="61"/>
      <c r="EI13" s="61"/>
      <c r="EJ13" s="61"/>
      <c r="EK13" s="61"/>
      <c r="EL13" s="61"/>
      <c r="EM13" s="61"/>
      <c r="EN13" s="61"/>
      <c r="EO13" s="61"/>
      <c r="EP13" s="61"/>
      <c r="EQ13" s="61"/>
      <c r="ER13" s="61"/>
      <c r="ES13" s="61"/>
      <c r="ET13" s="61"/>
      <c r="EU13" s="61"/>
      <c r="EV13" s="61"/>
      <c r="EW13" s="61"/>
      <c r="EX13" s="61"/>
      <c r="EY13" s="61"/>
      <c r="EZ13" s="61"/>
      <c r="FA13" s="61"/>
      <c r="FB13" s="61"/>
      <c r="FC13" s="61"/>
      <c r="FD13" s="61"/>
      <c r="FE13" s="61"/>
      <c r="FF13" s="61"/>
      <c r="FG13" s="61"/>
      <c r="FH13" s="61"/>
      <c r="FI13" s="61"/>
      <c r="FJ13" s="61"/>
      <c r="FK13" s="61"/>
      <c r="FL13" s="61"/>
      <c r="FM13" s="61"/>
      <c r="FN13" s="61"/>
      <c r="FO13" s="61"/>
      <c r="FP13" s="61"/>
      <c r="FQ13" s="61"/>
      <c r="FR13" s="61"/>
      <c r="FS13" s="61"/>
      <c r="FT13" s="61"/>
      <c r="FU13" s="61"/>
      <c r="FV13" s="61"/>
      <c r="FW13" s="61"/>
      <c r="FX13" s="61"/>
      <c r="FY13" s="61"/>
      <c r="FZ13" s="61"/>
      <c r="GA13" s="61"/>
      <c r="GB13" s="61"/>
      <c r="GC13" s="61"/>
      <c r="GD13" s="61"/>
      <c r="GE13" s="61"/>
      <c r="GF13" s="61"/>
      <c r="GG13" s="61"/>
      <c r="GH13" s="61"/>
      <c r="GI13" s="61"/>
      <c r="GJ13" s="61"/>
      <c r="GK13" s="61"/>
      <c r="GL13" s="61"/>
      <c r="GM13" s="61"/>
      <c r="GN13" s="61"/>
      <c r="GO13" s="61"/>
      <c r="GP13" s="61"/>
      <c r="GQ13" s="61"/>
      <c r="GR13" s="61"/>
      <c r="GS13" s="61"/>
      <c r="GT13" s="61"/>
      <c r="GU13" s="61"/>
      <c r="GV13" s="61"/>
      <c r="GW13" s="61"/>
      <c r="GX13" s="61"/>
      <c r="GY13" s="61"/>
      <c r="GZ13" s="61"/>
      <c r="HA13" s="61"/>
      <c r="HB13" s="61"/>
      <c r="HC13" s="61"/>
      <c r="HD13" s="61"/>
      <c r="HE13" s="61"/>
      <c r="HF13" s="61"/>
      <c r="HG13" s="61"/>
      <c r="HH13" s="61"/>
      <c r="HI13" s="61"/>
      <c r="HJ13" s="61"/>
      <c r="HK13" s="61"/>
      <c r="HL13" s="61"/>
      <c r="HM13" s="61"/>
      <c r="HN13" s="61"/>
      <c r="HO13" s="61"/>
      <c r="HP13" s="61"/>
      <c r="HQ13" s="61"/>
      <c r="HR13" s="61"/>
      <c r="HS13" s="61"/>
      <c r="HT13" s="61"/>
      <c r="HU13" s="61"/>
      <c r="HV13" s="61"/>
      <c r="HW13" s="61"/>
      <c r="HX13" s="61"/>
      <c r="HY13" s="61"/>
      <c r="HZ13" s="61"/>
      <c r="IA13" s="61"/>
      <c r="IB13" s="61"/>
      <c r="IC13" s="61"/>
      <c r="ID13" s="61"/>
      <c r="IE13" s="61"/>
      <c r="IF13" s="61"/>
      <c r="IG13" s="61"/>
      <c r="IH13" s="61"/>
      <c r="II13" s="61"/>
      <c r="IJ13" s="61"/>
      <c r="IK13" s="61"/>
      <c r="IL13" s="61"/>
      <c r="IM13" s="61"/>
      <c r="IN13" s="61"/>
      <c r="IO13" s="61"/>
      <c r="IP13" s="61"/>
      <c r="IQ13" s="61"/>
      <c r="IR13" s="61"/>
      <c r="IS13" s="61"/>
      <c r="IT13" s="61"/>
      <c r="IU13" s="61"/>
      <c r="IV13" s="61"/>
      <c r="IW13" s="61"/>
      <c r="IX13" s="61"/>
    </row>
    <row r="14" spans="1:258" ht="370.5" customHeight="1">
      <c r="A14" s="181"/>
      <c r="B14" s="181"/>
      <c r="C14" s="181"/>
      <c r="D14" s="181"/>
      <c r="E14" s="181"/>
      <c r="F14" s="181"/>
      <c r="G14" s="181"/>
      <c r="H14" s="181"/>
      <c r="I14" s="181"/>
      <c r="J14" s="181"/>
      <c r="K14" s="181"/>
      <c r="L14" s="182"/>
      <c r="M14" s="181"/>
      <c r="N14" s="181"/>
      <c r="O14" s="181"/>
      <c r="P14" s="181"/>
      <c r="Q14" s="181"/>
      <c r="R14" s="181"/>
      <c r="S14" s="181"/>
      <c r="T14" s="61"/>
      <c r="U14" s="61"/>
      <c r="V14" s="61"/>
      <c r="W14" s="61"/>
      <c r="X14" s="61"/>
      <c r="Y14" s="61"/>
      <c r="Z14" s="61"/>
      <c r="AA14" s="61"/>
      <c r="AB14" s="61"/>
      <c r="AC14" s="61"/>
      <c r="AD14" s="61"/>
      <c r="AE14" s="61"/>
      <c r="AF14" s="61"/>
      <c r="AG14" s="61"/>
      <c r="AH14" s="61"/>
      <c r="AI14" s="61"/>
      <c r="AJ14" s="61"/>
      <c r="AK14" s="61"/>
      <c r="AL14" s="61"/>
      <c r="AM14" s="61"/>
      <c r="AN14" s="61"/>
      <c r="AO14" s="61"/>
      <c r="AP14" s="61"/>
      <c r="AQ14" s="61"/>
      <c r="AR14" s="61"/>
      <c r="AS14" s="61"/>
      <c r="AT14" s="61"/>
      <c r="AU14" s="61"/>
      <c r="AV14" s="61"/>
      <c r="AW14" s="61"/>
      <c r="AX14" s="61"/>
      <c r="AY14" s="61"/>
      <c r="AZ14" s="61"/>
      <c r="BA14" s="61"/>
      <c r="BB14" s="61"/>
      <c r="BC14" s="61"/>
      <c r="BD14" s="61"/>
      <c r="BE14" s="61"/>
      <c r="BF14" s="61"/>
      <c r="BG14" s="61"/>
      <c r="BH14" s="61"/>
      <c r="BI14" s="61"/>
      <c r="BJ14" s="61"/>
      <c r="BK14" s="61"/>
      <c r="BL14" s="61"/>
      <c r="BM14" s="61"/>
      <c r="BN14" s="61"/>
      <c r="BO14" s="61"/>
      <c r="BP14" s="61"/>
      <c r="BQ14" s="61"/>
      <c r="BR14" s="61"/>
      <c r="BS14" s="61"/>
      <c r="BT14" s="61"/>
      <c r="BU14" s="61"/>
      <c r="BV14" s="61"/>
      <c r="BW14" s="61"/>
      <c r="BX14" s="61"/>
      <c r="BY14" s="61"/>
      <c r="BZ14" s="61"/>
      <c r="CA14" s="61"/>
      <c r="CB14" s="61"/>
      <c r="CC14" s="61"/>
      <c r="CD14" s="61"/>
      <c r="CE14" s="61"/>
      <c r="CF14" s="61"/>
      <c r="CG14" s="61"/>
      <c r="CH14" s="61"/>
      <c r="CI14" s="61"/>
      <c r="CJ14" s="61"/>
      <c r="CK14" s="61"/>
      <c r="CL14" s="61"/>
      <c r="CM14" s="61"/>
      <c r="CN14" s="61"/>
      <c r="CO14" s="61"/>
      <c r="CP14" s="61"/>
      <c r="CQ14" s="61"/>
      <c r="CR14" s="61"/>
      <c r="CS14" s="61"/>
      <c r="CT14" s="61"/>
      <c r="CU14" s="61"/>
      <c r="CV14" s="61"/>
      <c r="CW14" s="61"/>
      <c r="CX14" s="61"/>
      <c r="CY14" s="61"/>
      <c r="CZ14" s="61"/>
      <c r="DA14" s="61"/>
      <c r="DB14" s="61"/>
      <c r="DC14" s="61"/>
      <c r="DD14" s="61"/>
      <c r="DE14" s="61"/>
      <c r="DF14" s="61"/>
      <c r="DG14" s="61"/>
      <c r="DH14" s="61"/>
      <c r="DI14" s="61"/>
      <c r="DJ14" s="61"/>
      <c r="DK14" s="61"/>
      <c r="DL14" s="61"/>
      <c r="DM14" s="61"/>
      <c r="DN14" s="61"/>
      <c r="DO14" s="61"/>
      <c r="DP14" s="61"/>
      <c r="DQ14" s="61"/>
      <c r="DR14" s="61"/>
      <c r="DS14" s="61"/>
      <c r="DT14" s="61"/>
      <c r="DU14" s="61"/>
      <c r="DV14" s="61"/>
      <c r="DW14" s="61"/>
      <c r="DX14" s="61"/>
      <c r="DY14" s="61"/>
      <c r="DZ14" s="61"/>
      <c r="EA14" s="61"/>
      <c r="EB14" s="61"/>
      <c r="EC14" s="61"/>
      <c r="ED14" s="61"/>
      <c r="EE14" s="61"/>
      <c r="EF14" s="61"/>
      <c r="EG14" s="61"/>
      <c r="EH14" s="61"/>
      <c r="EI14" s="61"/>
      <c r="EJ14" s="61"/>
      <c r="EK14" s="61"/>
      <c r="EL14" s="61"/>
      <c r="EM14" s="61"/>
      <c r="EN14" s="61"/>
      <c r="EO14" s="61"/>
      <c r="EP14" s="61"/>
      <c r="EQ14" s="61"/>
      <c r="ER14" s="61"/>
      <c r="ES14" s="61"/>
      <c r="ET14" s="61"/>
      <c r="EU14" s="61"/>
      <c r="EV14" s="61"/>
      <c r="EW14" s="61"/>
      <c r="EX14" s="61"/>
      <c r="EY14" s="61"/>
      <c r="EZ14" s="61"/>
      <c r="FA14" s="61"/>
      <c r="FB14" s="61"/>
      <c r="FC14" s="61"/>
      <c r="FD14" s="61"/>
      <c r="FE14" s="61"/>
      <c r="FF14" s="61"/>
      <c r="FG14" s="61"/>
      <c r="FH14" s="61"/>
      <c r="FI14" s="61"/>
      <c r="FJ14" s="61"/>
      <c r="FK14" s="61"/>
      <c r="FL14" s="61"/>
      <c r="FM14" s="61"/>
      <c r="FN14" s="61"/>
      <c r="FO14" s="61"/>
      <c r="FP14" s="61"/>
      <c r="FQ14" s="61"/>
      <c r="FR14" s="61"/>
      <c r="FS14" s="61"/>
      <c r="FT14" s="61"/>
      <c r="FU14" s="61"/>
      <c r="FV14" s="61"/>
      <c r="FW14" s="61"/>
      <c r="FX14" s="61"/>
      <c r="FY14" s="61"/>
      <c r="FZ14" s="61"/>
      <c r="GA14" s="61"/>
      <c r="GB14" s="61"/>
      <c r="GC14" s="61"/>
      <c r="GD14" s="61"/>
      <c r="GE14" s="61"/>
      <c r="GF14" s="61"/>
      <c r="GG14" s="61"/>
      <c r="GH14" s="61"/>
      <c r="GI14" s="61"/>
      <c r="GJ14" s="61"/>
      <c r="GK14" s="61"/>
      <c r="GL14" s="61"/>
      <c r="GM14" s="61"/>
      <c r="GN14" s="61"/>
      <c r="GO14" s="61"/>
      <c r="GP14" s="61"/>
      <c r="GQ14" s="61"/>
      <c r="GR14" s="61"/>
      <c r="GS14" s="61"/>
      <c r="GT14" s="61"/>
      <c r="GU14" s="61"/>
      <c r="GV14" s="61"/>
      <c r="GW14" s="61"/>
      <c r="GX14" s="61"/>
      <c r="GY14" s="61"/>
      <c r="GZ14" s="61"/>
      <c r="HA14" s="61"/>
      <c r="HB14" s="61"/>
      <c r="HC14" s="61"/>
      <c r="HD14" s="61"/>
      <c r="HE14" s="61"/>
      <c r="HF14" s="61"/>
      <c r="HG14" s="61"/>
      <c r="HH14" s="61"/>
      <c r="HI14" s="61"/>
      <c r="HJ14" s="61"/>
      <c r="HK14" s="61"/>
      <c r="HL14" s="61"/>
      <c r="HM14" s="61"/>
      <c r="HN14" s="61"/>
      <c r="HO14" s="61"/>
      <c r="HP14" s="61"/>
      <c r="HQ14" s="61"/>
      <c r="HR14" s="61"/>
      <c r="HS14" s="61"/>
      <c r="HT14" s="61"/>
      <c r="HU14" s="61"/>
      <c r="HV14" s="61"/>
      <c r="HW14" s="61"/>
      <c r="HX14" s="61"/>
      <c r="HY14" s="61"/>
      <c r="HZ14" s="61"/>
      <c r="IA14" s="61"/>
      <c r="IB14" s="61"/>
      <c r="IC14" s="61"/>
      <c r="ID14" s="61"/>
      <c r="IE14" s="61"/>
      <c r="IF14" s="61"/>
      <c r="IG14" s="61"/>
      <c r="IH14" s="61"/>
      <c r="II14" s="61"/>
      <c r="IJ14" s="61"/>
      <c r="IK14" s="61"/>
      <c r="IL14" s="61"/>
      <c r="IM14" s="61"/>
      <c r="IN14" s="61"/>
      <c r="IO14" s="61"/>
      <c r="IP14" s="61"/>
      <c r="IQ14" s="61"/>
      <c r="IR14" s="61"/>
      <c r="IS14" s="61"/>
      <c r="IT14" s="61"/>
      <c r="IU14" s="61"/>
      <c r="IV14" s="61"/>
      <c r="IW14" s="61"/>
      <c r="IX14" s="61"/>
    </row>
    <row r="15" spans="1:258" ht="301.5" customHeight="1" thickBot="1">
      <c r="A15" s="181"/>
      <c r="B15" s="181"/>
      <c r="C15" s="181"/>
      <c r="D15" s="181"/>
      <c r="E15" s="181"/>
      <c r="F15" s="181"/>
      <c r="G15" s="181"/>
      <c r="H15" s="181"/>
      <c r="I15" s="181"/>
      <c r="J15" s="181"/>
      <c r="K15" s="181"/>
      <c r="L15" s="182"/>
      <c r="M15" s="181"/>
      <c r="N15" s="181"/>
      <c r="O15" s="181"/>
      <c r="P15" s="181"/>
      <c r="Q15" s="181"/>
      <c r="R15" s="181"/>
      <c r="S15" s="181"/>
      <c r="T15" s="61"/>
      <c r="U15" s="61"/>
      <c r="V15" s="61"/>
      <c r="W15" s="61"/>
      <c r="X15" s="61"/>
      <c r="Y15" s="61"/>
      <c r="Z15" s="61"/>
      <c r="AA15" s="61"/>
      <c r="AB15" s="61"/>
      <c r="AC15" s="61"/>
      <c r="AD15" s="61"/>
      <c r="AE15" s="61"/>
      <c r="AF15" s="61"/>
      <c r="AG15" s="61"/>
      <c r="AH15" s="61"/>
      <c r="AI15" s="61"/>
      <c r="AJ15" s="61"/>
      <c r="AK15" s="61"/>
      <c r="AL15" s="61"/>
      <c r="AM15" s="61"/>
      <c r="AN15" s="61"/>
      <c r="AO15" s="61"/>
      <c r="AP15" s="61"/>
      <c r="AQ15" s="61"/>
      <c r="AR15" s="61"/>
      <c r="AS15" s="61"/>
      <c r="AT15" s="61"/>
      <c r="AU15" s="61"/>
      <c r="AV15" s="61"/>
      <c r="AW15" s="61"/>
      <c r="AX15" s="61"/>
      <c r="AY15" s="61"/>
      <c r="AZ15" s="61"/>
      <c r="BA15" s="61"/>
      <c r="BB15" s="61"/>
      <c r="BC15" s="61"/>
      <c r="BD15" s="61"/>
      <c r="BE15" s="61"/>
      <c r="BF15" s="61"/>
      <c r="BG15" s="61"/>
      <c r="BH15" s="61"/>
      <c r="BI15" s="61"/>
      <c r="BJ15" s="61"/>
      <c r="BK15" s="61"/>
      <c r="BL15" s="61"/>
      <c r="BM15" s="61"/>
      <c r="BN15" s="61"/>
      <c r="BO15" s="61"/>
      <c r="BP15" s="61"/>
      <c r="BQ15" s="61"/>
      <c r="BR15" s="61"/>
      <c r="BS15" s="61"/>
      <c r="BT15" s="61"/>
      <c r="BU15" s="61"/>
      <c r="BV15" s="61"/>
      <c r="BW15" s="61"/>
      <c r="BX15" s="61"/>
      <c r="BY15" s="61"/>
      <c r="BZ15" s="61"/>
      <c r="CA15" s="61"/>
      <c r="CB15" s="61"/>
      <c r="CC15" s="61"/>
      <c r="CD15" s="61"/>
      <c r="CE15" s="61"/>
      <c r="CF15" s="61"/>
      <c r="CG15" s="61"/>
      <c r="CH15" s="61"/>
      <c r="CI15" s="61"/>
      <c r="CJ15" s="61"/>
      <c r="CK15" s="61"/>
      <c r="CL15" s="61"/>
      <c r="CM15" s="61"/>
      <c r="CN15" s="61"/>
      <c r="CO15" s="61"/>
      <c r="CP15" s="61"/>
      <c r="CQ15" s="61"/>
      <c r="CR15" s="61"/>
      <c r="CS15" s="61"/>
      <c r="CT15" s="61"/>
      <c r="CU15" s="61"/>
      <c r="CV15" s="61"/>
      <c r="CW15" s="61"/>
      <c r="CX15" s="61"/>
      <c r="CY15" s="61"/>
      <c r="CZ15" s="61"/>
      <c r="DA15" s="61"/>
      <c r="DB15" s="61"/>
      <c r="DC15" s="61"/>
      <c r="DD15" s="61"/>
      <c r="DE15" s="61"/>
      <c r="DF15" s="61"/>
      <c r="DG15" s="61"/>
      <c r="DH15" s="61"/>
      <c r="DI15" s="61"/>
      <c r="DJ15" s="61"/>
      <c r="DK15" s="61"/>
      <c r="DL15" s="61"/>
      <c r="DM15" s="61"/>
      <c r="DN15" s="61"/>
      <c r="DO15" s="61"/>
      <c r="DP15" s="61"/>
      <c r="DQ15" s="61"/>
      <c r="DR15" s="61"/>
      <c r="DS15" s="61"/>
      <c r="DT15" s="61"/>
      <c r="DU15" s="61"/>
      <c r="DV15" s="61"/>
      <c r="DW15" s="61"/>
      <c r="DX15" s="61"/>
      <c r="DY15" s="61"/>
      <c r="DZ15" s="61"/>
      <c r="EA15" s="61"/>
      <c r="EB15" s="61"/>
      <c r="EC15" s="61"/>
      <c r="ED15" s="61"/>
      <c r="EE15" s="61"/>
      <c r="EF15" s="61"/>
      <c r="EG15" s="61"/>
      <c r="EH15" s="61"/>
      <c r="EI15" s="61"/>
      <c r="EJ15" s="61"/>
      <c r="EK15" s="61"/>
      <c r="EL15" s="61"/>
      <c r="EM15" s="61"/>
      <c r="EN15" s="61"/>
      <c r="EO15" s="61"/>
      <c r="EP15" s="61"/>
      <c r="EQ15" s="61"/>
      <c r="ER15" s="61"/>
      <c r="ES15" s="61"/>
      <c r="ET15" s="61"/>
      <c r="EU15" s="61"/>
      <c r="EV15" s="61"/>
      <c r="EW15" s="61"/>
      <c r="EX15" s="61"/>
      <c r="EY15" s="61"/>
      <c r="EZ15" s="61"/>
      <c r="FA15" s="61"/>
      <c r="FB15" s="61"/>
      <c r="FC15" s="61"/>
      <c r="FD15" s="61"/>
      <c r="FE15" s="61"/>
      <c r="FF15" s="61"/>
      <c r="FG15" s="61"/>
      <c r="FH15" s="61"/>
      <c r="FI15" s="61"/>
      <c r="FJ15" s="61"/>
      <c r="FK15" s="61"/>
      <c r="FL15" s="61"/>
      <c r="FM15" s="61"/>
      <c r="FN15" s="61"/>
      <c r="FO15" s="61"/>
      <c r="FP15" s="61"/>
      <c r="FQ15" s="61"/>
      <c r="FR15" s="61"/>
      <c r="FS15" s="61"/>
      <c r="FT15" s="61"/>
      <c r="FU15" s="61"/>
      <c r="FV15" s="61"/>
      <c r="FW15" s="61"/>
      <c r="FX15" s="61"/>
      <c r="FY15" s="61"/>
      <c r="FZ15" s="61"/>
      <c r="GA15" s="61"/>
      <c r="GB15" s="61"/>
      <c r="GC15" s="61"/>
      <c r="GD15" s="61"/>
      <c r="GE15" s="61"/>
      <c r="GF15" s="61"/>
      <c r="GG15" s="61"/>
      <c r="GH15" s="61"/>
      <c r="GI15" s="61"/>
      <c r="GJ15" s="61"/>
      <c r="GK15" s="61"/>
      <c r="GL15" s="61"/>
      <c r="GM15" s="61"/>
      <c r="GN15" s="61"/>
      <c r="GO15" s="61"/>
      <c r="GP15" s="61"/>
      <c r="GQ15" s="61"/>
      <c r="GR15" s="61"/>
      <c r="GS15" s="61"/>
      <c r="GT15" s="61"/>
      <c r="GU15" s="61"/>
      <c r="GV15" s="61"/>
      <c r="GW15" s="61"/>
      <c r="GX15" s="61"/>
      <c r="GY15" s="61"/>
      <c r="GZ15" s="61"/>
      <c r="HA15" s="61"/>
      <c r="HB15" s="61"/>
      <c r="HC15" s="61"/>
      <c r="HD15" s="61"/>
      <c r="HE15" s="61"/>
      <c r="HF15" s="61"/>
      <c r="HG15" s="61"/>
      <c r="HH15" s="61"/>
      <c r="HI15" s="61"/>
      <c r="HJ15" s="61"/>
      <c r="HK15" s="61"/>
      <c r="HL15" s="61"/>
      <c r="HM15" s="61"/>
      <c r="HN15" s="61"/>
      <c r="HO15" s="61"/>
      <c r="HP15" s="61"/>
      <c r="HQ15" s="61"/>
      <c r="HR15" s="61"/>
      <c r="HS15" s="61"/>
      <c r="HT15" s="61"/>
      <c r="HU15" s="61"/>
      <c r="HV15" s="61"/>
      <c r="HW15" s="61"/>
      <c r="HX15" s="61"/>
      <c r="HY15" s="61"/>
      <c r="HZ15" s="61"/>
      <c r="IA15" s="61"/>
      <c r="IB15" s="61"/>
      <c r="IC15" s="61"/>
      <c r="ID15" s="61"/>
      <c r="IE15" s="61"/>
      <c r="IF15" s="61"/>
      <c r="IG15" s="61"/>
      <c r="IH15" s="61"/>
      <c r="II15" s="61"/>
      <c r="IJ15" s="61"/>
      <c r="IK15" s="61"/>
      <c r="IL15" s="61"/>
      <c r="IM15" s="61"/>
      <c r="IN15" s="61"/>
      <c r="IO15" s="61"/>
      <c r="IP15" s="61"/>
      <c r="IQ15" s="61"/>
      <c r="IR15" s="61"/>
      <c r="IS15" s="61"/>
      <c r="IT15" s="61"/>
      <c r="IU15" s="61"/>
      <c r="IV15" s="61"/>
      <c r="IW15" s="61"/>
      <c r="IX15" s="61"/>
    </row>
    <row r="16" spans="1:258" ht="133.94999999999999" customHeight="1" thickBot="1">
      <c r="A16" s="187"/>
      <c r="B16" s="188" t="s">
        <v>12</v>
      </c>
      <c r="C16" s="189"/>
      <c r="D16" s="189"/>
      <c r="E16" s="189"/>
      <c r="F16" s="189"/>
      <c r="G16" s="189"/>
      <c r="H16" s="189"/>
      <c r="I16" s="205" t="e">
        <f>IF(#REF! = "","",#REF!)</f>
        <v>#REF!</v>
      </c>
      <c r="J16" s="189"/>
      <c r="K16" s="189"/>
      <c r="L16" s="190"/>
      <c r="M16" s="191"/>
      <c r="N16" s="433" t="s">
        <v>13</v>
      </c>
      <c r="O16" s="434"/>
      <c r="P16" s="435"/>
      <c r="Q16" s="187"/>
      <c r="R16" s="187"/>
      <c r="S16" s="209" t="s">
        <v>220</v>
      </c>
      <c r="T16" s="61"/>
      <c r="U16" s="61"/>
      <c r="V16" s="61"/>
      <c r="W16" s="61"/>
      <c r="X16" s="61"/>
      <c r="Y16" s="61"/>
      <c r="Z16" s="61"/>
      <c r="AA16" s="61"/>
      <c r="AB16" s="61"/>
      <c r="AC16" s="61"/>
      <c r="AD16" s="61"/>
      <c r="AE16" s="61"/>
      <c r="AF16" s="61"/>
      <c r="AG16" s="61"/>
      <c r="AH16" s="61"/>
      <c r="AI16" s="61"/>
      <c r="AJ16" s="61"/>
      <c r="AK16" s="61"/>
      <c r="AL16" s="61"/>
      <c r="AM16" s="61"/>
      <c r="AN16" s="61"/>
      <c r="AO16" s="61"/>
      <c r="AP16" s="61"/>
      <c r="AQ16" s="61"/>
      <c r="AR16" s="61"/>
      <c r="AS16" s="61"/>
      <c r="AT16" s="61"/>
      <c r="AU16" s="61"/>
      <c r="AV16" s="61"/>
      <c r="AW16" s="61"/>
      <c r="AX16" s="61"/>
      <c r="AY16" s="61"/>
      <c r="AZ16" s="61"/>
      <c r="BA16" s="61"/>
      <c r="BB16" s="61"/>
      <c r="BC16" s="61"/>
      <c r="BD16" s="61"/>
      <c r="BE16" s="61"/>
      <c r="BF16" s="61"/>
      <c r="BG16" s="61"/>
      <c r="BH16" s="61"/>
      <c r="BI16" s="61"/>
      <c r="BJ16" s="61"/>
      <c r="BK16" s="61"/>
      <c r="BL16" s="61"/>
      <c r="BM16" s="61"/>
      <c r="BN16" s="61"/>
      <c r="BO16" s="61"/>
      <c r="BP16" s="61"/>
      <c r="BQ16" s="61"/>
      <c r="BR16" s="61"/>
      <c r="BS16" s="61"/>
      <c r="BT16" s="61"/>
      <c r="BU16" s="61"/>
      <c r="BV16" s="61"/>
      <c r="BW16" s="61"/>
      <c r="BX16" s="61"/>
      <c r="BY16" s="61"/>
      <c r="BZ16" s="61"/>
      <c r="CA16" s="61"/>
      <c r="CB16" s="61"/>
      <c r="CC16" s="61"/>
      <c r="CD16" s="61"/>
      <c r="CE16" s="61"/>
      <c r="CF16" s="61"/>
      <c r="CG16" s="61"/>
      <c r="CH16" s="61"/>
      <c r="CI16" s="61"/>
      <c r="CJ16" s="61"/>
      <c r="CK16" s="61"/>
      <c r="CL16" s="61"/>
      <c r="CM16" s="61"/>
      <c r="CN16" s="61"/>
      <c r="CO16" s="61"/>
      <c r="CP16" s="61"/>
      <c r="CQ16" s="61"/>
      <c r="CR16" s="61"/>
      <c r="CS16" s="61"/>
      <c r="CT16" s="61"/>
      <c r="CU16" s="61"/>
      <c r="CV16" s="61"/>
      <c r="CW16" s="61"/>
      <c r="CX16" s="61"/>
      <c r="CY16" s="61"/>
      <c r="CZ16" s="61"/>
      <c r="DA16" s="61"/>
      <c r="DB16" s="61"/>
      <c r="DC16" s="61"/>
      <c r="DD16" s="61"/>
      <c r="DE16" s="61"/>
      <c r="DF16" s="61"/>
      <c r="DG16" s="61"/>
      <c r="DH16" s="61"/>
      <c r="DI16" s="61"/>
      <c r="DJ16" s="61"/>
      <c r="DK16" s="61"/>
      <c r="DL16" s="61"/>
      <c r="DM16" s="61"/>
      <c r="DN16" s="61"/>
      <c r="DO16" s="61"/>
      <c r="DP16" s="61"/>
      <c r="DQ16" s="61"/>
      <c r="DR16" s="61"/>
      <c r="DS16" s="61"/>
      <c r="DT16" s="61"/>
      <c r="DU16" s="61"/>
      <c r="DV16" s="61"/>
      <c r="DW16" s="61"/>
      <c r="DX16" s="61"/>
      <c r="DY16" s="61"/>
      <c r="DZ16" s="61"/>
      <c r="EA16" s="61"/>
      <c r="EB16" s="61"/>
      <c r="EC16" s="61"/>
      <c r="ED16" s="61"/>
      <c r="EE16" s="61"/>
      <c r="EF16" s="61"/>
      <c r="EG16" s="61"/>
      <c r="EH16" s="61"/>
      <c r="EI16" s="61"/>
      <c r="EJ16" s="61"/>
      <c r="EK16" s="61"/>
      <c r="EL16" s="61"/>
      <c r="EM16" s="61"/>
      <c r="EN16" s="61"/>
      <c r="EO16" s="61"/>
      <c r="EP16" s="61"/>
      <c r="EQ16" s="61"/>
      <c r="ER16" s="61"/>
      <c r="ES16" s="61"/>
      <c r="ET16" s="61"/>
      <c r="EU16" s="61"/>
      <c r="EV16" s="61"/>
      <c r="EW16" s="61"/>
      <c r="EX16" s="61"/>
      <c r="EY16" s="61"/>
      <c r="EZ16" s="61"/>
      <c r="FA16" s="61"/>
      <c r="FB16" s="61"/>
      <c r="FC16" s="61"/>
      <c r="FD16" s="61"/>
      <c r="FE16" s="61"/>
      <c r="FF16" s="61"/>
      <c r="FG16" s="61"/>
      <c r="FH16" s="61"/>
      <c r="FI16" s="61"/>
      <c r="FJ16" s="61"/>
      <c r="FK16" s="61"/>
      <c r="FL16" s="61"/>
      <c r="FM16" s="61"/>
      <c r="FN16" s="61"/>
      <c r="FO16" s="61"/>
      <c r="FP16" s="61"/>
      <c r="FQ16" s="61"/>
      <c r="FR16" s="61"/>
      <c r="FS16" s="61"/>
      <c r="FT16" s="61"/>
      <c r="FU16" s="61"/>
      <c r="FV16" s="61"/>
      <c r="FW16" s="61"/>
      <c r="FX16" s="61"/>
      <c r="FY16" s="61"/>
      <c r="FZ16" s="61"/>
      <c r="GA16" s="61"/>
      <c r="GB16" s="61"/>
      <c r="GC16" s="61"/>
      <c r="GD16" s="61"/>
      <c r="GE16" s="61"/>
      <c r="GF16" s="61"/>
      <c r="GG16" s="61"/>
      <c r="GH16" s="61"/>
      <c r="GI16" s="61"/>
      <c r="GJ16" s="61"/>
      <c r="GK16" s="61"/>
      <c r="GL16" s="61"/>
      <c r="GM16" s="61"/>
      <c r="GN16" s="61"/>
      <c r="GO16" s="61"/>
      <c r="GP16" s="61"/>
      <c r="GQ16" s="61"/>
      <c r="GR16" s="61"/>
      <c r="GS16" s="61"/>
      <c r="GT16" s="61"/>
      <c r="GU16" s="61"/>
      <c r="GV16" s="61"/>
      <c r="GW16" s="61"/>
      <c r="GX16" s="61"/>
      <c r="GY16" s="61"/>
      <c r="GZ16" s="61"/>
      <c r="HA16" s="61"/>
      <c r="HB16" s="61"/>
      <c r="HC16" s="61"/>
      <c r="HD16" s="61"/>
      <c r="HE16" s="61"/>
      <c r="HF16" s="61"/>
      <c r="HG16" s="61"/>
      <c r="HH16" s="61"/>
      <c r="HI16" s="61"/>
      <c r="HJ16" s="61"/>
      <c r="HK16" s="61"/>
      <c r="HL16" s="61"/>
      <c r="HM16" s="61"/>
      <c r="HN16" s="61"/>
      <c r="HO16" s="61"/>
      <c r="HP16" s="61"/>
      <c r="HQ16" s="61"/>
      <c r="HR16" s="61"/>
      <c r="HS16" s="61"/>
      <c r="HT16" s="61"/>
      <c r="HU16" s="61"/>
      <c r="HV16" s="61"/>
      <c r="HW16" s="61"/>
      <c r="HX16" s="61"/>
      <c r="HY16" s="61"/>
      <c r="HZ16" s="61"/>
      <c r="IA16" s="61"/>
      <c r="IB16" s="61"/>
      <c r="IC16" s="61"/>
      <c r="ID16" s="61"/>
      <c r="IE16" s="61"/>
      <c r="IF16" s="61"/>
      <c r="IG16" s="61"/>
      <c r="IH16" s="61"/>
      <c r="II16" s="61"/>
      <c r="IJ16" s="61"/>
      <c r="IK16" s="61"/>
      <c r="IL16" s="61"/>
      <c r="IM16" s="61"/>
      <c r="IN16" s="61"/>
      <c r="IO16" s="61"/>
      <c r="IP16" s="61"/>
      <c r="IQ16" s="61"/>
      <c r="IR16" s="61"/>
      <c r="IS16" s="61"/>
      <c r="IT16" s="61"/>
      <c r="IU16" s="61"/>
      <c r="IV16" s="61"/>
      <c r="IW16" s="61"/>
      <c r="IX16" s="61"/>
    </row>
    <row r="17" spans="1:258" ht="39" customHeight="1">
      <c r="A17" s="187"/>
      <c r="B17" s="187"/>
      <c r="C17" s="187"/>
      <c r="D17" s="187"/>
      <c r="E17" s="187"/>
      <c r="F17" s="187"/>
      <c r="G17" s="187"/>
      <c r="H17" s="187"/>
      <c r="I17" s="187"/>
      <c r="J17" s="187"/>
      <c r="K17" s="187"/>
      <c r="L17" s="190"/>
      <c r="M17" s="191"/>
      <c r="N17" s="192" t="s">
        <v>15</v>
      </c>
      <c r="O17" s="191"/>
      <c r="P17" s="191"/>
      <c r="Q17" s="187"/>
      <c r="R17" s="187"/>
      <c r="S17" s="187"/>
      <c r="T17" s="61"/>
      <c r="U17" s="61"/>
      <c r="V17" s="61"/>
      <c r="W17" s="61"/>
      <c r="X17" s="61"/>
      <c r="Y17" s="61"/>
      <c r="Z17" s="61"/>
      <c r="AA17" s="61"/>
      <c r="AB17" s="61"/>
      <c r="AC17" s="61"/>
      <c r="AD17" s="61"/>
      <c r="AE17" s="61"/>
      <c r="AF17" s="61"/>
      <c r="AG17" s="61"/>
      <c r="AH17" s="61"/>
      <c r="AI17" s="61"/>
      <c r="AJ17" s="61"/>
      <c r="AK17" s="61"/>
      <c r="AL17" s="61"/>
      <c r="AM17" s="61"/>
      <c r="AN17" s="61"/>
      <c r="AO17" s="61"/>
      <c r="AP17" s="61"/>
      <c r="AQ17" s="61"/>
      <c r="AR17" s="61"/>
      <c r="AS17" s="61"/>
      <c r="AT17" s="61"/>
      <c r="AU17" s="61"/>
      <c r="AV17" s="61"/>
      <c r="AW17" s="61"/>
      <c r="AX17" s="61"/>
      <c r="AY17" s="61"/>
      <c r="AZ17" s="61"/>
      <c r="BA17" s="61"/>
      <c r="BB17" s="61"/>
      <c r="BC17" s="61"/>
      <c r="BD17" s="61"/>
      <c r="BE17" s="61"/>
      <c r="BF17" s="61"/>
      <c r="BG17" s="61"/>
      <c r="BH17" s="61"/>
      <c r="BI17" s="61"/>
      <c r="BJ17" s="61"/>
      <c r="BK17" s="61"/>
      <c r="BL17" s="61"/>
      <c r="BM17" s="61"/>
      <c r="BN17" s="61"/>
      <c r="BO17" s="61"/>
      <c r="BP17" s="61"/>
      <c r="BQ17" s="61"/>
      <c r="BR17" s="61"/>
      <c r="BS17" s="61"/>
      <c r="BT17" s="61"/>
      <c r="BU17" s="61"/>
      <c r="BV17" s="61"/>
      <c r="BW17" s="61"/>
      <c r="BX17" s="61"/>
      <c r="BY17" s="61"/>
      <c r="BZ17" s="61"/>
      <c r="CA17" s="61"/>
      <c r="CB17" s="61"/>
      <c r="CC17" s="61"/>
      <c r="CD17" s="61"/>
      <c r="CE17" s="61"/>
      <c r="CF17" s="61"/>
      <c r="CG17" s="61"/>
      <c r="CH17" s="61"/>
      <c r="CI17" s="61"/>
      <c r="CJ17" s="61"/>
      <c r="CK17" s="61"/>
      <c r="CL17" s="61"/>
      <c r="CM17" s="61"/>
      <c r="CN17" s="61"/>
      <c r="CO17" s="61"/>
      <c r="CP17" s="61"/>
      <c r="CQ17" s="61"/>
      <c r="CR17" s="61"/>
      <c r="CS17" s="61"/>
      <c r="CT17" s="61"/>
      <c r="CU17" s="61"/>
      <c r="CV17" s="61"/>
      <c r="CW17" s="61"/>
      <c r="CX17" s="61"/>
      <c r="CY17" s="61"/>
      <c r="CZ17" s="61"/>
      <c r="DA17" s="61"/>
      <c r="DB17" s="61"/>
      <c r="DC17" s="61"/>
      <c r="DD17" s="61"/>
      <c r="DE17" s="61"/>
      <c r="DF17" s="61"/>
      <c r="DG17" s="61"/>
      <c r="DH17" s="61"/>
      <c r="DI17" s="61"/>
      <c r="DJ17" s="61"/>
      <c r="DK17" s="61"/>
      <c r="DL17" s="61"/>
      <c r="DM17" s="61"/>
      <c r="DN17" s="61"/>
      <c r="DO17" s="61"/>
      <c r="DP17" s="61"/>
      <c r="DQ17" s="61"/>
      <c r="DR17" s="61"/>
      <c r="DS17" s="61"/>
      <c r="DT17" s="61"/>
      <c r="DU17" s="61"/>
      <c r="DV17" s="61"/>
      <c r="DW17" s="61"/>
      <c r="DX17" s="61"/>
      <c r="DY17" s="61"/>
      <c r="DZ17" s="61"/>
      <c r="EA17" s="61"/>
      <c r="EB17" s="61"/>
      <c r="EC17" s="61"/>
      <c r="ED17" s="61"/>
      <c r="EE17" s="61"/>
      <c r="EF17" s="61"/>
      <c r="EG17" s="61"/>
      <c r="EH17" s="61"/>
      <c r="EI17" s="61"/>
      <c r="EJ17" s="61"/>
      <c r="EK17" s="61"/>
      <c r="EL17" s="61"/>
      <c r="EM17" s="61"/>
      <c r="EN17" s="61"/>
      <c r="EO17" s="61"/>
      <c r="EP17" s="61"/>
      <c r="EQ17" s="61"/>
      <c r="ER17" s="61"/>
      <c r="ES17" s="61"/>
      <c r="ET17" s="61"/>
      <c r="EU17" s="61"/>
      <c r="EV17" s="61"/>
      <c r="EW17" s="61"/>
      <c r="EX17" s="61"/>
      <c r="EY17" s="61"/>
      <c r="EZ17" s="61"/>
      <c r="FA17" s="61"/>
      <c r="FB17" s="61"/>
      <c r="FC17" s="61"/>
      <c r="FD17" s="61"/>
      <c r="FE17" s="61"/>
      <c r="FF17" s="61"/>
      <c r="FG17" s="61"/>
      <c r="FH17" s="61"/>
      <c r="FI17" s="61"/>
      <c r="FJ17" s="61"/>
      <c r="FK17" s="61"/>
      <c r="FL17" s="61"/>
      <c r="FM17" s="61"/>
      <c r="FN17" s="61"/>
      <c r="FO17" s="61"/>
      <c r="FP17" s="61"/>
      <c r="FQ17" s="61"/>
      <c r="FR17" s="61"/>
      <c r="FS17" s="61"/>
      <c r="FT17" s="61"/>
      <c r="FU17" s="61"/>
      <c r="FV17" s="61"/>
      <c r="FW17" s="61"/>
      <c r="FX17" s="61"/>
      <c r="FY17" s="61"/>
      <c r="FZ17" s="61"/>
      <c r="GA17" s="61"/>
      <c r="GB17" s="61"/>
      <c r="GC17" s="61"/>
      <c r="GD17" s="61"/>
      <c r="GE17" s="61"/>
      <c r="GF17" s="61"/>
      <c r="GG17" s="61"/>
      <c r="GH17" s="61"/>
      <c r="GI17" s="61"/>
      <c r="GJ17" s="61"/>
      <c r="GK17" s="61"/>
      <c r="GL17" s="61"/>
      <c r="GM17" s="61"/>
      <c r="GN17" s="61"/>
      <c r="GO17" s="61"/>
      <c r="GP17" s="61"/>
      <c r="GQ17" s="61"/>
      <c r="GR17" s="61"/>
      <c r="GS17" s="61"/>
      <c r="GT17" s="61"/>
      <c r="GU17" s="61"/>
      <c r="GV17" s="61"/>
      <c r="GW17" s="61"/>
      <c r="GX17" s="61"/>
      <c r="GY17" s="61"/>
      <c r="GZ17" s="61"/>
      <c r="HA17" s="61"/>
      <c r="HB17" s="61"/>
      <c r="HC17" s="61"/>
      <c r="HD17" s="61"/>
      <c r="HE17" s="61"/>
      <c r="HF17" s="61"/>
      <c r="HG17" s="61"/>
      <c r="HH17" s="61"/>
      <c r="HI17" s="61"/>
      <c r="HJ17" s="61"/>
      <c r="HK17" s="61"/>
      <c r="HL17" s="61"/>
      <c r="HM17" s="61"/>
      <c r="HN17" s="61"/>
      <c r="HO17" s="61"/>
      <c r="HP17" s="61"/>
      <c r="HQ17" s="61"/>
      <c r="HR17" s="61"/>
      <c r="HS17" s="61"/>
      <c r="HT17" s="61"/>
      <c r="HU17" s="61"/>
      <c r="HV17" s="61"/>
      <c r="HW17" s="61"/>
      <c r="HX17" s="61"/>
      <c r="HY17" s="61"/>
      <c r="HZ17" s="61"/>
      <c r="IA17" s="61"/>
      <c r="IB17" s="61"/>
      <c r="IC17" s="61"/>
      <c r="ID17" s="61"/>
      <c r="IE17" s="61"/>
      <c r="IF17" s="61"/>
      <c r="IG17" s="61"/>
      <c r="IH17" s="61"/>
      <c r="II17" s="61"/>
      <c r="IJ17" s="61"/>
      <c r="IK17" s="61"/>
      <c r="IL17" s="61"/>
      <c r="IM17" s="61"/>
      <c r="IN17" s="61"/>
      <c r="IO17" s="61"/>
      <c r="IP17" s="61"/>
      <c r="IQ17" s="61"/>
      <c r="IR17" s="61"/>
      <c r="IS17" s="61"/>
      <c r="IT17" s="61"/>
      <c r="IU17" s="61"/>
      <c r="IV17" s="61"/>
      <c r="IW17" s="61"/>
      <c r="IX17" s="61"/>
    </row>
    <row r="18" spans="1:258" ht="19.2" customHeight="1" thickBot="1">
      <c r="A18" s="187"/>
      <c r="B18" s="187"/>
      <c r="C18" s="187"/>
      <c r="D18" s="187"/>
      <c r="E18" s="187"/>
      <c r="F18" s="187"/>
      <c r="G18" s="187"/>
      <c r="H18" s="187"/>
      <c r="I18" s="187"/>
      <c r="J18" s="187"/>
      <c r="K18" s="187"/>
      <c r="L18" s="190"/>
      <c r="M18" s="191"/>
      <c r="N18" s="192"/>
      <c r="O18" s="191"/>
      <c r="P18" s="191"/>
      <c r="Q18" s="187"/>
      <c r="R18" s="187"/>
      <c r="S18" s="187"/>
      <c r="T18" s="61"/>
      <c r="U18" s="61"/>
      <c r="V18" s="61"/>
      <c r="W18" s="61"/>
      <c r="X18" s="61"/>
      <c r="Y18" s="61"/>
      <c r="Z18" s="61"/>
      <c r="AA18" s="61"/>
      <c r="AB18" s="61"/>
      <c r="AC18" s="61"/>
      <c r="AD18" s="61"/>
      <c r="AE18" s="61"/>
      <c r="AF18" s="61"/>
      <c r="AG18" s="61"/>
      <c r="AH18" s="61"/>
      <c r="AI18" s="61"/>
      <c r="AJ18" s="61"/>
      <c r="AK18" s="61"/>
      <c r="AL18" s="61"/>
      <c r="AM18" s="61"/>
      <c r="AN18" s="61"/>
      <c r="AO18" s="61"/>
      <c r="AP18" s="61"/>
      <c r="AQ18" s="61"/>
      <c r="AR18" s="61"/>
      <c r="AS18" s="61"/>
      <c r="AT18" s="61"/>
      <c r="AU18" s="61"/>
      <c r="AV18" s="61"/>
      <c r="AW18" s="61"/>
      <c r="AX18" s="61"/>
      <c r="AY18" s="61"/>
      <c r="AZ18" s="61"/>
      <c r="BA18" s="61"/>
      <c r="BB18" s="61"/>
      <c r="BC18" s="61"/>
      <c r="BD18" s="61"/>
      <c r="BE18" s="61"/>
      <c r="BF18" s="61"/>
      <c r="BG18" s="61"/>
      <c r="BH18" s="61"/>
      <c r="BI18" s="61"/>
      <c r="BJ18" s="61"/>
      <c r="BK18" s="61"/>
      <c r="BL18" s="61"/>
      <c r="BM18" s="61"/>
      <c r="BN18" s="61"/>
      <c r="BO18" s="61"/>
      <c r="BP18" s="61"/>
      <c r="BQ18" s="61"/>
      <c r="BR18" s="61"/>
      <c r="BS18" s="61"/>
      <c r="BT18" s="61"/>
      <c r="BU18" s="61"/>
      <c r="BV18" s="61"/>
      <c r="BW18" s="61"/>
      <c r="BX18" s="61"/>
      <c r="BY18" s="61"/>
      <c r="BZ18" s="61"/>
      <c r="CA18" s="61"/>
      <c r="CB18" s="61"/>
      <c r="CC18" s="61"/>
      <c r="CD18" s="61"/>
      <c r="CE18" s="61"/>
      <c r="CF18" s="61"/>
      <c r="CG18" s="61"/>
      <c r="CH18" s="61"/>
      <c r="CI18" s="61"/>
      <c r="CJ18" s="61"/>
      <c r="CK18" s="61"/>
      <c r="CL18" s="61"/>
      <c r="CM18" s="61"/>
      <c r="CN18" s="61"/>
      <c r="CO18" s="61"/>
      <c r="CP18" s="61"/>
      <c r="CQ18" s="61"/>
      <c r="CR18" s="61"/>
      <c r="CS18" s="61"/>
      <c r="CT18" s="61"/>
      <c r="CU18" s="61"/>
      <c r="CV18" s="61"/>
      <c r="CW18" s="61"/>
      <c r="CX18" s="61"/>
      <c r="CY18" s="61"/>
      <c r="CZ18" s="61"/>
      <c r="DA18" s="61"/>
      <c r="DB18" s="61"/>
      <c r="DC18" s="61"/>
      <c r="DD18" s="61"/>
      <c r="DE18" s="61"/>
      <c r="DF18" s="61"/>
      <c r="DG18" s="61"/>
      <c r="DH18" s="61"/>
      <c r="DI18" s="61"/>
      <c r="DJ18" s="61"/>
      <c r="DK18" s="61"/>
      <c r="DL18" s="61"/>
      <c r="DM18" s="61"/>
      <c r="DN18" s="61"/>
      <c r="DO18" s="61"/>
      <c r="DP18" s="61"/>
      <c r="DQ18" s="61"/>
      <c r="DR18" s="61"/>
      <c r="DS18" s="61"/>
      <c r="DT18" s="61"/>
      <c r="DU18" s="61"/>
      <c r="DV18" s="61"/>
      <c r="DW18" s="61"/>
      <c r="DX18" s="61"/>
      <c r="DY18" s="61"/>
      <c r="DZ18" s="61"/>
      <c r="EA18" s="61"/>
      <c r="EB18" s="61"/>
      <c r="EC18" s="61"/>
      <c r="ED18" s="61"/>
      <c r="EE18" s="61"/>
      <c r="EF18" s="61"/>
      <c r="EG18" s="61"/>
      <c r="EH18" s="61"/>
      <c r="EI18" s="61"/>
      <c r="EJ18" s="61"/>
      <c r="EK18" s="61"/>
      <c r="EL18" s="61"/>
      <c r="EM18" s="61"/>
      <c r="EN18" s="61"/>
      <c r="EO18" s="61"/>
      <c r="EP18" s="61"/>
      <c r="EQ18" s="61"/>
      <c r="ER18" s="61"/>
      <c r="ES18" s="61"/>
      <c r="ET18" s="61"/>
      <c r="EU18" s="61"/>
      <c r="EV18" s="61"/>
      <c r="EW18" s="61"/>
      <c r="EX18" s="61"/>
      <c r="EY18" s="61"/>
      <c r="EZ18" s="61"/>
      <c r="FA18" s="61"/>
      <c r="FB18" s="61"/>
      <c r="FC18" s="61"/>
      <c r="FD18" s="61"/>
      <c r="FE18" s="61"/>
      <c r="FF18" s="61"/>
      <c r="FG18" s="61"/>
      <c r="FH18" s="61"/>
      <c r="FI18" s="61"/>
      <c r="FJ18" s="61"/>
      <c r="FK18" s="61"/>
      <c r="FL18" s="61"/>
      <c r="FM18" s="61"/>
      <c r="FN18" s="61"/>
      <c r="FO18" s="61"/>
      <c r="FP18" s="61"/>
      <c r="FQ18" s="61"/>
      <c r="FR18" s="61"/>
      <c r="FS18" s="61"/>
      <c r="FT18" s="61"/>
      <c r="FU18" s="61"/>
      <c r="FV18" s="61"/>
      <c r="FW18" s="61"/>
      <c r="FX18" s="61"/>
      <c r="FY18" s="61"/>
      <c r="FZ18" s="61"/>
      <c r="GA18" s="61"/>
      <c r="GB18" s="61"/>
      <c r="GC18" s="61"/>
      <c r="GD18" s="61"/>
      <c r="GE18" s="61"/>
      <c r="GF18" s="61"/>
      <c r="GG18" s="61"/>
      <c r="GH18" s="61"/>
      <c r="GI18" s="61"/>
      <c r="GJ18" s="61"/>
      <c r="GK18" s="61"/>
      <c r="GL18" s="61"/>
      <c r="GM18" s="61"/>
      <c r="GN18" s="61"/>
      <c r="GO18" s="61"/>
      <c r="GP18" s="61"/>
      <c r="GQ18" s="61"/>
      <c r="GR18" s="61"/>
      <c r="GS18" s="61"/>
      <c r="GT18" s="61"/>
      <c r="GU18" s="61"/>
      <c r="GV18" s="61"/>
      <c r="GW18" s="61"/>
      <c r="GX18" s="61"/>
      <c r="GY18" s="61"/>
      <c r="GZ18" s="61"/>
      <c r="HA18" s="61"/>
      <c r="HB18" s="61"/>
      <c r="HC18" s="61"/>
      <c r="HD18" s="61"/>
      <c r="HE18" s="61"/>
      <c r="HF18" s="61"/>
      <c r="HG18" s="61"/>
      <c r="HH18" s="61"/>
      <c r="HI18" s="61"/>
      <c r="HJ18" s="61"/>
      <c r="HK18" s="61"/>
      <c r="HL18" s="61"/>
      <c r="HM18" s="61"/>
      <c r="HN18" s="61"/>
      <c r="HO18" s="61"/>
      <c r="HP18" s="61"/>
      <c r="HQ18" s="61"/>
      <c r="HR18" s="61"/>
      <c r="HS18" s="61"/>
      <c r="HT18" s="61"/>
      <c r="HU18" s="61"/>
      <c r="HV18" s="61"/>
      <c r="HW18" s="61"/>
      <c r="HX18" s="61"/>
      <c r="HY18" s="61"/>
      <c r="HZ18" s="61"/>
      <c r="IA18" s="61"/>
      <c r="IB18" s="61"/>
      <c r="IC18" s="61"/>
      <c r="ID18" s="61"/>
      <c r="IE18" s="61"/>
      <c r="IF18" s="61"/>
      <c r="IG18" s="61"/>
      <c r="IH18" s="61"/>
      <c r="II18" s="61"/>
      <c r="IJ18" s="61"/>
      <c r="IK18" s="61"/>
      <c r="IL18" s="61"/>
      <c r="IM18" s="61"/>
      <c r="IN18" s="61"/>
      <c r="IO18" s="61"/>
      <c r="IP18" s="61"/>
      <c r="IQ18" s="61"/>
      <c r="IR18" s="61"/>
      <c r="IS18" s="61"/>
      <c r="IT18" s="61"/>
      <c r="IU18" s="61"/>
      <c r="IV18" s="61"/>
      <c r="IW18" s="61"/>
      <c r="IX18" s="61"/>
    </row>
    <row r="19" spans="1:258" s="64" customFormat="1" ht="69.900000000000006" customHeight="1" thickBot="1">
      <c r="A19" s="436" t="s">
        <v>221</v>
      </c>
      <c r="B19" s="437"/>
      <c r="C19" s="437"/>
      <c r="D19" s="437"/>
      <c r="E19" s="437"/>
      <c r="F19" s="437"/>
      <c r="G19" s="437"/>
      <c r="H19" s="437"/>
      <c r="I19" s="437"/>
      <c r="J19" s="437"/>
      <c r="K19" s="437"/>
      <c r="L19" s="437"/>
      <c r="M19" s="437"/>
      <c r="N19" s="437"/>
      <c r="O19" s="437"/>
      <c r="P19" s="438"/>
      <c r="Q19" s="122"/>
      <c r="R19" s="138"/>
      <c r="S19" s="439" t="s">
        <v>17</v>
      </c>
    </row>
    <row r="20" spans="1:258" s="64" customFormat="1" ht="69.900000000000006" customHeight="1" thickBot="1">
      <c r="A20" s="440" t="s">
        <v>222</v>
      </c>
      <c r="B20" s="441"/>
      <c r="C20" s="441"/>
      <c r="D20" s="441"/>
      <c r="E20" s="441"/>
      <c r="F20" s="441"/>
      <c r="G20" s="441"/>
      <c r="H20" s="441"/>
      <c r="I20" s="441"/>
      <c r="J20" s="441"/>
      <c r="K20" s="441"/>
      <c r="L20" s="441"/>
      <c r="M20" s="441"/>
      <c r="N20" s="441"/>
      <c r="O20" s="441"/>
      <c r="P20" s="442"/>
      <c r="Q20" s="122"/>
      <c r="R20" s="138"/>
      <c r="S20" s="439"/>
    </row>
    <row r="21" spans="1:258" s="67" customFormat="1" ht="345" customHeight="1" thickTop="1" thickBot="1">
      <c r="A21" s="447" t="s">
        <v>223</v>
      </c>
      <c r="B21" s="351"/>
      <c r="C21" s="351"/>
      <c r="D21" s="351"/>
      <c r="E21" s="351"/>
      <c r="F21" s="351"/>
      <c r="G21" s="351"/>
      <c r="H21" s="351"/>
      <c r="I21" s="351"/>
      <c r="J21" s="351"/>
      <c r="K21" s="351"/>
      <c r="L21" s="352"/>
      <c r="M21" s="351"/>
      <c r="N21" s="351"/>
      <c r="O21" s="65" t="s">
        <v>20</v>
      </c>
      <c r="P21" s="66" t="s">
        <v>21</v>
      </c>
      <c r="Q21" s="139"/>
      <c r="R21" s="138"/>
      <c r="S21" s="137"/>
      <c r="T21" s="64"/>
    </row>
    <row r="22" spans="1:258" s="67" customFormat="1" ht="242.4" customHeight="1" thickTop="1" thickBot="1">
      <c r="A22" s="448" t="s">
        <v>22</v>
      </c>
      <c r="B22" s="449"/>
      <c r="C22" s="449"/>
      <c r="D22" s="449"/>
      <c r="E22" s="449"/>
      <c r="F22" s="449"/>
      <c r="G22" s="449"/>
      <c r="H22" s="449"/>
      <c r="I22" s="449"/>
      <c r="J22" s="449"/>
      <c r="K22" s="449"/>
      <c r="L22" s="295"/>
      <c r="M22" s="449"/>
      <c r="N22" s="449"/>
      <c r="O22" s="68" t="s">
        <v>20</v>
      </c>
      <c r="P22" s="69" t="s">
        <v>21</v>
      </c>
      <c r="Q22" s="139"/>
      <c r="R22" s="138"/>
      <c r="S22" s="137"/>
      <c r="T22" s="64"/>
    </row>
    <row r="23" spans="1:258" s="67" customFormat="1" ht="228.6" customHeight="1" thickTop="1" thickBot="1">
      <c r="A23" s="450" t="s">
        <v>224</v>
      </c>
      <c r="B23" s="348"/>
      <c r="C23" s="348"/>
      <c r="D23" s="348"/>
      <c r="E23" s="348"/>
      <c r="F23" s="348"/>
      <c r="G23" s="348"/>
      <c r="H23" s="348"/>
      <c r="I23" s="348"/>
      <c r="J23" s="348"/>
      <c r="K23" s="348"/>
      <c r="L23" s="349"/>
      <c r="M23" s="348"/>
      <c r="N23" s="70" t="s">
        <v>24</v>
      </c>
      <c r="O23" s="71" t="s">
        <v>20</v>
      </c>
      <c r="P23" s="72" t="s">
        <v>21</v>
      </c>
      <c r="Q23" s="139"/>
      <c r="R23" s="138"/>
      <c r="S23" s="137"/>
      <c r="T23" s="64"/>
    </row>
    <row r="24" spans="1:258" s="64" customFormat="1" ht="69.900000000000006" customHeight="1" thickTop="1">
      <c r="A24" s="452" t="s">
        <v>25</v>
      </c>
      <c r="B24" s="453"/>
      <c r="C24" s="453"/>
      <c r="D24" s="453"/>
      <c r="E24" s="453"/>
      <c r="F24" s="453"/>
      <c r="G24" s="453"/>
      <c r="H24" s="453"/>
      <c r="I24" s="453"/>
      <c r="J24" s="453"/>
      <c r="K24" s="453"/>
      <c r="L24" s="454"/>
      <c r="M24" s="453"/>
      <c r="N24" s="453"/>
      <c r="O24" s="453"/>
      <c r="P24" s="455"/>
      <c r="Q24" s="122"/>
      <c r="R24" s="138"/>
      <c r="S24" s="162"/>
    </row>
    <row r="25" spans="1:258" s="67" customFormat="1" ht="75" customHeight="1">
      <c r="A25" s="456"/>
      <c r="B25" s="457"/>
      <c r="C25" s="457"/>
      <c r="D25" s="457"/>
      <c r="E25" s="457"/>
      <c r="F25" s="457"/>
      <c r="G25" s="457"/>
      <c r="H25" s="457"/>
      <c r="I25" s="457"/>
      <c r="J25" s="457"/>
      <c r="K25" s="457"/>
      <c r="L25" s="458"/>
      <c r="M25" s="457"/>
      <c r="N25" s="457"/>
      <c r="O25" s="457"/>
      <c r="P25" s="459"/>
      <c r="Q25" s="139"/>
      <c r="R25" s="138"/>
      <c r="S25" s="141"/>
      <c r="T25" s="64"/>
    </row>
    <row r="26" spans="1:258" s="67" customFormat="1" ht="75" customHeight="1" thickBot="1">
      <c r="A26" s="460"/>
      <c r="B26" s="461"/>
      <c r="C26" s="461"/>
      <c r="D26" s="461"/>
      <c r="E26" s="461"/>
      <c r="F26" s="461"/>
      <c r="G26" s="461"/>
      <c r="H26" s="461"/>
      <c r="I26" s="461"/>
      <c r="J26" s="461"/>
      <c r="K26" s="461"/>
      <c r="L26" s="462"/>
      <c r="M26" s="461"/>
      <c r="N26" s="461"/>
      <c r="O26" s="461"/>
      <c r="P26" s="463"/>
      <c r="Q26" s="139"/>
      <c r="R26" s="138"/>
      <c r="S26" s="141"/>
      <c r="T26" s="64"/>
    </row>
    <row r="27" spans="1:258" s="64" customFormat="1" ht="69.900000000000006" customHeight="1" thickBot="1">
      <c r="A27" s="443" t="s">
        <v>225</v>
      </c>
      <c r="B27" s="444"/>
      <c r="C27" s="444"/>
      <c r="D27" s="444"/>
      <c r="E27" s="444"/>
      <c r="F27" s="444"/>
      <c r="G27" s="444"/>
      <c r="H27" s="444"/>
      <c r="I27" s="444"/>
      <c r="J27" s="444"/>
      <c r="K27" s="444"/>
      <c r="L27" s="445"/>
      <c r="M27" s="444"/>
      <c r="N27" s="444"/>
      <c r="O27" s="444"/>
      <c r="P27" s="446"/>
      <c r="Q27" s="122"/>
      <c r="R27" s="138"/>
      <c r="S27" s="138"/>
    </row>
    <row r="28" spans="1:258" s="67" customFormat="1" ht="165.75" customHeight="1" thickTop="1" thickBot="1">
      <c r="A28" s="447" t="s">
        <v>226</v>
      </c>
      <c r="B28" s="351"/>
      <c r="C28" s="351"/>
      <c r="D28" s="351"/>
      <c r="E28" s="351"/>
      <c r="F28" s="351"/>
      <c r="G28" s="351"/>
      <c r="H28" s="351"/>
      <c r="I28" s="351"/>
      <c r="J28" s="351"/>
      <c r="K28" s="351"/>
      <c r="L28" s="352"/>
      <c r="M28" s="351"/>
      <c r="N28" s="351"/>
      <c r="O28" s="65" t="s">
        <v>20</v>
      </c>
      <c r="P28" s="66" t="s">
        <v>21</v>
      </c>
      <c r="Q28" s="139"/>
      <c r="R28" s="138"/>
      <c r="S28" s="137"/>
      <c r="T28" s="64"/>
    </row>
    <row r="29" spans="1:258" s="67" customFormat="1" ht="140.1" customHeight="1" thickTop="1" thickBot="1">
      <c r="A29" s="448" t="s">
        <v>227</v>
      </c>
      <c r="B29" s="449"/>
      <c r="C29" s="449"/>
      <c r="D29" s="449"/>
      <c r="E29" s="449"/>
      <c r="F29" s="449"/>
      <c r="G29" s="449"/>
      <c r="H29" s="449"/>
      <c r="I29" s="449"/>
      <c r="J29" s="449"/>
      <c r="K29" s="449"/>
      <c r="L29" s="295"/>
      <c r="M29" s="449"/>
      <c r="N29" s="449"/>
      <c r="O29" s="68" t="s">
        <v>20</v>
      </c>
      <c r="P29" s="69" t="s">
        <v>21</v>
      </c>
      <c r="Q29" s="139"/>
      <c r="R29" s="138"/>
      <c r="S29" s="137"/>
      <c r="T29" s="64"/>
    </row>
    <row r="30" spans="1:258" s="67" customFormat="1" ht="140.1" customHeight="1" thickTop="1" thickBot="1">
      <c r="A30" s="448" t="s">
        <v>228</v>
      </c>
      <c r="B30" s="449"/>
      <c r="C30" s="449"/>
      <c r="D30" s="449"/>
      <c r="E30" s="449"/>
      <c r="F30" s="449"/>
      <c r="G30" s="449"/>
      <c r="H30" s="449"/>
      <c r="I30" s="449"/>
      <c r="J30" s="449"/>
      <c r="K30" s="449"/>
      <c r="L30" s="295"/>
      <c r="M30" s="449"/>
      <c r="N30" s="449"/>
      <c r="O30" s="68" t="s">
        <v>20</v>
      </c>
      <c r="P30" s="69" t="s">
        <v>21</v>
      </c>
      <c r="Q30" s="139"/>
      <c r="R30" s="138"/>
      <c r="S30" s="137"/>
      <c r="T30" s="64"/>
    </row>
    <row r="31" spans="1:258" s="67" customFormat="1" ht="319.5" customHeight="1" thickTop="1" thickBot="1">
      <c r="A31" s="448" t="s">
        <v>30</v>
      </c>
      <c r="B31" s="449"/>
      <c r="C31" s="449"/>
      <c r="D31" s="449"/>
      <c r="E31" s="449"/>
      <c r="F31" s="449"/>
      <c r="G31" s="449"/>
      <c r="H31" s="449"/>
      <c r="I31" s="449"/>
      <c r="J31" s="449"/>
      <c r="K31" s="449"/>
      <c r="L31" s="295"/>
      <c r="M31" s="449"/>
      <c r="N31" s="449"/>
      <c r="O31" s="73" t="s">
        <v>20</v>
      </c>
      <c r="P31" s="74" t="s">
        <v>21</v>
      </c>
      <c r="Q31" s="139"/>
      <c r="R31" s="138"/>
      <c r="S31" s="137"/>
      <c r="T31" s="64"/>
    </row>
    <row r="32" spans="1:258" s="67" customFormat="1" ht="132" customHeight="1" thickTop="1" thickBot="1">
      <c r="A32" s="450" t="s">
        <v>31</v>
      </c>
      <c r="B32" s="451"/>
      <c r="C32" s="451"/>
      <c r="D32" s="451"/>
      <c r="E32" s="451"/>
      <c r="F32" s="451"/>
      <c r="G32" s="451"/>
      <c r="H32" s="451"/>
      <c r="I32" s="451"/>
      <c r="J32" s="451"/>
      <c r="K32" s="451"/>
      <c r="L32" s="349"/>
      <c r="M32" s="451"/>
      <c r="N32" s="451"/>
      <c r="O32" s="75" t="s">
        <v>20</v>
      </c>
      <c r="P32" s="136" t="s">
        <v>21</v>
      </c>
      <c r="Q32" s="139"/>
      <c r="R32" s="138"/>
      <c r="S32" s="137"/>
      <c r="T32" s="64"/>
    </row>
    <row r="33" spans="1:56" s="64" customFormat="1" ht="69.900000000000006" customHeight="1" thickTop="1">
      <c r="A33" s="452" t="s">
        <v>25</v>
      </c>
      <c r="B33" s="469"/>
      <c r="C33" s="469"/>
      <c r="D33" s="469"/>
      <c r="E33" s="469"/>
      <c r="F33" s="469"/>
      <c r="G33" s="469"/>
      <c r="H33" s="469"/>
      <c r="I33" s="469"/>
      <c r="J33" s="469"/>
      <c r="K33" s="469"/>
      <c r="L33" s="454"/>
      <c r="M33" s="469"/>
      <c r="N33" s="469"/>
      <c r="O33" s="469"/>
      <c r="P33" s="470"/>
      <c r="Q33" s="122"/>
      <c r="R33" s="138"/>
      <c r="S33" s="162"/>
    </row>
    <row r="34" spans="1:56" s="67" customFormat="1" ht="75" customHeight="1">
      <c r="A34" s="456"/>
      <c r="B34" s="457"/>
      <c r="C34" s="457"/>
      <c r="D34" s="457"/>
      <c r="E34" s="457"/>
      <c r="F34" s="457"/>
      <c r="G34" s="457"/>
      <c r="H34" s="457"/>
      <c r="I34" s="457"/>
      <c r="J34" s="457"/>
      <c r="K34" s="457"/>
      <c r="L34" s="458"/>
      <c r="M34" s="457"/>
      <c r="N34" s="457"/>
      <c r="O34" s="457"/>
      <c r="P34" s="459"/>
      <c r="Q34" s="139"/>
      <c r="R34" s="138"/>
      <c r="S34" s="141"/>
      <c r="T34" s="64"/>
    </row>
    <row r="35" spans="1:56" s="67" customFormat="1" ht="75" customHeight="1" thickBot="1">
      <c r="A35" s="460"/>
      <c r="B35" s="461"/>
      <c r="C35" s="461"/>
      <c r="D35" s="461"/>
      <c r="E35" s="461"/>
      <c r="F35" s="461"/>
      <c r="G35" s="461"/>
      <c r="H35" s="461"/>
      <c r="I35" s="461"/>
      <c r="J35" s="461"/>
      <c r="K35" s="461"/>
      <c r="L35" s="462"/>
      <c r="M35" s="461"/>
      <c r="N35" s="461"/>
      <c r="O35" s="461"/>
      <c r="P35" s="463"/>
      <c r="Q35" s="139"/>
      <c r="R35" s="138"/>
      <c r="S35" s="141"/>
      <c r="T35" s="64"/>
    </row>
    <row r="36" spans="1:56" s="64" customFormat="1" ht="69.900000000000006" customHeight="1" thickBot="1">
      <c r="A36" s="443" t="s">
        <v>32</v>
      </c>
      <c r="B36" s="475"/>
      <c r="C36" s="475"/>
      <c r="D36" s="475"/>
      <c r="E36" s="475"/>
      <c r="F36" s="475"/>
      <c r="G36" s="475"/>
      <c r="H36" s="475"/>
      <c r="I36" s="475"/>
      <c r="J36" s="475"/>
      <c r="K36" s="475"/>
      <c r="L36" s="475"/>
      <c r="M36" s="475"/>
      <c r="N36" s="475"/>
      <c r="O36" s="475"/>
      <c r="P36" s="476"/>
      <c r="Q36" s="139"/>
      <c r="R36" s="138"/>
      <c r="S36" s="78"/>
      <c r="T36" s="76"/>
      <c r="U36" s="76"/>
      <c r="V36" s="76"/>
      <c r="W36" s="76"/>
      <c r="X36" s="76"/>
      <c r="Y36" s="76"/>
      <c r="Z36" s="76"/>
      <c r="AA36" s="76"/>
      <c r="AB36" s="76"/>
      <c r="AC36" s="76"/>
      <c r="AD36" s="76"/>
      <c r="AE36" s="76"/>
      <c r="AF36" s="76"/>
      <c r="AG36" s="76"/>
      <c r="AH36" s="76"/>
      <c r="AI36" s="76"/>
      <c r="AJ36" s="76"/>
      <c r="AK36" s="76"/>
      <c r="AL36" s="76"/>
      <c r="AM36" s="76"/>
      <c r="AN36" s="76"/>
      <c r="AO36" s="76"/>
      <c r="AP36" s="76"/>
      <c r="AQ36" s="76"/>
      <c r="AR36" s="76"/>
      <c r="AS36" s="76"/>
      <c r="AT36" s="76"/>
      <c r="AU36" s="76"/>
      <c r="AV36" s="76"/>
      <c r="AW36" s="76"/>
      <c r="AX36" s="76"/>
      <c r="AY36" s="76"/>
      <c r="AZ36" s="76"/>
      <c r="BA36" s="76"/>
      <c r="BB36" s="76"/>
      <c r="BC36" s="76"/>
      <c r="BD36" s="76"/>
    </row>
    <row r="37" spans="1:56" s="67" customFormat="1" ht="409.6" customHeight="1" thickTop="1" thickBot="1">
      <c r="A37" s="477" t="s">
        <v>33</v>
      </c>
      <c r="B37" s="478"/>
      <c r="C37" s="478"/>
      <c r="D37" s="478"/>
      <c r="E37" s="478"/>
      <c r="F37" s="478"/>
      <c r="G37" s="478"/>
      <c r="H37" s="478"/>
      <c r="I37" s="478"/>
      <c r="J37" s="478"/>
      <c r="K37" s="478"/>
      <c r="L37" s="379"/>
      <c r="M37" s="478"/>
      <c r="N37" s="478"/>
      <c r="O37" s="481" t="s">
        <v>20</v>
      </c>
      <c r="P37" s="483" t="s">
        <v>21</v>
      </c>
      <c r="Q37" s="139"/>
      <c r="R37" s="138"/>
      <c r="S37" s="464"/>
      <c r="T37" s="76"/>
      <c r="U37" s="77"/>
      <c r="V37" s="77"/>
      <c r="W37" s="77"/>
      <c r="X37" s="77"/>
      <c r="Y37" s="77"/>
      <c r="Z37" s="77"/>
      <c r="AA37" s="77"/>
      <c r="AB37" s="77"/>
      <c r="AC37" s="77"/>
      <c r="AD37" s="77"/>
      <c r="AE37" s="77"/>
      <c r="AF37" s="77"/>
      <c r="AG37" s="77"/>
      <c r="AH37" s="77"/>
      <c r="AI37" s="77"/>
      <c r="AJ37" s="77"/>
      <c r="AK37" s="77"/>
      <c r="AL37" s="77"/>
      <c r="AM37" s="77"/>
      <c r="AN37" s="77"/>
      <c r="AO37" s="77"/>
      <c r="AP37" s="77"/>
      <c r="AQ37" s="77"/>
      <c r="AR37" s="77"/>
      <c r="AS37" s="77"/>
      <c r="AT37" s="77"/>
      <c r="AU37" s="77"/>
      <c r="AV37" s="77"/>
      <c r="AW37" s="77"/>
      <c r="AX37" s="77"/>
      <c r="AY37" s="77"/>
      <c r="AZ37" s="77"/>
      <c r="BA37" s="77"/>
      <c r="BB37" s="77"/>
      <c r="BC37" s="77"/>
      <c r="BD37" s="77"/>
    </row>
    <row r="38" spans="1:56" s="67" customFormat="1" ht="322.5" customHeight="1" thickTop="1" thickBot="1">
      <c r="A38" s="479"/>
      <c r="B38" s="480"/>
      <c r="C38" s="480"/>
      <c r="D38" s="480"/>
      <c r="E38" s="480"/>
      <c r="F38" s="480"/>
      <c r="G38" s="480"/>
      <c r="H38" s="480"/>
      <c r="I38" s="480"/>
      <c r="J38" s="480"/>
      <c r="K38" s="480"/>
      <c r="L38" s="379"/>
      <c r="M38" s="480"/>
      <c r="N38" s="480"/>
      <c r="O38" s="482"/>
      <c r="P38" s="484"/>
      <c r="Q38" s="139"/>
      <c r="R38" s="138"/>
      <c r="S38" s="465"/>
      <c r="T38" s="76"/>
      <c r="U38" s="77"/>
      <c r="V38" s="77"/>
      <c r="W38" s="77"/>
      <c r="X38" s="77"/>
      <c r="Y38" s="77"/>
      <c r="Z38" s="77"/>
      <c r="AA38" s="77"/>
      <c r="AB38" s="77"/>
      <c r="AC38" s="77"/>
      <c r="AD38" s="77"/>
      <c r="AE38" s="77"/>
      <c r="AF38" s="77"/>
      <c r="AG38" s="77"/>
      <c r="AH38" s="77"/>
      <c r="AI38" s="77"/>
      <c r="AJ38" s="77"/>
      <c r="AK38" s="77"/>
      <c r="AL38" s="77"/>
      <c r="AM38" s="77"/>
      <c r="AN38" s="77"/>
      <c r="AO38" s="77"/>
      <c r="AP38" s="77"/>
      <c r="AQ38" s="77"/>
      <c r="AR38" s="77"/>
      <c r="AS38" s="77"/>
      <c r="AT38" s="77"/>
      <c r="AU38" s="77"/>
      <c r="AV38" s="77"/>
      <c r="AW38" s="77"/>
      <c r="AX38" s="77"/>
      <c r="AY38" s="77"/>
      <c r="AZ38" s="77"/>
      <c r="BA38" s="77"/>
      <c r="BB38" s="77"/>
      <c r="BC38" s="77"/>
      <c r="BD38" s="77"/>
    </row>
    <row r="39" spans="1:56" s="67" customFormat="1" ht="140.1" customHeight="1" thickTop="1" thickBot="1">
      <c r="A39" s="466" t="s">
        <v>34</v>
      </c>
      <c r="B39" s="449"/>
      <c r="C39" s="449"/>
      <c r="D39" s="449"/>
      <c r="E39" s="449"/>
      <c r="F39" s="449"/>
      <c r="G39" s="449"/>
      <c r="H39" s="449"/>
      <c r="I39" s="449"/>
      <c r="J39" s="449"/>
      <c r="K39" s="449"/>
      <c r="L39" s="295"/>
      <c r="M39" s="449"/>
      <c r="N39" s="449"/>
      <c r="O39" s="73" t="s">
        <v>20</v>
      </c>
      <c r="P39" s="74" t="s">
        <v>21</v>
      </c>
      <c r="Q39" s="139"/>
      <c r="R39" s="138"/>
      <c r="S39" s="137"/>
      <c r="T39" s="76"/>
      <c r="U39" s="77"/>
      <c r="V39" s="77"/>
      <c r="W39" s="77"/>
      <c r="X39" s="77"/>
      <c r="Y39" s="77"/>
      <c r="Z39" s="77"/>
      <c r="AA39" s="77"/>
      <c r="AB39" s="77"/>
      <c r="AC39" s="77"/>
      <c r="AD39" s="77"/>
      <c r="AE39" s="77"/>
      <c r="AF39" s="77"/>
      <c r="AG39" s="77"/>
      <c r="AH39" s="77"/>
      <c r="AI39" s="77"/>
      <c r="AJ39" s="77"/>
      <c r="AK39" s="77"/>
      <c r="AL39" s="77"/>
      <c r="AM39" s="77"/>
      <c r="AN39" s="77"/>
      <c r="AO39" s="77"/>
      <c r="AP39" s="77"/>
      <c r="AQ39" s="77"/>
      <c r="AR39" s="77"/>
      <c r="AS39" s="77"/>
      <c r="AT39" s="77"/>
      <c r="AU39" s="77"/>
      <c r="AV39" s="77"/>
      <c r="AW39" s="77"/>
      <c r="AX39" s="77"/>
      <c r="AY39" s="77"/>
      <c r="AZ39" s="77"/>
      <c r="BA39" s="77"/>
      <c r="BB39" s="77"/>
      <c r="BC39" s="77"/>
      <c r="BD39" s="77"/>
    </row>
    <row r="40" spans="1:56" s="67" customFormat="1" ht="140.1" customHeight="1" thickTop="1" thickBot="1">
      <c r="A40" s="467" t="s">
        <v>35</v>
      </c>
      <c r="B40" s="451"/>
      <c r="C40" s="451"/>
      <c r="D40" s="451"/>
      <c r="E40" s="451"/>
      <c r="F40" s="451"/>
      <c r="G40" s="451"/>
      <c r="H40" s="451"/>
      <c r="I40" s="451"/>
      <c r="J40" s="451"/>
      <c r="K40" s="451"/>
      <c r="L40" s="349"/>
      <c r="M40" s="451"/>
      <c r="N40" s="451"/>
      <c r="O40" s="75" t="s">
        <v>20</v>
      </c>
      <c r="P40" s="136" t="s">
        <v>21</v>
      </c>
      <c r="Q40" s="139"/>
      <c r="R40" s="138"/>
      <c r="S40" s="137"/>
      <c r="T40" s="76"/>
      <c r="U40" s="77"/>
      <c r="V40" s="77"/>
      <c r="W40" s="77"/>
      <c r="X40" s="77"/>
      <c r="Y40" s="77"/>
      <c r="Z40" s="77"/>
      <c r="AA40" s="77"/>
      <c r="AB40" s="77"/>
      <c r="AC40" s="77"/>
      <c r="AD40" s="77"/>
      <c r="AE40" s="77"/>
      <c r="AF40" s="77"/>
      <c r="AG40" s="77"/>
      <c r="AH40" s="77"/>
      <c r="AI40" s="77"/>
      <c r="AJ40" s="77"/>
      <c r="AK40" s="77"/>
      <c r="AL40" s="77"/>
      <c r="AM40" s="77"/>
      <c r="AN40" s="77"/>
      <c r="AO40" s="77"/>
      <c r="AP40" s="77"/>
      <c r="AQ40" s="77"/>
      <c r="AR40" s="77"/>
      <c r="AS40" s="77"/>
      <c r="AT40" s="77"/>
      <c r="AU40" s="77"/>
      <c r="AV40" s="77"/>
      <c r="AW40" s="77"/>
      <c r="AX40" s="77"/>
      <c r="AY40" s="77"/>
      <c r="AZ40" s="77"/>
      <c r="BA40" s="77"/>
      <c r="BB40" s="77"/>
      <c r="BC40" s="77"/>
      <c r="BD40" s="77"/>
    </row>
    <row r="41" spans="1:56" s="64" customFormat="1" ht="69.900000000000006" customHeight="1" thickTop="1">
      <c r="A41" s="468" t="s">
        <v>25</v>
      </c>
      <c r="B41" s="469"/>
      <c r="C41" s="469"/>
      <c r="D41" s="469"/>
      <c r="E41" s="469"/>
      <c r="F41" s="469"/>
      <c r="G41" s="469"/>
      <c r="H41" s="469"/>
      <c r="I41" s="469"/>
      <c r="J41" s="469"/>
      <c r="K41" s="469"/>
      <c r="L41" s="454"/>
      <c r="M41" s="469"/>
      <c r="N41" s="469"/>
      <c r="O41" s="469"/>
      <c r="P41" s="470"/>
      <c r="Q41" s="122"/>
      <c r="R41" s="138"/>
      <c r="S41" s="162"/>
    </row>
    <row r="42" spans="1:56" s="67" customFormat="1" ht="75" customHeight="1">
      <c r="A42" s="456"/>
      <c r="B42" s="457"/>
      <c r="C42" s="457"/>
      <c r="D42" s="457"/>
      <c r="E42" s="457"/>
      <c r="F42" s="457"/>
      <c r="G42" s="457"/>
      <c r="H42" s="457"/>
      <c r="I42" s="457"/>
      <c r="J42" s="457"/>
      <c r="K42" s="457"/>
      <c r="L42" s="458"/>
      <c r="M42" s="457"/>
      <c r="N42" s="457"/>
      <c r="O42" s="457"/>
      <c r="P42" s="459"/>
      <c r="Q42" s="139"/>
      <c r="R42" s="138"/>
      <c r="S42" s="141"/>
      <c r="T42" s="64"/>
    </row>
    <row r="43" spans="1:56" s="67" customFormat="1" ht="75" customHeight="1" thickBot="1">
      <c r="A43" s="471"/>
      <c r="B43" s="472"/>
      <c r="C43" s="472"/>
      <c r="D43" s="472"/>
      <c r="E43" s="472"/>
      <c r="F43" s="472"/>
      <c r="G43" s="472"/>
      <c r="H43" s="472"/>
      <c r="I43" s="472"/>
      <c r="J43" s="472"/>
      <c r="K43" s="472"/>
      <c r="L43" s="473"/>
      <c r="M43" s="472"/>
      <c r="N43" s="472"/>
      <c r="O43" s="472"/>
      <c r="P43" s="474"/>
      <c r="Q43" s="139"/>
      <c r="R43" s="138"/>
      <c r="S43" s="141"/>
      <c r="T43" s="64"/>
    </row>
    <row r="44" spans="1:56" s="64" customFormat="1" ht="69.900000000000006" customHeight="1" thickBot="1">
      <c r="A44" s="443" t="s">
        <v>36</v>
      </c>
      <c r="B44" s="475"/>
      <c r="C44" s="475"/>
      <c r="D44" s="475"/>
      <c r="E44" s="475"/>
      <c r="F44" s="475"/>
      <c r="G44" s="475"/>
      <c r="H44" s="475"/>
      <c r="I44" s="475"/>
      <c r="J44" s="475"/>
      <c r="K44" s="475"/>
      <c r="L44" s="475"/>
      <c r="M44" s="475"/>
      <c r="N44" s="475"/>
      <c r="O44" s="475"/>
      <c r="P44" s="476"/>
      <c r="Q44" s="139"/>
      <c r="R44" s="138"/>
      <c r="S44" s="209" t="s">
        <v>229</v>
      </c>
      <c r="T44" s="76"/>
      <c r="U44" s="76"/>
      <c r="V44" s="76"/>
      <c r="W44" s="76"/>
      <c r="X44" s="76"/>
      <c r="Y44" s="76"/>
      <c r="Z44" s="76"/>
      <c r="AA44" s="76"/>
      <c r="AB44" s="76"/>
      <c r="AC44" s="76"/>
      <c r="AD44" s="76"/>
      <c r="AE44" s="76"/>
      <c r="AF44" s="76"/>
      <c r="AG44" s="76"/>
      <c r="AH44" s="76"/>
      <c r="AI44" s="76"/>
      <c r="AJ44" s="76"/>
      <c r="AK44" s="76"/>
      <c r="AL44" s="76"/>
      <c r="AM44" s="76"/>
      <c r="AN44" s="76"/>
      <c r="AO44" s="76"/>
      <c r="AP44" s="76"/>
      <c r="AQ44" s="76"/>
      <c r="AR44" s="76"/>
      <c r="AS44" s="76"/>
      <c r="AT44" s="76"/>
      <c r="AU44" s="76"/>
      <c r="AV44" s="76"/>
      <c r="AW44" s="76"/>
      <c r="AX44" s="76"/>
      <c r="AY44" s="76"/>
      <c r="AZ44" s="76"/>
      <c r="BA44" s="76"/>
      <c r="BB44" s="76"/>
      <c r="BC44" s="76"/>
      <c r="BD44" s="76"/>
    </row>
    <row r="45" spans="1:56" s="67" customFormat="1" ht="69.900000000000006" customHeight="1" thickBot="1">
      <c r="A45" s="485" t="s">
        <v>38</v>
      </c>
      <c r="B45" s="486"/>
      <c r="C45" s="486"/>
      <c r="D45" s="486"/>
      <c r="E45" s="486"/>
      <c r="F45" s="486"/>
      <c r="G45" s="486"/>
      <c r="H45" s="486"/>
      <c r="I45" s="486"/>
      <c r="J45" s="486"/>
      <c r="K45" s="486"/>
      <c r="L45" s="352"/>
      <c r="M45" s="486"/>
      <c r="N45" s="486"/>
      <c r="O45" s="486"/>
      <c r="P45" s="487"/>
      <c r="Q45" s="139"/>
      <c r="R45" s="138"/>
      <c r="S45" s="78"/>
      <c r="T45" s="76"/>
      <c r="U45" s="77"/>
      <c r="V45" s="77"/>
      <c r="W45" s="77"/>
      <c r="X45" s="77"/>
      <c r="Y45" s="77"/>
      <c r="Z45" s="77"/>
      <c r="AA45" s="77"/>
      <c r="AB45" s="77"/>
      <c r="AC45" s="77"/>
      <c r="AD45" s="77"/>
      <c r="AE45" s="77"/>
      <c r="AF45" s="77"/>
      <c r="AG45" s="77"/>
      <c r="AH45" s="77"/>
      <c r="AI45" s="77"/>
      <c r="AJ45" s="77"/>
      <c r="AK45" s="77"/>
      <c r="AL45" s="77"/>
      <c r="AM45" s="77"/>
      <c r="AN45" s="77"/>
      <c r="AO45" s="77"/>
      <c r="AP45" s="77"/>
      <c r="AQ45" s="77"/>
      <c r="AR45" s="77"/>
      <c r="AS45" s="77"/>
      <c r="AT45" s="77"/>
      <c r="AU45" s="77"/>
      <c r="AV45" s="77"/>
      <c r="AW45" s="77"/>
      <c r="AX45" s="77"/>
      <c r="AY45" s="77"/>
      <c r="AZ45" s="77"/>
      <c r="BA45" s="77"/>
      <c r="BB45" s="77"/>
      <c r="BC45" s="77"/>
      <c r="BD45" s="77"/>
    </row>
    <row r="46" spans="1:56" s="67" customFormat="1" ht="409.5" customHeight="1" thickTop="1" thickBot="1">
      <c r="A46" s="467" t="s">
        <v>39</v>
      </c>
      <c r="B46" s="451"/>
      <c r="C46" s="451"/>
      <c r="D46" s="451"/>
      <c r="E46" s="451"/>
      <c r="F46" s="451"/>
      <c r="G46" s="451"/>
      <c r="H46" s="451"/>
      <c r="I46" s="451"/>
      <c r="J46" s="451"/>
      <c r="K46" s="451"/>
      <c r="L46" s="349"/>
      <c r="M46" s="451"/>
      <c r="N46" s="451"/>
      <c r="O46" s="68" t="s">
        <v>20</v>
      </c>
      <c r="P46" s="69" t="s">
        <v>21</v>
      </c>
      <c r="Q46" s="139"/>
      <c r="R46" s="138"/>
      <c r="S46" s="137"/>
      <c r="T46" s="76"/>
      <c r="U46" s="77"/>
      <c r="V46" s="77"/>
      <c r="W46" s="77"/>
      <c r="X46" s="77"/>
      <c r="Y46" s="77"/>
      <c r="Z46" s="77"/>
      <c r="AA46" s="77"/>
      <c r="AB46" s="77"/>
      <c r="AC46" s="77"/>
      <c r="AD46" s="77"/>
      <c r="AE46" s="77"/>
      <c r="AF46" s="77"/>
      <c r="AG46" s="77"/>
      <c r="AH46" s="77"/>
      <c r="AI46" s="77"/>
      <c r="AJ46" s="77"/>
      <c r="AK46" s="77"/>
      <c r="AL46" s="77"/>
      <c r="AM46" s="77"/>
      <c r="AN46" s="77"/>
      <c r="AO46" s="77"/>
      <c r="AP46" s="77"/>
      <c r="AQ46" s="77"/>
      <c r="AR46" s="77"/>
      <c r="AS46" s="77"/>
      <c r="AT46" s="77"/>
      <c r="AU46" s="77"/>
      <c r="AV46" s="77"/>
      <c r="AW46" s="77"/>
      <c r="AX46" s="77"/>
      <c r="AY46" s="77"/>
      <c r="AZ46" s="77"/>
      <c r="BA46" s="77"/>
      <c r="BB46" s="77"/>
      <c r="BC46" s="77"/>
      <c r="BD46" s="77"/>
    </row>
    <row r="47" spans="1:56" s="67" customFormat="1" ht="140.1" customHeight="1" thickTop="1" thickBot="1">
      <c r="A47" s="466" t="s">
        <v>230</v>
      </c>
      <c r="B47" s="449"/>
      <c r="C47" s="449"/>
      <c r="D47" s="449"/>
      <c r="E47" s="449"/>
      <c r="F47" s="449"/>
      <c r="G47" s="449"/>
      <c r="H47" s="449"/>
      <c r="I47" s="449"/>
      <c r="J47" s="449"/>
      <c r="K47" s="449"/>
      <c r="L47" s="295"/>
      <c r="M47" s="449"/>
      <c r="N47" s="449"/>
      <c r="O47" s="68" t="s">
        <v>20</v>
      </c>
      <c r="P47" s="69" t="s">
        <v>21</v>
      </c>
      <c r="Q47" s="139"/>
      <c r="R47" s="138"/>
      <c r="S47" s="137"/>
      <c r="T47" s="76"/>
      <c r="U47" s="77"/>
      <c r="V47" s="77"/>
      <c r="W47" s="77"/>
      <c r="X47" s="77"/>
      <c r="Y47" s="77"/>
      <c r="Z47" s="77"/>
      <c r="AA47" s="77"/>
      <c r="AB47" s="77"/>
      <c r="AC47" s="77"/>
      <c r="AD47" s="77"/>
      <c r="AE47" s="77"/>
      <c r="AF47" s="77"/>
      <c r="AG47" s="77"/>
      <c r="AH47" s="77"/>
      <c r="AI47" s="77"/>
      <c r="AJ47" s="77"/>
      <c r="AK47" s="77"/>
      <c r="AL47" s="77"/>
      <c r="AM47" s="77"/>
      <c r="AN47" s="77"/>
      <c r="AO47" s="77"/>
      <c r="AP47" s="77"/>
      <c r="AQ47" s="77"/>
      <c r="AR47" s="77"/>
      <c r="AS47" s="77"/>
      <c r="AT47" s="77"/>
      <c r="AU47" s="77"/>
      <c r="AV47" s="77"/>
      <c r="AW47" s="77"/>
      <c r="AX47" s="77"/>
      <c r="AY47" s="77"/>
      <c r="AZ47" s="77"/>
      <c r="BA47" s="77"/>
      <c r="BB47" s="77"/>
      <c r="BC47" s="77"/>
      <c r="BD47" s="77"/>
    </row>
    <row r="48" spans="1:56" s="67" customFormat="1" ht="216" customHeight="1" thickTop="1" thickBot="1">
      <c r="A48" s="466" t="s">
        <v>231</v>
      </c>
      <c r="B48" s="449"/>
      <c r="C48" s="449"/>
      <c r="D48" s="449"/>
      <c r="E48" s="449"/>
      <c r="F48" s="449"/>
      <c r="G48" s="449"/>
      <c r="H48" s="449"/>
      <c r="I48" s="449"/>
      <c r="J48" s="449"/>
      <c r="K48" s="449"/>
      <c r="L48" s="295"/>
      <c r="M48" s="449"/>
      <c r="N48" s="79" t="s">
        <v>24</v>
      </c>
      <c r="O48" s="68" t="s">
        <v>20</v>
      </c>
      <c r="P48" s="69" t="s">
        <v>21</v>
      </c>
      <c r="Q48" s="139"/>
      <c r="R48" s="138"/>
      <c r="S48" s="137"/>
      <c r="T48" s="76"/>
      <c r="U48" s="77"/>
      <c r="V48" s="77"/>
      <c r="W48" s="77"/>
      <c r="X48" s="77"/>
      <c r="Y48" s="77"/>
      <c r="Z48" s="77"/>
      <c r="AA48" s="77"/>
      <c r="AB48" s="77"/>
      <c r="AC48" s="77"/>
      <c r="AD48" s="77"/>
      <c r="AE48" s="77"/>
      <c r="AF48" s="77"/>
      <c r="AG48" s="77"/>
      <c r="AH48" s="77"/>
      <c r="AI48" s="77"/>
      <c r="AJ48" s="77"/>
      <c r="AK48" s="77"/>
      <c r="AL48" s="77"/>
      <c r="AM48" s="77"/>
      <c r="AN48" s="77"/>
      <c r="AO48" s="77"/>
      <c r="AP48" s="77"/>
      <c r="AQ48" s="77"/>
      <c r="AR48" s="77"/>
      <c r="AS48" s="77"/>
      <c r="AT48" s="77"/>
      <c r="AU48" s="77"/>
      <c r="AV48" s="77"/>
      <c r="AW48" s="77"/>
      <c r="AX48" s="77"/>
      <c r="AY48" s="77"/>
      <c r="AZ48" s="77"/>
      <c r="BA48" s="77"/>
      <c r="BB48" s="77"/>
      <c r="BC48" s="77"/>
      <c r="BD48" s="77"/>
    </row>
    <row r="49" spans="1:56" s="67" customFormat="1" ht="140.1" customHeight="1" thickTop="1" thickBot="1">
      <c r="A49" s="466" t="s">
        <v>232</v>
      </c>
      <c r="B49" s="449"/>
      <c r="C49" s="449"/>
      <c r="D49" s="449"/>
      <c r="E49" s="449"/>
      <c r="F49" s="449"/>
      <c r="G49" s="449"/>
      <c r="H49" s="449"/>
      <c r="I49" s="449"/>
      <c r="J49" s="449"/>
      <c r="K49" s="449"/>
      <c r="L49" s="295"/>
      <c r="M49" s="449"/>
      <c r="N49" s="79" t="s">
        <v>24</v>
      </c>
      <c r="O49" s="68" t="s">
        <v>20</v>
      </c>
      <c r="P49" s="69" t="s">
        <v>21</v>
      </c>
      <c r="Q49" s="139"/>
      <c r="R49" s="138"/>
      <c r="S49" s="137"/>
      <c r="T49" s="76"/>
      <c r="U49" s="77"/>
      <c r="V49" s="77"/>
      <c r="W49" s="77"/>
      <c r="X49" s="77"/>
      <c r="Y49" s="77"/>
      <c r="Z49" s="77"/>
      <c r="AA49" s="77"/>
      <c r="AB49" s="77"/>
      <c r="AC49" s="77"/>
      <c r="AD49" s="77"/>
      <c r="AE49" s="77"/>
      <c r="AF49" s="77"/>
      <c r="AG49" s="77"/>
      <c r="AH49" s="77"/>
      <c r="AI49" s="77"/>
      <c r="AJ49" s="77"/>
      <c r="AK49" s="77"/>
      <c r="AL49" s="77"/>
      <c r="AM49" s="77"/>
      <c r="AN49" s="77"/>
      <c r="AO49" s="77"/>
      <c r="AP49" s="77"/>
      <c r="AQ49" s="77"/>
      <c r="AR49" s="77"/>
      <c r="AS49" s="77"/>
      <c r="AT49" s="77"/>
      <c r="AU49" s="77"/>
      <c r="AV49" s="77"/>
      <c r="AW49" s="77"/>
      <c r="AX49" s="77"/>
      <c r="AY49" s="77"/>
      <c r="AZ49" s="77"/>
      <c r="BA49" s="77"/>
      <c r="BB49" s="77"/>
      <c r="BC49" s="77"/>
      <c r="BD49" s="77"/>
    </row>
    <row r="50" spans="1:56" s="67" customFormat="1" ht="140.1" customHeight="1" thickTop="1" thickBot="1">
      <c r="A50" s="466" t="s">
        <v>233</v>
      </c>
      <c r="B50" s="449"/>
      <c r="C50" s="449"/>
      <c r="D50" s="449"/>
      <c r="E50" s="449"/>
      <c r="F50" s="449"/>
      <c r="G50" s="449"/>
      <c r="H50" s="449"/>
      <c r="I50" s="449"/>
      <c r="J50" s="449"/>
      <c r="K50" s="449"/>
      <c r="L50" s="295"/>
      <c r="M50" s="449"/>
      <c r="N50" s="79" t="s">
        <v>24</v>
      </c>
      <c r="O50" s="68" t="s">
        <v>20</v>
      </c>
      <c r="P50" s="69" t="s">
        <v>21</v>
      </c>
      <c r="Q50" s="139"/>
      <c r="R50" s="138"/>
      <c r="S50" s="137"/>
      <c r="T50" s="76"/>
      <c r="U50" s="77"/>
      <c r="V50" s="77"/>
      <c r="W50" s="77"/>
      <c r="X50" s="77"/>
      <c r="Y50" s="77"/>
      <c r="Z50" s="77"/>
      <c r="AA50" s="77"/>
      <c r="AB50" s="77"/>
      <c r="AC50" s="77"/>
      <c r="AD50" s="77"/>
      <c r="AE50" s="77"/>
      <c r="AF50" s="77"/>
      <c r="AG50" s="77"/>
      <c r="AH50" s="77"/>
      <c r="AI50" s="77"/>
      <c r="AJ50" s="77"/>
      <c r="AK50" s="77"/>
      <c r="AL50" s="77"/>
      <c r="AM50" s="77"/>
      <c r="AN50" s="77"/>
      <c r="AO50" s="77"/>
      <c r="AP50" s="77"/>
      <c r="AQ50" s="77"/>
      <c r="AR50" s="77"/>
      <c r="AS50" s="77"/>
      <c r="AT50" s="77"/>
      <c r="AU50" s="77"/>
      <c r="AV50" s="77"/>
      <c r="AW50" s="77"/>
      <c r="AX50" s="77"/>
      <c r="AY50" s="77"/>
      <c r="AZ50" s="77"/>
      <c r="BA50" s="77"/>
      <c r="BB50" s="77"/>
      <c r="BC50" s="77"/>
      <c r="BD50" s="77"/>
    </row>
    <row r="51" spans="1:56" s="67" customFormat="1" ht="140.1" customHeight="1" thickTop="1" thickBot="1">
      <c r="A51" s="466" t="s">
        <v>234</v>
      </c>
      <c r="B51" s="449"/>
      <c r="C51" s="449"/>
      <c r="D51" s="449"/>
      <c r="E51" s="449"/>
      <c r="F51" s="449"/>
      <c r="G51" s="449"/>
      <c r="H51" s="449"/>
      <c r="I51" s="449"/>
      <c r="J51" s="449"/>
      <c r="K51" s="449"/>
      <c r="L51" s="295"/>
      <c r="M51" s="449"/>
      <c r="N51" s="79" t="s">
        <v>24</v>
      </c>
      <c r="O51" s="68" t="s">
        <v>20</v>
      </c>
      <c r="P51" s="69" t="s">
        <v>21</v>
      </c>
      <c r="Q51" s="139"/>
      <c r="R51" s="138"/>
      <c r="S51" s="137"/>
      <c r="T51" s="76"/>
      <c r="U51" s="77"/>
      <c r="V51" s="77"/>
      <c r="W51" s="77"/>
      <c r="X51" s="77"/>
      <c r="Y51" s="77"/>
      <c r="Z51" s="77"/>
      <c r="AA51" s="77"/>
      <c r="AB51" s="77"/>
      <c r="AC51" s="77"/>
      <c r="AD51" s="77"/>
      <c r="AE51" s="77"/>
      <c r="AF51" s="77"/>
      <c r="AG51" s="77"/>
      <c r="AH51" s="77"/>
      <c r="AI51" s="77"/>
      <c r="AJ51" s="77"/>
      <c r="AK51" s="77"/>
      <c r="AL51" s="77"/>
      <c r="AM51" s="77"/>
      <c r="AN51" s="77"/>
      <c r="AO51" s="77"/>
      <c r="AP51" s="77"/>
      <c r="AQ51" s="77"/>
      <c r="AR51" s="77"/>
      <c r="AS51" s="77"/>
      <c r="AT51" s="77"/>
      <c r="AU51" s="77"/>
      <c r="AV51" s="77"/>
      <c r="AW51" s="77"/>
      <c r="AX51" s="77"/>
      <c r="AY51" s="77"/>
      <c r="AZ51" s="77"/>
      <c r="BA51" s="77"/>
      <c r="BB51" s="77"/>
      <c r="BC51" s="77"/>
      <c r="BD51" s="77"/>
    </row>
    <row r="52" spans="1:56" s="67" customFormat="1" ht="140.1" customHeight="1" thickTop="1" thickBot="1">
      <c r="A52" s="466" t="s">
        <v>235</v>
      </c>
      <c r="B52" s="449"/>
      <c r="C52" s="449"/>
      <c r="D52" s="449"/>
      <c r="E52" s="449"/>
      <c r="F52" s="449"/>
      <c r="G52" s="449"/>
      <c r="H52" s="449"/>
      <c r="I52" s="449"/>
      <c r="J52" s="449"/>
      <c r="K52" s="449"/>
      <c r="L52" s="295"/>
      <c r="M52" s="449"/>
      <c r="N52" s="449"/>
      <c r="O52" s="68" t="s">
        <v>20</v>
      </c>
      <c r="P52" s="69" t="s">
        <v>21</v>
      </c>
      <c r="Q52" s="139"/>
      <c r="R52" s="138"/>
      <c r="S52" s="137"/>
      <c r="T52" s="76"/>
      <c r="U52" s="77"/>
      <c r="V52" s="77"/>
      <c r="W52" s="77"/>
      <c r="X52" s="77"/>
      <c r="Y52" s="77"/>
      <c r="Z52" s="77"/>
      <c r="AA52" s="77"/>
      <c r="AB52" s="77"/>
      <c r="AC52" s="77"/>
      <c r="AD52" s="77"/>
      <c r="AE52" s="77"/>
      <c r="AF52" s="77"/>
      <c r="AG52" s="77"/>
      <c r="AH52" s="77"/>
      <c r="AI52" s="77"/>
      <c r="AJ52" s="77"/>
      <c r="AK52" s="77"/>
      <c r="AL52" s="77"/>
      <c r="AM52" s="77"/>
      <c r="AN52" s="77"/>
      <c r="AO52" s="77"/>
      <c r="AP52" s="77"/>
      <c r="AQ52" s="77"/>
      <c r="AR52" s="77"/>
      <c r="AS52" s="77"/>
      <c r="AT52" s="77"/>
      <c r="AU52" s="77"/>
      <c r="AV52" s="77"/>
      <c r="AW52" s="77"/>
      <c r="AX52" s="77"/>
      <c r="AY52" s="77"/>
      <c r="AZ52" s="77"/>
      <c r="BA52" s="77"/>
      <c r="BB52" s="77"/>
      <c r="BC52" s="77"/>
      <c r="BD52" s="77"/>
    </row>
    <row r="53" spans="1:56" s="67" customFormat="1" ht="140.1" customHeight="1" thickTop="1" thickBot="1">
      <c r="A53" s="467" t="s">
        <v>236</v>
      </c>
      <c r="B53" s="451"/>
      <c r="C53" s="451"/>
      <c r="D53" s="451"/>
      <c r="E53" s="451"/>
      <c r="F53" s="451"/>
      <c r="G53" s="451"/>
      <c r="H53" s="451"/>
      <c r="I53" s="451"/>
      <c r="J53" s="451"/>
      <c r="K53" s="451"/>
      <c r="L53" s="349"/>
      <c r="M53" s="451"/>
      <c r="N53" s="451"/>
      <c r="O53" s="75" t="s">
        <v>20</v>
      </c>
      <c r="P53" s="136" t="s">
        <v>21</v>
      </c>
      <c r="Q53" s="139"/>
      <c r="R53" s="138"/>
      <c r="S53" s="137"/>
      <c r="T53" s="76"/>
      <c r="U53" s="77"/>
      <c r="V53" s="77"/>
      <c r="W53" s="77"/>
      <c r="X53" s="77"/>
      <c r="Y53" s="77"/>
      <c r="Z53" s="77"/>
      <c r="AA53" s="77"/>
      <c r="AB53" s="77"/>
      <c r="AC53" s="77"/>
      <c r="AD53" s="77"/>
      <c r="AE53" s="77"/>
      <c r="AF53" s="77"/>
      <c r="AG53" s="77"/>
      <c r="AH53" s="77"/>
      <c r="AI53" s="77"/>
      <c r="AJ53" s="77"/>
      <c r="AK53" s="77"/>
      <c r="AL53" s="77"/>
      <c r="AM53" s="77"/>
      <c r="AN53" s="77"/>
      <c r="AO53" s="77"/>
      <c r="AP53" s="77"/>
      <c r="AQ53" s="77"/>
      <c r="AR53" s="77"/>
      <c r="AS53" s="77"/>
      <c r="AT53" s="77"/>
      <c r="AU53" s="77"/>
      <c r="AV53" s="77"/>
      <c r="AW53" s="77"/>
      <c r="AX53" s="77"/>
      <c r="AY53" s="77"/>
      <c r="AZ53" s="77"/>
      <c r="BA53" s="77"/>
      <c r="BB53" s="77"/>
      <c r="BC53" s="77"/>
      <c r="BD53" s="77"/>
    </row>
    <row r="54" spans="1:56" s="64" customFormat="1" ht="69.900000000000006" customHeight="1" thickTop="1">
      <c r="A54" s="468" t="s">
        <v>25</v>
      </c>
      <c r="B54" s="469"/>
      <c r="C54" s="469"/>
      <c r="D54" s="469"/>
      <c r="E54" s="469"/>
      <c r="F54" s="469"/>
      <c r="G54" s="469"/>
      <c r="H54" s="469"/>
      <c r="I54" s="469"/>
      <c r="J54" s="469"/>
      <c r="K54" s="469"/>
      <c r="L54" s="454"/>
      <c r="M54" s="469"/>
      <c r="N54" s="469"/>
      <c r="O54" s="469"/>
      <c r="P54" s="470"/>
      <c r="Q54" s="122"/>
      <c r="R54" s="138"/>
      <c r="S54" s="162"/>
    </row>
    <row r="55" spans="1:56" s="67" customFormat="1" ht="75" customHeight="1">
      <c r="A55" s="456"/>
      <c r="B55" s="457"/>
      <c r="C55" s="457"/>
      <c r="D55" s="457"/>
      <c r="E55" s="457"/>
      <c r="F55" s="457"/>
      <c r="G55" s="457"/>
      <c r="H55" s="457"/>
      <c r="I55" s="457"/>
      <c r="J55" s="457"/>
      <c r="K55" s="457"/>
      <c r="L55" s="458"/>
      <c r="M55" s="457"/>
      <c r="N55" s="457"/>
      <c r="O55" s="457"/>
      <c r="P55" s="459"/>
      <c r="Q55" s="139"/>
      <c r="R55" s="138"/>
      <c r="S55" s="141"/>
      <c r="T55" s="64"/>
    </row>
    <row r="56" spans="1:56" s="67" customFormat="1" ht="75" customHeight="1" thickBot="1">
      <c r="A56" s="460"/>
      <c r="B56" s="461"/>
      <c r="C56" s="461"/>
      <c r="D56" s="461"/>
      <c r="E56" s="461"/>
      <c r="F56" s="461"/>
      <c r="G56" s="461"/>
      <c r="H56" s="461"/>
      <c r="I56" s="461"/>
      <c r="J56" s="461"/>
      <c r="K56" s="461"/>
      <c r="L56" s="462"/>
      <c r="M56" s="461"/>
      <c r="N56" s="461"/>
      <c r="O56" s="461"/>
      <c r="P56" s="463"/>
      <c r="Q56" s="139"/>
      <c r="R56" s="138"/>
      <c r="S56" s="141"/>
      <c r="T56" s="64"/>
    </row>
    <row r="57" spans="1:56" s="64" customFormat="1" ht="69.900000000000006" customHeight="1" thickBot="1">
      <c r="A57" s="443" t="s">
        <v>47</v>
      </c>
      <c r="B57" s="444"/>
      <c r="C57" s="444"/>
      <c r="D57" s="444"/>
      <c r="E57" s="444"/>
      <c r="F57" s="444"/>
      <c r="G57" s="444"/>
      <c r="H57" s="444"/>
      <c r="I57" s="444"/>
      <c r="J57" s="444"/>
      <c r="K57" s="444"/>
      <c r="L57" s="445"/>
      <c r="M57" s="444"/>
      <c r="N57" s="444"/>
      <c r="O57" s="444"/>
      <c r="P57" s="446"/>
      <c r="Q57" s="139"/>
      <c r="R57" s="138"/>
      <c r="S57" s="78"/>
      <c r="T57" s="193"/>
      <c r="U57" s="76"/>
      <c r="V57" s="76"/>
      <c r="W57" s="76"/>
      <c r="X57" s="76"/>
      <c r="Y57" s="76"/>
      <c r="Z57" s="76"/>
      <c r="AA57" s="76"/>
      <c r="AB57" s="76"/>
      <c r="AC57" s="76"/>
      <c r="AD57" s="76"/>
      <c r="AE57" s="76"/>
      <c r="AF57" s="76"/>
      <c r="AG57" s="76"/>
      <c r="AH57" s="76"/>
      <c r="AI57" s="76"/>
      <c r="AJ57" s="76"/>
      <c r="AK57" s="76"/>
      <c r="AL57" s="76"/>
      <c r="AM57" s="76"/>
      <c r="AN57" s="76"/>
      <c r="AO57" s="76"/>
      <c r="AP57" s="76"/>
      <c r="AQ57" s="76"/>
      <c r="AR57" s="76"/>
      <c r="AS57" s="76"/>
      <c r="AT57" s="76"/>
      <c r="AU57" s="76"/>
      <c r="AV57" s="76"/>
      <c r="AW57" s="76"/>
      <c r="AX57" s="76"/>
      <c r="AY57" s="76"/>
      <c r="AZ57" s="76"/>
      <c r="BA57" s="76"/>
      <c r="BB57" s="76"/>
      <c r="BC57" s="76"/>
      <c r="BD57" s="76"/>
    </row>
    <row r="58" spans="1:56" s="86" customFormat="1" ht="409.6" customHeight="1" thickTop="1" thickBot="1">
      <c r="A58" s="485" t="s">
        <v>237</v>
      </c>
      <c r="B58" s="486"/>
      <c r="C58" s="486"/>
      <c r="D58" s="486"/>
      <c r="E58" s="486"/>
      <c r="F58" s="486"/>
      <c r="G58" s="486"/>
      <c r="H58" s="486"/>
      <c r="I58" s="486"/>
      <c r="J58" s="486"/>
      <c r="K58" s="486"/>
      <c r="L58" s="352"/>
      <c r="M58" s="486"/>
      <c r="N58" s="80" t="s">
        <v>24</v>
      </c>
      <c r="O58" s="68" t="s">
        <v>20</v>
      </c>
      <c r="P58" s="69" t="s">
        <v>21</v>
      </c>
      <c r="Q58" s="81"/>
      <c r="R58" s="82"/>
      <c r="S58" s="83"/>
      <c r="T58" s="84"/>
      <c r="U58" s="85"/>
      <c r="V58" s="85"/>
      <c r="W58" s="85"/>
      <c r="X58" s="85"/>
      <c r="Y58" s="85"/>
      <c r="Z58" s="85"/>
      <c r="AA58" s="85"/>
      <c r="AB58" s="85"/>
      <c r="AC58" s="85"/>
      <c r="AD58" s="85"/>
      <c r="AE58" s="85"/>
      <c r="AF58" s="85"/>
      <c r="AG58" s="85"/>
      <c r="AH58" s="85"/>
      <c r="AI58" s="85"/>
      <c r="AJ58" s="85"/>
      <c r="AK58" s="85"/>
      <c r="AL58" s="85"/>
      <c r="AM58" s="85"/>
      <c r="AN58" s="85"/>
      <c r="AO58" s="85"/>
      <c r="AP58" s="85"/>
      <c r="AQ58" s="85"/>
      <c r="AR58" s="85"/>
      <c r="AS58" s="85"/>
      <c r="AT58" s="85"/>
      <c r="AU58" s="85"/>
      <c r="AV58" s="85"/>
      <c r="AW58" s="85"/>
      <c r="AX58" s="85"/>
      <c r="AY58" s="85"/>
      <c r="AZ58" s="85"/>
      <c r="BA58" s="85"/>
      <c r="BB58" s="85"/>
      <c r="BC58" s="85"/>
      <c r="BD58" s="85"/>
    </row>
    <row r="59" spans="1:56" s="90" customFormat="1" ht="252.6" customHeight="1" thickTop="1" thickBot="1">
      <c r="A59" s="467" t="s">
        <v>238</v>
      </c>
      <c r="B59" s="451"/>
      <c r="C59" s="451"/>
      <c r="D59" s="451"/>
      <c r="E59" s="451"/>
      <c r="F59" s="451"/>
      <c r="G59" s="451"/>
      <c r="H59" s="451"/>
      <c r="I59" s="451"/>
      <c r="J59" s="451"/>
      <c r="K59" s="451"/>
      <c r="L59" s="349"/>
      <c r="M59" s="451"/>
      <c r="N59" s="87" t="s">
        <v>24</v>
      </c>
      <c r="O59" s="73" t="s">
        <v>20</v>
      </c>
      <c r="P59" s="74" t="s">
        <v>21</v>
      </c>
      <c r="Q59" s="81"/>
      <c r="R59" s="88"/>
      <c r="S59" s="137"/>
      <c r="T59" s="193"/>
      <c r="U59" s="89"/>
      <c r="V59" s="89"/>
      <c r="W59" s="89"/>
      <c r="X59" s="89"/>
      <c r="Y59" s="89"/>
      <c r="Z59" s="89"/>
      <c r="AA59" s="89"/>
      <c r="AB59" s="89"/>
      <c r="AC59" s="89"/>
      <c r="AD59" s="89"/>
      <c r="AE59" s="89"/>
      <c r="AF59" s="89"/>
      <c r="AG59" s="89"/>
      <c r="AH59" s="89"/>
      <c r="AI59" s="89"/>
      <c r="AJ59" s="89"/>
      <c r="AK59" s="89"/>
      <c r="AL59" s="89"/>
      <c r="AM59" s="89"/>
      <c r="AN59" s="89"/>
      <c r="AO59" s="89"/>
      <c r="AP59" s="89"/>
      <c r="AQ59" s="89"/>
      <c r="AR59" s="89"/>
      <c r="AS59" s="89"/>
      <c r="AT59" s="89"/>
      <c r="AU59" s="89"/>
      <c r="AV59" s="89"/>
      <c r="AW59" s="89"/>
      <c r="AX59" s="89"/>
      <c r="AY59" s="89"/>
      <c r="AZ59" s="89"/>
      <c r="BA59" s="89"/>
      <c r="BB59" s="89"/>
      <c r="BC59" s="89"/>
      <c r="BD59" s="89"/>
    </row>
    <row r="60" spans="1:56" s="67" customFormat="1" ht="252.6" customHeight="1" thickTop="1" thickBot="1">
      <c r="A60" s="466" t="s">
        <v>239</v>
      </c>
      <c r="B60" s="449"/>
      <c r="C60" s="449"/>
      <c r="D60" s="449"/>
      <c r="E60" s="449"/>
      <c r="F60" s="449"/>
      <c r="G60" s="449"/>
      <c r="H60" s="449"/>
      <c r="I60" s="449"/>
      <c r="J60" s="449"/>
      <c r="K60" s="449"/>
      <c r="L60" s="295"/>
      <c r="M60" s="449"/>
      <c r="N60" s="79" t="s">
        <v>24</v>
      </c>
      <c r="O60" s="68" t="s">
        <v>20</v>
      </c>
      <c r="P60" s="69" t="s">
        <v>21</v>
      </c>
      <c r="Q60" s="139"/>
      <c r="R60" s="138"/>
      <c r="S60" s="137"/>
      <c r="T60" s="76"/>
      <c r="U60" s="77"/>
      <c r="V60" s="77"/>
      <c r="W60" s="77"/>
      <c r="X60" s="77"/>
      <c r="Y60" s="77"/>
      <c r="Z60" s="77"/>
      <c r="AA60" s="77"/>
      <c r="AB60" s="77"/>
      <c r="AC60" s="77"/>
      <c r="AD60" s="77"/>
      <c r="AE60" s="77"/>
      <c r="AF60" s="77"/>
      <c r="AG60" s="77"/>
      <c r="AH60" s="77"/>
      <c r="AI60" s="77"/>
      <c r="AJ60" s="77"/>
      <c r="AK60" s="77"/>
      <c r="AL60" s="77"/>
      <c r="AM60" s="77"/>
      <c r="AN60" s="77"/>
      <c r="AO60" s="77"/>
      <c r="AP60" s="77"/>
      <c r="AQ60" s="77"/>
      <c r="AR60" s="77"/>
      <c r="AS60" s="77"/>
      <c r="AT60" s="77"/>
      <c r="AU60" s="77"/>
      <c r="AV60" s="77"/>
      <c r="AW60" s="77"/>
      <c r="AX60" s="77"/>
      <c r="AY60" s="77"/>
      <c r="AZ60" s="77"/>
      <c r="BA60" s="77"/>
      <c r="BB60" s="77"/>
      <c r="BC60" s="77"/>
      <c r="BD60" s="77"/>
    </row>
    <row r="61" spans="1:56" s="64" customFormat="1" ht="69.900000000000006" customHeight="1" thickTop="1">
      <c r="A61" s="468" t="s">
        <v>25</v>
      </c>
      <c r="B61" s="469"/>
      <c r="C61" s="469"/>
      <c r="D61" s="469"/>
      <c r="E61" s="469"/>
      <c r="F61" s="469"/>
      <c r="G61" s="469"/>
      <c r="H61" s="469"/>
      <c r="I61" s="469"/>
      <c r="J61" s="469"/>
      <c r="K61" s="469"/>
      <c r="L61" s="454"/>
      <c r="M61" s="469"/>
      <c r="N61" s="469"/>
      <c r="O61" s="469"/>
      <c r="P61" s="470"/>
      <c r="Q61" s="122"/>
      <c r="R61" s="138"/>
      <c r="S61" s="162"/>
    </row>
    <row r="62" spans="1:56" s="67" customFormat="1" ht="75" customHeight="1">
      <c r="A62" s="456"/>
      <c r="B62" s="457"/>
      <c r="C62" s="457"/>
      <c r="D62" s="457"/>
      <c r="E62" s="457"/>
      <c r="F62" s="457"/>
      <c r="G62" s="457"/>
      <c r="H62" s="457"/>
      <c r="I62" s="457"/>
      <c r="J62" s="457"/>
      <c r="K62" s="457"/>
      <c r="L62" s="458"/>
      <c r="M62" s="457"/>
      <c r="N62" s="457"/>
      <c r="O62" s="457"/>
      <c r="P62" s="459"/>
      <c r="Q62" s="139"/>
      <c r="R62" s="138"/>
      <c r="S62" s="141"/>
      <c r="T62" s="64"/>
    </row>
    <row r="63" spans="1:56" s="67" customFormat="1" ht="75" customHeight="1" thickBot="1">
      <c r="A63" s="460"/>
      <c r="B63" s="461"/>
      <c r="C63" s="461"/>
      <c r="D63" s="461"/>
      <c r="E63" s="461"/>
      <c r="F63" s="461"/>
      <c r="G63" s="461"/>
      <c r="H63" s="461"/>
      <c r="I63" s="461"/>
      <c r="J63" s="461"/>
      <c r="K63" s="461"/>
      <c r="L63" s="462"/>
      <c r="M63" s="461"/>
      <c r="N63" s="461"/>
      <c r="O63" s="461"/>
      <c r="P63" s="463"/>
      <c r="Q63" s="139"/>
      <c r="R63" s="138"/>
      <c r="S63" s="141"/>
      <c r="T63" s="64"/>
    </row>
    <row r="64" spans="1:56" s="64" customFormat="1" ht="69.75" customHeight="1" thickBot="1">
      <c r="A64" s="443" t="s">
        <v>50</v>
      </c>
      <c r="B64" s="444"/>
      <c r="C64" s="444"/>
      <c r="D64" s="444"/>
      <c r="E64" s="444"/>
      <c r="F64" s="444"/>
      <c r="G64" s="444"/>
      <c r="H64" s="444"/>
      <c r="I64" s="444"/>
      <c r="J64" s="444"/>
      <c r="K64" s="444"/>
      <c r="L64" s="445"/>
      <c r="M64" s="444"/>
      <c r="N64" s="444"/>
      <c r="O64" s="444"/>
      <c r="P64" s="446"/>
      <c r="Q64" s="139"/>
      <c r="R64" s="138"/>
      <c r="S64" s="78"/>
      <c r="T64" s="76"/>
      <c r="U64" s="76"/>
      <c r="V64" s="76"/>
      <c r="W64" s="76"/>
      <c r="X64" s="76"/>
      <c r="Y64" s="76"/>
      <c r="Z64" s="76"/>
      <c r="AA64" s="76"/>
      <c r="AB64" s="76"/>
      <c r="AC64" s="76"/>
      <c r="AD64" s="76"/>
      <c r="AE64" s="76"/>
      <c r="AF64" s="76"/>
      <c r="AG64" s="76"/>
      <c r="AH64" s="76"/>
      <c r="AI64" s="76"/>
      <c r="AJ64" s="76"/>
      <c r="AK64" s="76"/>
      <c r="AL64" s="76"/>
      <c r="AM64" s="76"/>
      <c r="AN64" s="76"/>
      <c r="AO64" s="76"/>
      <c r="AP64" s="76"/>
      <c r="AQ64" s="76"/>
      <c r="AR64" s="76"/>
      <c r="AS64" s="76"/>
      <c r="AT64" s="76"/>
      <c r="AU64" s="76"/>
      <c r="AV64" s="76"/>
      <c r="AW64" s="76"/>
      <c r="AX64" s="76"/>
      <c r="AY64" s="76"/>
      <c r="AZ64" s="76"/>
      <c r="BA64" s="76"/>
      <c r="BB64" s="76"/>
      <c r="BC64" s="76"/>
      <c r="BD64" s="76"/>
    </row>
    <row r="65" spans="1:56" s="67" customFormat="1" ht="140.1" customHeight="1" thickTop="1" thickBot="1">
      <c r="A65" s="477" t="s">
        <v>240</v>
      </c>
      <c r="B65" s="478"/>
      <c r="C65" s="478"/>
      <c r="D65" s="478"/>
      <c r="E65" s="478"/>
      <c r="F65" s="478"/>
      <c r="G65" s="478"/>
      <c r="H65" s="478"/>
      <c r="I65" s="478"/>
      <c r="J65" s="478"/>
      <c r="K65" s="478"/>
      <c r="L65" s="379"/>
      <c r="M65" s="478"/>
      <c r="N65" s="478"/>
      <c r="O65" s="75" t="s">
        <v>20</v>
      </c>
      <c r="P65" s="136" t="s">
        <v>21</v>
      </c>
      <c r="Q65" s="139"/>
      <c r="R65" s="138"/>
      <c r="S65" s="137"/>
      <c r="T65" s="76"/>
      <c r="U65" s="77"/>
      <c r="V65" s="77"/>
      <c r="W65" s="77"/>
      <c r="X65" s="77"/>
      <c r="Y65" s="77"/>
      <c r="Z65" s="77"/>
      <c r="AA65" s="77"/>
      <c r="AB65" s="77"/>
      <c r="AC65" s="77"/>
      <c r="AD65" s="77"/>
      <c r="AE65" s="77"/>
      <c r="AF65" s="77"/>
      <c r="AG65" s="77"/>
      <c r="AH65" s="77"/>
      <c r="AI65" s="77"/>
      <c r="AJ65" s="77"/>
      <c r="AK65" s="77"/>
      <c r="AL65" s="77"/>
      <c r="AM65" s="77"/>
      <c r="AN65" s="77"/>
      <c r="AO65" s="77"/>
      <c r="AP65" s="77"/>
      <c r="AQ65" s="77"/>
      <c r="AR65" s="77"/>
      <c r="AS65" s="77"/>
      <c r="AT65" s="77"/>
      <c r="AU65" s="77"/>
      <c r="AV65" s="77"/>
      <c r="AW65" s="77"/>
      <c r="AX65" s="77"/>
      <c r="AY65" s="77"/>
      <c r="AZ65" s="77"/>
      <c r="BA65" s="77"/>
      <c r="BB65" s="77"/>
      <c r="BC65" s="77"/>
      <c r="BD65" s="77"/>
    </row>
    <row r="66" spans="1:56" s="64" customFormat="1" ht="69.900000000000006" customHeight="1" thickTop="1">
      <c r="A66" s="468" t="s">
        <v>52</v>
      </c>
      <c r="B66" s="469"/>
      <c r="C66" s="469"/>
      <c r="D66" s="469"/>
      <c r="E66" s="469"/>
      <c r="F66" s="469"/>
      <c r="G66" s="469"/>
      <c r="H66" s="469"/>
      <c r="I66" s="469"/>
      <c r="J66" s="469"/>
      <c r="K66" s="469"/>
      <c r="L66" s="454"/>
      <c r="M66" s="469"/>
      <c r="N66" s="469"/>
      <c r="O66" s="469"/>
      <c r="P66" s="470"/>
      <c r="Q66" s="122"/>
      <c r="R66" s="138"/>
      <c r="S66" s="162"/>
    </row>
    <row r="67" spans="1:56" s="64" customFormat="1" ht="69.900000000000006" customHeight="1">
      <c r="A67" s="488" t="s">
        <v>53</v>
      </c>
      <c r="B67" s="489"/>
      <c r="C67" s="489"/>
      <c r="D67" s="489"/>
      <c r="E67" s="489"/>
      <c r="F67" s="489"/>
      <c r="G67" s="489"/>
      <c r="H67" s="489"/>
      <c r="I67" s="489"/>
      <c r="J67" s="490"/>
      <c r="K67" s="480"/>
      <c r="L67" s="491"/>
      <c r="M67" s="492"/>
      <c r="N67" s="492"/>
      <c r="O67" s="492"/>
      <c r="P67" s="493"/>
      <c r="Q67" s="122"/>
      <c r="R67" s="138"/>
      <c r="S67" s="162"/>
      <c r="T67" s="193"/>
    </row>
    <row r="68" spans="1:56" s="67" customFormat="1" ht="69.900000000000006" customHeight="1">
      <c r="A68" s="494" t="s">
        <v>54</v>
      </c>
      <c r="B68" s="495"/>
      <c r="C68" s="495"/>
      <c r="D68" s="495"/>
      <c r="E68" s="495"/>
      <c r="F68" s="495"/>
      <c r="G68" s="495"/>
      <c r="H68" s="495"/>
      <c r="I68" s="495"/>
      <c r="J68" s="496"/>
      <c r="K68" s="497"/>
      <c r="L68" s="307"/>
      <c r="M68" s="498"/>
      <c r="N68" s="498"/>
      <c r="O68" s="498"/>
      <c r="P68" s="499"/>
      <c r="Q68" s="139"/>
      <c r="R68" s="138"/>
      <c r="S68" s="91"/>
      <c r="T68" s="92"/>
      <c r="U68" s="93"/>
      <c r="V68" s="93"/>
      <c r="W68" s="93"/>
      <c r="X68" s="93"/>
      <c r="Y68" s="93"/>
      <c r="Z68" s="93"/>
      <c r="AA68" s="93"/>
      <c r="AB68" s="93"/>
      <c r="AC68" s="93"/>
      <c r="AD68" s="93"/>
      <c r="AE68" s="93"/>
      <c r="AF68" s="93"/>
      <c r="AG68" s="93"/>
      <c r="AH68" s="93"/>
      <c r="AI68" s="93"/>
      <c r="AJ68" s="93"/>
      <c r="AK68" s="93"/>
      <c r="AL68" s="93"/>
      <c r="AM68" s="93"/>
      <c r="AN68" s="93"/>
      <c r="AO68" s="93"/>
      <c r="AP68" s="93"/>
      <c r="AQ68" s="93"/>
      <c r="AR68" s="93"/>
      <c r="AS68" s="93"/>
      <c r="AT68" s="93"/>
      <c r="AU68" s="93"/>
      <c r="AV68" s="93"/>
      <c r="AW68" s="93"/>
      <c r="AX68" s="93"/>
      <c r="AY68" s="93"/>
      <c r="AZ68" s="93"/>
      <c r="BA68" s="93"/>
      <c r="BB68" s="93"/>
      <c r="BC68" s="93"/>
      <c r="BD68" s="93"/>
    </row>
    <row r="69" spans="1:56" s="64" customFormat="1" ht="69.900000000000006" customHeight="1">
      <c r="A69" s="468" t="s">
        <v>25</v>
      </c>
      <c r="B69" s="469"/>
      <c r="C69" s="469"/>
      <c r="D69" s="469"/>
      <c r="E69" s="469"/>
      <c r="F69" s="469"/>
      <c r="G69" s="469"/>
      <c r="H69" s="469"/>
      <c r="I69" s="469"/>
      <c r="J69" s="469"/>
      <c r="K69" s="469"/>
      <c r="L69" s="454"/>
      <c r="M69" s="469"/>
      <c r="N69" s="469"/>
      <c r="O69" s="469"/>
      <c r="P69" s="470"/>
      <c r="Q69" s="122"/>
      <c r="R69" s="138"/>
      <c r="S69" s="162"/>
    </row>
    <row r="70" spans="1:56" s="67" customFormat="1" ht="75" customHeight="1">
      <c r="A70" s="456"/>
      <c r="B70" s="457"/>
      <c r="C70" s="457"/>
      <c r="D70" s="457"/>
      <c r="E70" s="457"/>
      <c r="F70" s="457"/>
      <c r="G70" s="457"/>
      <c r="H70" s="457"/>
      <c r="I70" s="457"/>
      <c r="J70" s="457"/>
      <c r="K70" s="457"/>
      <c r="L70" s="458"/>
      <c r="M70" s="457"/>
      <c r="N70" s="457"/>
      <c r="O70" s="457"/>
      <c r="P70" s="459"/>
      <c r="Q70" s="139"/>
      <c r="R70" s="138"/>
      <c r="S70" s="141"/>
      <c r="T70" s="64"/>
    </row>
    <row r="71" spans="1:56" s="67" customFormat="1" ht="75" customHeight="1" thickBot="1">
      <c r="A71" s="471"/>
      <c r="B71" s="472"/>
      <c r="C71" s="472"/>
      <c r="D71" s="472"/>
      <c r="E71" s="472"/>
      <c r="F71" s="472"/>
      <c r="G71" s="472"/>
      <c r="H71" s="472"/>
      <c r="I71" s="472"/>
      <c r="J71" s="472"/>
      <c r="K71" s="472"/>
      <c r="L71" s="473"/>
      <c r="M71" s="472"/>
      <c r="N71" s="472"/>
      <c r="O71" s="472"/>
      <c r="P71" s="474"/>
      <c r="Q71" s="139"/>
      <c r="R71" s="138"/>
      <c r="S71" s="141"/>
      <c r="T71" s="64"/>
    </row>
    <row r="72" spans="1:56" s="64" customFormat="1" ht="69.900000000000006" customHeight="1" thickBot="1">
      <c r="A72" s="443" t="s">
        <v>55</v>
      </c>
      <c r="B72" s="444"/>
      <c r="C72" s="444"/>
      <c r="D72" s="444"/>
      <c r="E72" s="444"/>
      <c r="F72" s="444"/>
      <c r="G72" s="444"/>
      <c r="H72" s="444"/>
      <c r="I72" s="444"/>
      <c r="J72" s="444"/>
      <c r="K72" s="444"/>
      <c r="L72" s="445"/>
      <c r="M72" s="444"/>
      <c r="N72" s="444"/>
      <c r="O72" s="444"/>
      <c r="P72" s="446"/>
      <c r="Q72" s="139"/>
      <c r="R72" s="138"/>
      <c r="S72" s="209" t="s">
        <v>241</v>
      </c>
      <c r="T72" s="76"/>
      <c r="U72" s="76"/>
      <c r="V72" s="76"/>
      <c r="W72" s="76"/>
      <c r="X72" s="76"/>
      <c r="Y72" s="76"/>
      <c r="Z72" s="76"/>
      <c r="AA72" s="76"/>
      <c r="AB72" s="76"/>
      <c r="AC72" s="76"/>
      <c r="AD72" s="76"/>
      <c r="AE72" s="76"/>
      <c r="AF72" s="76"/>
      <c r="AG72" s="76"/>
      <c r="AH72" s="76"/>
      <c r="AI72" s="76"/>
      <c r="AJ72" s="76"/>
      <c r="AK72" s="76"/>
      <c r="AL72" s="76"/>
      <c r="AM72" s="76"/>
      <c r="AN72" s="76"/>
      <c r="AO72" s="76"/>
      <c r="AP72" s="76"/>
      <c r="AQ72" s="76"/>
      <c r="AR72" s="76"/>
      <c r="AS72" s="76"/>
      <c r="AT72" s="76"/>
      <c r="AU72" s="76"/>
      <c r="AV72" s="76"/>
      <c r="AW72" s="76"/>
      <c r="AX72" s="76"/>
      <c r="AY72" s="76"/>
      <c r="AZ72" s="76"/>
      <c r="BA72" s="76"/>
      <c r="BB72" s="76"/>
      <c r="BC72" s="76"/>
      <c r="BD72" s="76"/>
    </row>
    <row r="73" spans="1:56" s="67" customFormat="1" ht="409.6" customHeight="1" thickTop="1" thickBot="1">
      <c r="A73" s="477" t="s">
        <v>242</v>
      </c>
      <c r="B73" s="478"/>
      <c r="C73" s="478"/>
      <c r="D73" s="478"/>
      <c r="E73" s="478"/>
      <c r="F73" s="478"/>
      <c r="G73" s="478"/>
      <c r="H73" s="478"/>
      <c r="I73" s="478"/>
      <c r="J73" s="478"/>
      <c r="K73" s="478"/>
      <c r="L73" s="379"/>
      <c r="M73" s="478"/>
      <c r="N73" s="478"/>
      <c r="O73" s="75" t="s">
        <v>20</v>
      </c>
      <c r="P73" s="136" t="s">
        <v>21</v>
      </c>
      <c r="Q73" s="139"/>
      <c r="R73" s="138"/>
      <c r="S73" s="137"/>
      <c r="T73" s="76"/>
      <c r="U73" s="77"/>
      <c r="V73" s="77"/>
      <c r="W73" s="77"/>
      <c r="X73" s="77"/>
      <c r="Y73" s="77"/>
      <c r="Z73" s="77"/>
      <c r="AA73" s="77"/>
      <c r="AB73" s="77"/>
      <c r="AC73" s="77"/>
      <c r="AD73" s="77"/>
      <c r="AE73" s="77"/>
      <c r="AF73" s="77"/>
      <c r="AG73" s="77"/>
      <c r="AH73" s="77"/>
      <c r="AI73" s="77"/>
      <c r="AJ73" s="77"/>
      <c r="AK73" s="77"/>
      <c r="AL73" s="77"/>
      <c r="AM73" s="77"/>
      <c r="AN73" s="77"/>
      <c r="AO73" s="77"/>
      <c r="AP73" s="77"/>
      <c r="AQ73" s="77"/>
      <c r="AR73" s="77"/>
      <c r="AS73" s="77"/>
      <c r="AT73" s="77"/>
      <c r="AU73" s="77"/>
      <c r="AV73" s="77"/>
      <c r="AW73" s="77"/>
      <c r="AX73" s="77"/>
      <c r="AY73" s="77"/>
      <c r="AZ73" s="77"/>
      <c r="BA73" s="77"/>
      <c r="BB73" s="77"/>
      <c r="BC73" s="77"/>
      <c r="BD73" s="77"/>
    </row>
    <row r="74" spans="1:56" s="64" customFormat="1" ht="69.900000000000006" customHeight="1" thickTop="1">
      <c r="A74" s="468" t="s">
        <v>25</v>
      </c>
      <c r="B74" s="469"/>
      <c r="C74" s="469"/>
      <c r="D74" s="469"/>
      <c r="E74" s="469"/>
      <c r="F74" s="469"/>
      <c r="G74" s="469"/>
      <c r="H74" s="469"/>
      <c r="I74" s="469"/>
      <c r="J74" s="469"/>
      <c r="K74" s="469"/>
      <c r="L74" s="454"/>
      <c r="M74" s="469"/>
      <c r="N74" s="469"/>
      <c r="O74" s="469"/>
      <c r="P74" s="470"/>
      <c r="Q74" s="122"/>
      <c r="R74" s="138"/>
      <c r="S74" s="162"/>
    </row>
    <row r="75" spans="1:56" s="67" customFormat="1" ht="75" customHeight="1">
      <c r="A75" s="456"/>
      <c r="B75" s="457"/>
      <c r="C75" s="457"/>
      <c r="D75" s="457"/>
      <c r="E75" s="457"/>
      <c r="F75" s="457"/>
      <c r="G75" s="457"/>
      <c r="H75" s="457"/>
      <c r="I75" s="457"/>
      <c r="J75" s="457"/>
      <c r="K75" s="457"/>
      <c r="L75" s="458"/>
      <c r="M75" s="457"/>
      <c r="N75" s="457"/>
      <c r="O75" s="457"/>
      <c r="P75" s="459"/>
      <c r="Q75" s="139"/>
      <c r="R75" s="138"/>
      <c r="S75" s="141"/>
      <c r="T75" s="64"/>
    </row>
    <row r="76" spans="1:56" s="67" customFormat="1" ht="75" customHeight="1" thickBot="1">
      <c r="A76" s="460"/>
      <c r="B76" s="461"/>
      <c r="C76" s="461"/>
      <c r="D76" s="461"/>
      <c r="E76" s="461"/>
      <c r="F76" s="461"/>
      <c r="G76" s="461"/>
      <c r="H76" s="461"/>
      <c r="I76" s="461"/>
      <c r="J76" s="461"/>
      <c r="K76" s="461"/>
      <c r="L76" s="462"/>
      <c r="M76" s="461"/>
      <c r="N76" s="461"/>
      <c r="O76" s="461"/>
      <c r="P76" s="463"/>
      <c r="Q76" s="139"/>
      <c r="R76" s="138"/>
      <c r="S76" s="141"/>
      <c r="T76" s="64"/>
    </row>
    <row r="77" spans="1:56" s="64" customFormat="1" ht="69.900000000000006" customHeight="1" thickBot="1">
      <c r="A77" s="443" t="s">
        <v>57</v>
      </c>
      <c r="B77" s="444"/>
      <c r="C77" s="444"/>
      <c r="D77" s="444"/>
      <c r="E77" s="444"/>
      <c r="F77" s="444"/>
      <c r="G77" s="444"/>
      <c r="H77" s="444"/>
      <c r="I77" s="444"/>
      <c r="J77" s="444"/>
      <c r="K77" s="444"/>
      <c r="L77" s="445"/>
      <c r="M77" s="444"/>
      <c r="N77" s="444"/>
      <c r="O77" s="444"/>
      <c r="P77" s="446"/>
      <c r="Q77" s="139"/>
      <c r="R77" s="138"/>
      <c r="S77" s="78"/>
      <c r="T77" s="76"/>
      <c r="U77" s="76"/>
      <c r="V77" s="76"/>
      <c r="W77" s="76"/>
      <c r="X77" s="77"/>
      <c r="Y77" s="77"/>
      <c r="Z77" s="77"/>
      <c r="AA77" s="77"/>
      <c r="AB77" s="77"/>
      <c r="AC77" s="77"/>
      <c r="AD77" s="77"/>
      <c r="AE77" s="77"/>
      <c r="AF77" s="77"/>
      <c r="AG77" s="77"/>
      <c r="AH77" s="77"/>
      <c r="AI77" s="77"/>
      <c r="AJ77" s="77"/>
      <c r="AK77" s="77"/>
      <c r="AL77" s="77"/>
      <c r="AM77" s="77"/>
      <c r="AN77" s="76"/>
      <c r="AO77" s="76"/>
      <c r="AP77" s="76"/>
      <c r="AQ77" s="76"/>
      <c r="AR77" s="76"/>
      <c r="AS77" s="76"/>
      <c r="AT77" s="76"/>
      <c r="AU77" s="76"/>
      <c r="AV77" s="76"/>
      <c r="AW77" s="76"/>
      <c r="AX77" s="76"/>
      <c r="AY77" s="76"/>
      <c r="AZ77" s="76"/>
      <c r="BA77" s="76"/>
      <c r="BB77" s="76"/>
      <c r="BC77" s="76"/>
      <c r="BD77" s="76"/>
    </row>
    <row r="78" spans="1:56" s="67" customFormat="1" ht="219.9" customHeight="1" thickTop="1" thickBot="1">
      <c r="A78" s="485" t="s">
        <v>243</v>
      </c>
      <c r="B78" s="486"/>
      <c r="C78" s="486"/>
      <c r="D78" s="486"/>
      <c r="E78" s="486"/>
      <c r="F78" s="486"/>
      <c r="G78" s="486"/>
      <c r="H78" s="486"/>
      <c r="I78" s="486"/>
      <c r="J78" s="486"/>
      <c r="K78" s="486"/>
      <c r="L78" s="352"/>
      <c r="M78" s="486"/>
      <c r="N78" s="486"/>
      <c r="O78" s="68" t="s">
        <v>20</v>
      </c>
      <c r="P78" s="69" t="s">
        <v>21</v>
      </c>
      <c r="Q78" s="139"/>
      <c r="R78" s="138"/>
      <c r="S78" s="137"/>
      <c r="T78" s="76"/>
      <c r="U78" s="77"/>
      <c r="V78" s="77"/>
      <c r="W78" s="77"/>
      <c r="X78" s="77"/>
      <c r="Y78" s="77"/>
      <c r="Z78" s="77"/>
      <c r="AA78" s="77"/>
      <c r="AB78" s="77"/>
      <c r="AC78" s="77"/>
      <c r="AD78" s="77"/>
      <c r="AE78" s="77"/>
      <c r="AF78" s="77"/>
      <c r="AG78" s="77"/>
      <c r="AH78" s="77"/>
      <c r="AI78" s="77"/>
      <c r="AJ78" s="77"/>
      <c r="AK78" s="77"/>
      <c r="AL78" s="77"/>
      <c r="AM78" s="77"/>
      <c r="AN78" s="77"/>
      <c r="AO78" s="77"/>
      <c r="AP78" s="77"/>
      <c r="AQ78" s="77"/>
      <c r="AR78" s="77"/>
      <c r="AS78" s="77"/>
      <c r="AT78" s="77"/>
      <c r="AU78" s="77"/>
      <c r="AV78" s="77"/>
      <c r="AW78" s="77"/>
      <c r="AX78" s="77"/>
      <c r="AY78" s="77"/>
      <c r="AZ78" s="77"/>
      <c r="BA78" s="77"/>
      <c r="BB78" s="77"/>
      <c r="BC78" s="77"/>
      <c r="BD78" s="77"/>
    </row>
    <row r="79" spans="1:56" s="67" customFormat="1" ht="219.9" customHeight="1" thickTop="1" thickBot="1">
      <c r="A79" s="467" t="s">
        <v>244</v>
      </c>
      <c r="B79" s="451"/>
      <c r="C79" s="451"/>
      <c r="D79" s="451"/>
      <c r="E79" s="451"/>
      <c r="F79" s="451"/>
      <c r="G79" s="451"/>
      <c r="H79" s="451"/>
      <c r="I79" s="451"/>
      <c r="J79" s="451"/>
      <c r="K79" s="451"/>
      <c r="L79" s="349"/>
      <c r="M79" s="451"/>
      <c r="N79" s="451"/>
      <c r="O79" s="68" t="s">
        <v>20</v>
      </c>
      <c r="P79" s="69" t="s">
        <v>21</v>
      </c>
      <c r="Q79" s="139"/>
      <c r="R79" s="138"/>
      <c r="S79" s="137"/>
      <c r="T79" s="76"/>
      <c r="U79" s="77"/>
      <c r="V79" s="77"/>
      <c r="W79" s="77"/>
      <c r="X79" s="76"/>
      <c r="Y79" s="76"/>
      <c r="Z79" s="76"/>
      <c r="AA79" s="76"/>
      <c r="AB79" s="76"/>
      <c r="AC79" s="76"/>
      <c r="AD79" s="76"/>
      <c r="AE79" s="76"/>
      <c r="AF79" s="76"/>
      <c r="AG79" s="76"/>
      <c r="AH79" s="76"/>
      <c r="AI79" s="76"/>
      <c r="AJ79" s="76"/>
      <c r="AK79" s="76"/>
      <c r="AL79" s="76"/>
      <c r="AM79" s="76"/>
      <c r="AN79" s="77"/>
      <c r="AO79" s="77"/>
      <c r="AP79" s="77"/>
      <c r="AQ79" s="77"/>
      <c r="AR79" s="77"/>
      <c r="AS79" s="77"/>
      <c r="AT79" s="77"/>
      <c r="AU79" s="77"/>
      <c r="AV79" s="77"/>
      <c r="AW79" s="77"/>
      <c r="AX79" s="77"/>
      <c r="AY79" s="77"/>
      <c r="AZ79" s="77"/>
      <c r="BA79" s="77"/>
      <c r="BB79" s="77"/>
      <c r="BC79" s="77"/>
      <c r="BD79" s="77"/>
    </row>
    <row r="80" spans="1:56" s="67" customFormat="1" ht="140.1" customHeight="1" thickTop="1" thickBot="1">
      <c r="A80" s="467" t="s">
        <v>245</v>
      </c>
      <c r="B80" s="451"/>
      <c r="C80" s="451"/>
      <c r="D80" s="451"/>
      <c r="E80" s="451"/>
      <c r="F80" s="451"/>
      <c r="G80" s="451"/>
      <c r="H80" s="451"/>
      <c r="I80" s="451"/>
      <c r="J80" s="451"/>
      <c r="K80" s="451"/>
      <c r="L80" s="349"/>
      <c r="M80" s="451"/>
      <c r="N80" s="451"/>
      <c r="O80" s="75" t="s">
        <v>20</v>
      </c>
      <c r="P80" s="136" t="s">
        <v>21</v>
      </c>
      <c r="Q80" s="139"/>
      <c r="R80" s="138"/>
      <c r="S80" s="137"/>
      <c r="T80" s="76"/>
      <c r="U80" s="77"/>
      <c r="V80" s="77"/>
      <c r="W80" s="77"/>
      <c r="X80" s="77"/>
      <c r="Y80" s="77"/>
      <c r="Z80" s="77"/>
      <c r="AA80" s="77"/>
      <c r="AB80" s="77"/>
      <c r="AC80" s="77"/>
      <c r="AD80" s="77"/>
      <c r="AE80" s="77"/>
      <c r="AF80" s="77"/>
      <c r="AG80" s="77"/>
      <c r="AH80" s="77"/>
      <c r="AI80" s="77"/>
      <c r="AJ80" s="77"/>
      <c r="AK80" s="77"/>
      <c r="AL80" s="77"/>
      <c r="AM80" s="77"/>
      <c r="AN80" s="77"/>
      <c r="AO80" s="77"/>
      <c r="AP80" s="77"/>
      <c r="AQ80" s="77"/>
      <c r="AR80" s="77"/>
      <c r="AS80" s="77"/>
      <c r="AT80" s="77"/>
      <c r="AU80" s="77"/>
      <c r="AV80" s="77"/>
      <c r="AW80" s="77"/>
      <c r="AX80" s="77"/>
      <c r="AY80" s="77"/>
      <c r="AZ80" s="77"/>
      <c r="BA80" s="77"/>
      <c r="BB80" s="77"/>
      <c r="BC80" s="77"/>
      <c r="BD80" s="77"/>
    </row>
    <row r="81" spans="1:56" s="64" customFormat="1" ht="69.900000000000006" customHeight="1" thickTop="1">
      <c r="A81" s="468" t="s">
        <v>25</v>
      </c>
      <c r="B81" s="469"/>
      <c r="C81" s="469"/>
      <c r="D81" s="469"/>
      <c r="E81" s="469"/>
      <c r="F81" s="469"/>
      <c r="G81" s="469"/>
      <c r="H81" s="469"/>
      <c r="I81" s="469"/>
      <c r="J81" s="469"/>
      <c r="K81" s="469"/>
      <c r="L81" s="454"/>
      <c r="M81" s="469"/>
      <c r="N81" s="469"/>
      <c r="O81" s="469"/>
      <c r="P81" s="470"/>
      <c r="Q81" s="122"/>
      <c r="R81" s="138"/>
      <c r="S81" s="162"/>
    </row>
    <row r="82" spans="1:56" s="67" customFormat="1" ht="75" customHeight="1">
      <c r="A82" s="456"/>
      <c r="B82" s="457"/>
      <c r="C82" s="457"/>
      <c r="D82" s="457"/>
      <c r="E82" s="457"/>
      <c r="F82" s="457"/>
      <c r="G82" s="457"/>
      <c r="H82" s="457"/>
      <c r="I82" s="457"/>
      <c r="J82" s="457"/>
      <c r="K82" s="457"/>
      <c r="L82" s="458"/>
      <c r="M82" s="457"/>
      <c r="N82" s="457"/>
      <c r="O82" s="457"/>
      <c r="P82" s="459"/>
      <c r="Q82" s="139"/>
      <c r="R82" s="138"/>
      <c r="S82" s="141"/>
      <c r="T82" s="64"/>
    </row>
    <row r="83" spans="1:56" s="67" customFormat="1" ht="75" customHeight="1" thickBot="1">
      <c r="A83" s="460"/>
      <c r="B83" s="461"/>
      <c r="C83" s="461"/>
      <c r="D83" s="461"/>
      <c r="E83" s="461"/>
      <c r="F83" s="461"/>
      <c r="G83" s="461"/>
      <c r="H83" s="461"/>
      <c r="I83" s="461"/>
      <c r="J83" s="461"/>
      <c r="K83" s="461"/>
      <c r="L83" s="462"/>
      <c r="M83" s="461"/>
      <c r="N83" s="461"/>
      <c r="O83" s="461"/>
      <c r="P83" s="463"/>
      <c r="Q83" s="139"/>
      <c r="R83" s="138"/>
      <c r="S83" s="141"/>
      <c r="T83" s="64"/>
    </row>
    <row r="84" spans="1:56" s="64" customFormat="1" ht="69.900000000000006" customHeight="1" thickBot="1">
      <c r="A84" s="443" t="s">
        <v>246</v>
      </c>
      <c r="B84" s="444"/>
      <c r="C84" s="444"/>
      <c r="D84" s="444"/>
      <c r="E84" s="444"/>
      <c r="F84" s="444"/>
      <c r="G84" s="444"/>
      <c r="H84" s="444"/>
      <c r="I84" s="444"/>
      <c r="J84" s="444"/>
      <c r="K84" s="444"/>
      <c r="L84" s="445"/>
      <c r="M84" s="444"/>
      <c r="N84" s="444"/>
      <c r="O84" s="444"/>
      <c r="P84" s="446"/>
      <c r="Q84" s="139"/>
      <c r="R84" s="138"/>
      <c r="S84" s="78"/>
      <c r="T84" s="76"/>
      <c r="U84" s="76"/>
      <c r="V84" s="76"/>
      <c r="W84" s="76"/>
      <c r="X84" s="77"/>
      <c r="Y84" s="77"/>
      <c r="Z84" s="77"/>
      <c r="AA84" s="77"/>
      <c r="AB84" s="77"/>
      <c r="AC84" s="77"/>
      <c r="AD84" s="77"/>
      <c r="AE84" s="77"/>
      <c r="AF84" s="77"/>
      <c r="AG84" s="77"/>
      <c r="AH84" s="77"/>
      <c r="AI84" s="77"/>
      <c r="AJ84" s="77"/>
      <c r="AK84" s="77"/>
      <c r="AL84" s="77"/>
      <c r="AM84" s="77"/>
      <c r="AN84" s="76"/>
      <c r="AO84" s="76"/>
      <c r="AP84" s="76"/>
      <c r="AQ84" s="76"/>
      <c r="AR84" s="76"/>
      <c r="AS84" s="76"/>
      <c r="AT84" s="76"/>
      <c r="AU84" s="76"/>
      <c r="AV84" s="76"/>
      <c r="AW84" s="76"/>
      <c r="AX84" s="76"/>
      <c r="AY84" s="76"/>
      <c r="AZ84" s="76"/>
      <c r="BA84" s="76"/>
      <c r="BB84" s="76"/>
      <c r="BC84" s="76"/>
      <c r="BD84" s="76"/>
    </row>
    <row r="85" spans="1:56" s="67" customFormat="1" ht="150" customHeight="1" thickTop="1" thickBot="1">
      <c r="A85" s="500" t="s">
        <v>247</v>
      </c>
      <c r="B85" s="501"/>
      <c r="C85" s="501"/>
      <c r="D85" s="501"/>
      <c r="E85" s="501"/>
      <c r="F85" s="501"/>
      <c r="G85" s="501"/>
      <c r="H85" s="501"/>
      <c r="I85" s="501"/>
      <c r="J85" s="501"/>
      <c r="K85" s="501"/>
      <c r="L85" s="502"/>
      <c r="M85" s="501"/>
      <c r="N85" s="135" t="s">
        <v>24</v>
      </c>
      <c r="O85" s="75" t="s">
        <v>20</v>
      </c>
      <c r="P85" s="136" t="s">
        <v>21</v>
      </c>
      <c r="Q85" s="139"/>
      <c r="R85" s="138"/>
      <c r="S85" s="137"/>
      <c r="T85" s="193"/>
      <c r="U85" s="77"/>
      <c r="V85" s="77"/>
      <c r="W85" s="77"/>
      <c r="X85" s="77"/>
      <c r="Y85" s="77"/>
      <c r="Z85" s="77"/>
      <c r="AA85" s="77"/>
      <c r="AB85" s="77"/>
      <c r="AC85" s="77"/>
      <c r="AD85" s="77"/>
      <c r="AE85" s="77"/>
      <c r="AF85" s="77"/>
      <c r="AG85" s="77"/>
      <c r="AH85" s="77"/>
      <c r="AI85" s="77"/>
      <c r="AJ85" s="77"/>
      <c r="AK85" s="77"/>
      <c r="AL85" s="77"/>
      <c r="AM85" s="77"/>
      <c r="AN85" s="77"/>
      <c r="AO85" s="77"/>
      <c r="AP85" s="77"/>
      <c r="AQ85" s="77"/>
      <c r="AR85" s="77"/>
      <c r="AS85" s="77"/>
      <c r="AT85" s="77"/>
      <c r="AU85" s="77"/>
      <c r="AV85" s="77"/>
      <c r="AW85" s="77"/>
      <c r="AX85" s="77"/>
      <c r="AY85" s="77"/>
      <c r="AZ85" s="77"/>
      <c r="BA85" s="77"/>
      <c r="BB85" s="77"/>
      <c r="BC85" s="77"/>
      <c r="BD85" s="77"/>
    </row>
    <row r="86" spans="1:56" s="64" customFormat="1" ht="69.900000000000006" customHeight="1" thickTop="1">
      <c r="A86" s="503" t="s">
        <v>52</v>
      </c>
      <c r="B86" s="504"/>
      <c r="C86" s="504"/>
      <c r="D86" s="504"/>
      <c r="E86" s="504"/>
      <c r="F86" s="504"/>
      <c r="G86" s="504"/>
      <c r="H86" s="504"/>
      <c r="I86" s="504"/>
      <c r="J86" s="504"/>
      <c r="K86" s="504"/>
      <c r="L86" s="505"/>
      <c r="M86" s="504"/>
      <c r="N86" s="504"/>
      <c r="O86" s="504"/>
      <c r="P86" s="506"/>
      <c r="Q86" s="122"/>
      <c r="R86" s="138"/>
      <c r="S86" s="162"/>
    </row>
    <row r="87" spans="1:56" s="64" customFormat="1" ht="69.900000000000006" customHeight="1">
      <c r="A87" s="507" t="s">
        <v>64</v>
      </c>
      <c r="B87" s="508"/>
      <c r="C87" s="508"/>
      <c r="D87" s="508"/>
      <c r="E87" s="508"/>
      <c r="F87" s="508"/>
      <c r="G87" s="508"/>
      <c r="H87" s="508"/>
      <c r="I87" s="508"/>
      <c r="J87" s="508"/>
      <c r="K87" s="508"/>
      <c r="L87" s="508"/>
      <c r="M87" s="508"/>
      <c r="N87" s="508"/>
      <c r="O87" s="508"/>
      <c r="P87" s="509"/>
      <c r="Q87" s="122"/>
      <c r="R87" s="138"/>
      <c r="S87" s="162"/>
    </row>
    <row r="88" spans="1:56" s="67" customFormat="1" ht="69.900000000000006" customHeight="1">
      <c r="A88" s="510" t="s">
        <v>65</v>
      </c>
      <c r="B88" s="511"/>
      <c r="C88" s="511"/>
      <c r="D88" s="511"/>
      <c r="E88" s="511"/>
      <c r="F88" s="511"/>
      <c r="G88" s="511"/>
      <c r="H88" s="511"/>
      <c r="I88" s="511"/>
      <c r="J88" s="512"/>
      <c r="K88" s="513" t="s">
        <v>66</v>
      </c>
      <c r="L88" s="514"/>
      <c r="M88" s="515"/>
      <c r="N88" s="516"/>
      <c r="O88" s="516"/>
      <c r="P88" s="517"/>
      <c r="Q88" s="139"/>
      <c r="R88" s="138"/>
      <c r="S88" s="78"/>
      <c r="T88" s="76"/>
      <c r="U88" s="77"/>
      <c r="V88" s="77"/>
      <c r="W88" s="77"/>
      <c r="X88" s="77"/>
      <c r="Y88" s="77"/>
      <c r="Z88" s="77"/>
      <c r="AA88" s="77"/>
      <c r="AB88" s="77"/>
      <c r="AC88" s="77"/>
      <c r="AD88" s="77"/>
      <c r="AE88" s="77"/>
      <c r="AF88" s="77"/>
      <c r="AG88" s="77"/>
      <c r="AH88" s="77"/>
      <c r="AI88" s="77"/>
      <c r="AJ88" s="77"/>
      <c r="AK88" s="77"/>
      <c r="AL88" s="77"/>
      <c r="AM88" s="77"/>
      <c r="AN88" s="77"/>
      <c r="AO88" s="77"/>
      <c r="AP88" s="77"/>
      <c r="AQ88" s="77"/>
      <c r="AR88" s="77"/>
      <c r="AS88" s="77"/>
      <c r="AT88" s="77"/>
      <c r="AU88" s="77"/>
      <c r="AV88" s="77"/>
      <c r="AW88" s="77"/>
      <c r="AX88" s="77"/>
      <c r="AY88" s="77"/>
      <c r="AZ88" s="77"/>
      <c r="BA88" s="77"/>
      <c r="BB88" s="77"/>
      <c r="BC88" s="77"/>
      <c r="BD88" s="77"/>
    </row>
    <row r="89" spans="1:56" s="67" customFormat="1" ht="69" customHeight="1">
      <c r="A89" s="528" t="s">
        <v>67</v>
      </c>
      <c r="B89" s="529"/>
      <c r="C89" s="529"/>
      <c r="D89" s="529"/>
      <c r="E89" s="529"/>
      <c r="F89" s="529"/>
      <c r="G89" s="529"/>
      <c r="H89" s="529"/>
      <c r="I89" s="529"/>
      <c r="J89" s="530"/>
      <c r="K89" s="449" t="s">
        <v>68</v>
      </c>
      <c r="L89" s="537"/>
      <c r="M89" s="537"/>
      <c r="N89" s="537"/>
      <c r="O89" s="537"/>
      <c r="P89" s="538"/>
      <c r="Q89" s="139"/>
      <c r="R89" s="138"/>
      <c r="S89" s="78"/>
      <c r="T89" s="76"/>
      <c r="U89" s="77"/>
      <c r="V89" s="77"/>
      <c r="W89" s="77"/>
      <c r="X89" s="77"/>
      <c r="Y89" s="77"/>
      <c r="Z89" s="77"/>
      <c r="AA89" s="77"/>
      <c r="AB89" s="77"/>
      <c r="AC89" s="77"/>
      <c r="AD89" s="77"/>
      <c r="AE89" s="77"/>
      <c r="AF89" s="77"/>
      <c r="AG89" s="77"/>
      <c r="AH89" s="77"/>
      <c r="AI89" s="77"/>
      <c r="AJ89" s="77"/>
      <c r="AK89" s="77"/>
      <c r="AL89" s="77"/>
      <c r="AM89" s="77"/>
      <c r="AN89" s="77"/>
      <c r="AO89" s="77"/>
      <c r="AP89" s="77"/>
      <c r="AQ89" s="77"/>
      <c r="AR89" s="77"/>
      <c r="AS89" s="77"/>
      <c r="AT89" s="77"/>
      <c r="AU89" s="77"/>
      <c r="AV89" s="77"/>
      <c r="AW89" s="77"/>
      <c r="AX89" s="77"/>
      <c r="AY89" s="77"/>
      <c r="AZ89" s="77"/>
      <c r="BA89" s="77"/>
      <c r="BB89" s="77"/>
      <c r="BC89" s="77"/>
      <c r="BD89" s="77"/>
    </row>
    <row r="90" spans="1:56" s="67" customFormat="1" ht="69.900000000000006" customHeight="1">
      <c r="A90" s="531"/>
      <c r="B90" s="532"/>
      <c r="C90" s="532"/>
      <c r="D90" s="532"/>
      <c r="E90" s="532"/>
      <c r="F90" s="532"/>
      <c r="G90" s="532"/>
      <c r="H90" s="532"/>
      <c r="I90" s="532"/>
      <c r="J90" s="533"/>
      <c r="K90" s="449" t="s">
        <v>69</v>
      </c>
      <c r="L90" s="537"/>
      <c r="M90" s="537"/>
      <c r="N90" s="537"/>
      <c r="O90" s="537"/>
      <c r="P90" s="538"/>
      <c r="Q90" s="139"/>
      <c r="R90" s="138"/>
      <c r="S90" s="78"/>
      <c r="T90" s="76"/>
      <c r="U90" s="77"/>
      <c r="V90" s="77"/>
      <c r="W90" s="77"/>
      <c r="X90" s="77"/>
      <c r="Y90" s="77"/>
      <c r="Z90" s="77"/>
      <c r="AA90" s="77"/>
      <c r="AB90" s="77"/>
      <c r="AC90" s="77"/>
      <c r="AD90" s="77"/>
      <c r="AE90" s="77"/>
      <c r="AF90" s="77"/>
      <c r="AG90" s="77"/>
      <c r="AH90" s="77"/>
      <c r="AI90" s="77"/>
      <c r="AJ90" s="77"/>
      <c r="AK90" s="77"/>
      <c r="AL90" s="77"/>
      <c r="AM90" s="77"/>
      <c r="AN90" s="77"/>
      <c r="AO90" s="77"/>
      <c r="AP90" s="77"/>
      <c r="AQ90" s="77"/>
      <c r="AR90" s="77"/>
      <c r="AS90" s="77"/>
      <c r="AT90" s="77"/>
      <c r="AU90" s="77"/>
      <c r="AV90" s="77"/>
      <c r="AW90" s="77"/>
      <c r="AX90" s="77"/>
      <c r="AY90" s="77"/>
      <c r="AZ90" s="77"/>
      <c r="BA90" s="77"/>
      <c r="BB90" s="77"/>
      <c r="BC90" s="77"/>
      <c r="BD90" s="77"/>
    </row>
    <row r="91" spans="1:56" s="67" customFormat="1" ht="69.900000000000006" customHeight="1">
      <c r="A91" s="534"/>
      <c r="B91" s="535"/>
      <c r="C91" s="535"/>
      <c r="D91" s="535"/>
      <c r="E91" s="535"/>
      <c r="F91" s="535"/>
      <c r="G91" s="535"/>
      <c r="H91" s="535"/>
      <c r="I91" s="535"/>
      <c r="J91" s="536"/>
      <c r="K91" s="449" t="s">
        <v>70</v>
      </c>
      <c r="L91" s="537"/>
      <c r="M91" s="537"/>
      <c r="N91" s="537"/>
      <c r="O91" s="537"/>
      <c r="P91" s="538"/>
      <c r="Q91" s="139"/>
      <c r="R91" s="138"/>
      <c r="S91" s="78"/>
      <c r="T91" s="76"/>
      <c r="U91" s="77"/>
      <c r="V91" s="77"/>
      <c r="W91" s="77"/>
      <c r="X91" s="77"/>
      <c r="Y91" s="77"/>
      <c r="Z91" s="77"/>
      <c r="AA91" s="77"/>
      <c r="AB91" s="77"/>
      <c r="AC91" s="77"/>
      <c r="AD91" s="77"/>
      <c r="AE91" s="77"/>
      <c r="AF91" s="77"/>
      <c r="AG91" s="77"/>
      <c r="AH91" s="77"/>
      <c r="AI91" s="77"/>
      <c r="AJ91" s="77"/>
      <c r="AK91" s="77"/>
      <c r="AL91" s="77"/>
      <c r="AM91" s="77"/>
      <c r="AN91" s="77"/>
      <c r="AO91" s="77"/>
      <c r="AP91" s="77"/>
      <c r="AQ91" s="77"/>
      <c r="AR91" s="77"/>
      <c r="AS91" s="77"/>
      <c r="AT91" s="77"/>
      <c r="AU91" s="77"/>
      <c r="AV91" s="77"/>
      <c r="AW91" s="77"/>
      <c r="AX91" s="77"/>
      <c r="AY91" s="77"/>
      <c r="AZ91" s="77"/>
      <c r="BA91" s="77"/>
      <c r="BB91" s="77"/>
      <c r="BC91" s="77"/>
      <c r="BD91" s="77"/>
    </row>
    <row r="92" spans="1:56" s="67" customFormat="1" ht="69" customHeight="1">
      <c r="A92" s="528" t="s">
        <v>71</v>
      </c>
      <c r="B92" s="529"/>
      <c r="C92" s="529"/>
      <c r="D92" s="529"/>
      <c r="E92" s="529"/>
      <c r="F92" s="529"/>
      <c r="G92" s="529"/>
      <c r="H92" s="529"/>
      <c r="I92" s="529"/>
      <c r="J92" s="530"/>
      <c r="K92" s="449" t="s">
        <v>68</v>
      </c>
      <c r="L92" s="537"/>
      <c r="M92" s="537"/>
      <c r="N92" s="537"/>
      <c r="O92" s="537"/>
      <c r="P92" s="538"/>
      <c r="Q92" s="139"/>
      <c r="R92" s="138"/>
      <c r="S92" s="78"/>
      <c r="T92" s="76"/>
      <c r="U92" s="77"/>
      <c r="V92" s="77"/>
      <c r="W92" s="77"/>
      <c r="X92" s="77"/>
      <c r="Y92" s="77"/>
      <c r="Z92" s="77"/>
      <c r="AA92" s="77"/>
      <c r="AB92" s="77"/>
      <c r="AC92" s="77"/>
      <c r="AD92" s="77"/>
      <c r="AE92" s="77"/>
      <c r="AF92" s="77"/>
      <c r="AG92" s="77"/>
      <c r="AH92" s="77"/>
      <c r="AI92" s="77"/>
      <c r="AJ92" s="77"/>
      <c r="AK92" s="77"/>
      <c r="AL92" s="77"/>
      <c r="AM92" s="77"/>
      <c r="AN92" s="77"/>
      <c r="AO92" s="77"/>
      <c r="AP92" s="77"/>
      <c r="AQ92" s="77"/>
      <c r="AR92" s="77"/>
      <c r="AS92" s="77"/>
      <c r="AT92" s="77"/>
      <c r="AU92" s="77"/>
      <c r="AV92" s="77"/>
      <c r="AW92" s="77"/>
      <c r="AX92" s="77"/>
      <c r="AY92" s="77"/>
      <c r="AZ92" s="77"/>
      <c r="BA92" s="77"/>
      <c r="BB92" s="77"/>
      <c r="BC92" s="77"/>
      <c r="BD92" s="77"/>
    </row>
    <row r="93" spans="1:56" s="67" customFormat="1" ht="69" customHeight="1">
      <c r="A93" s="531"/>
      <c r="B93" s="532"/>
      <c r="C93" s="532"/>
      <c r="D93" s="532"/>
      <c r="E93" s="532"/>
      <c r="F93" s="532"/>
      <c r="G93" s="532"/>
      <c r="H93" s="532"/>
      <c r="I93" s="532"/>
      <c r="J93" s="533"/>
      <c r="K93" s="449" t="s">
        <v>69</v>
      </c>
      <c r="L93" s="537"/>
      <c r="M93" s="537"/>
      <c r="N93" s="537"/>
      <c r="O93" s="537"/>
      <c r="P93" s="538"/>
      <c r="Q93" s="139"/>
      <c r="R93" s="138"/>
      <c r="S93" s="78"/>
      <c r="T93" s="76"/>
      <c r="U93" s="77"/>
      <c r="V93" s="77"/>
      <c r="W93" s="77"/>
      <c r="X93" s="77"/>
      <c r="Y93" s="77"/>
      <c r="Z93" s="77"/>
      <c r="AA93" s="77"/>
      <c r="AB93" s="77"/>
      <c r="AC93" s="77"/>
      <c r="AD93" s="77"/>
      <c r="AE93" s="77"/>
      <c r="AF93" s="77"/>
      <c r="AG93" s="77"/>
      <c r="AH93" s="77"/>
      <c r="AI93" s="77"/>
      <c r="AJ93" s="77"/>
      <c r="AK93" s="77"/>
      <c r="AL93" s="77"/>
      <c r="AM93" s="77"/>
      <c r="AN93" s="77"/>
      <c r="AO93" s="77"/>
      <c r="AP93" s="77"/>
      <c r="AQ93" s="77"/>
      <c r="AR93" s="77"/>
      <c r="AS93" s="77"/>
      <c r="AT93" s="77"/>
      <c r="AU93" s="77"/>
      <c r="AV93" s="77"/>
      <c r="AW93" s="77"/>
      <c r="AX93" s="77"/>
      <c r="AY93" s="77"/>
      <c r="AZ93" s="77"/>
      <c r="BA93" s="77"/>
      <c r="BB93" s="77"/>
      <c r="BC93" s="77"/>
      <c r="BD93" s="77"/>
    </row>
    <row r="94" spans="1:56" s="67" customFormat="1" ht="69.900000000000006" customHeight="1">
      <c r="A94" s="531"/>
      <c r="B94" s="532"/>
      <c r="C94" s="532"/>
      <c r="D94" s="532"/>
      <c r="E94" s="532"/>
      <c r="F94" s="532"/>
      <c r="G94" s="532"/>
      <c r="H94" s="532"/>
      <c r="I94" s="532"/>
      <c r="J94" s="533"/>
      <c r="K94" s="449" t="s">
        <v>70</v>
      </c>
      <c r="L94" s="537"/>
      <c r="M94" s="537"/>
      <c r="N94" s="537"/>
      <c r="O94" s="537"/>
      <c r="P94" s="538"/>
      <c r="Q94" s="139"/>
      <c r="R94" s="138"/>
      <c r="S94" s="78"/>
      <c r="T94" s="76"/>
      <c r="U94" s="77"/>
      <c r="V94" s="77"/>
      <c r="W94" s="77"/>
      <c r="X94" s="77"/>
      <c r="Y94" s="77"/>
      <c r="Z94" s="77"/>
      <c r="AA94" s="77"/>
      <c r="AB94" s="77"/>
      <c r="AC94" s="77"/>
      <c r="AD94" s="77"/>
      <c r="AE94" s="77"/>
      <c r="AF94" s="77"/>
      <c r="AG94" s="77"/>
      <c r="AH94" s="77"/>
      <c r="AI94" s="77"/>
      <c r="AJ94" s="77"/>
      <c r="AK94" s="77"/>
      <c r="AL94" s="77"/>
      <c r="AM94" s="77"/>
      <c r="AN94" s="77"/>
      <c r="AO94" s="77"/>
      <c r="AP94" s="77"/>
      <c r="AQ94" s="77"/>
      <c r="AR94" s="77"/>
      <c r="AS94" s="77"/>
      <c r="AT94" s="77"/>
      <c r="AU94" s="77"/>
      <c r="AV94" s="77"/>
      <c r="AW94" s="77"/>
      <c r="AX94" s="77"/>
      <c r="AY94" s="77"/>
      <c r="AZ94" s="77"/>
      <c r="BA94" s="77"/>
      <c r="BB94" s="77"/>
      <c r="BC94" s="77"/>
      <c r="BD94" s="77"/>
    </row>
    <row r="95" spans="1:56" s="67" customFormat="1" ht="69.900000000000006" customHeight="1">
      <c r="A95" s="539"/>
      <c r="B95" s="540"/>
      <c r="C95" s="540"/>
      <c r="D95" s="540"/>
      <c r="E95" s="540"/>
      <c r="F95" s="540"/>
      <c r="G95" s="540"/>
      <c r="H95" s="540"/>
      <c r="I95" s="540"/>
      <c r="J95" s="541"/>
      <c r="K95" s="542" t="s">
        <v>72</v>
      </c>
      <c r="L95" s="543"/>
      <c r="M95" s="497"/>
      <c r="N95" s="498"/>
      <c r="O95" s="498"/>
      <c r="P95" s="499"/>
      <c r="Q95" s="139"/>
      <c r="R95" s="138"/>
      <c r="S95" s="78"/>
      <c r="T95" s="76"/>
      <c r="U95" s="77"/>
      <c r="V95" s="77"/>
      <c r="W95" s="77"/>
      <c r="X95" s="77"/>
      <c r="Y95" s="77"/>
      <c r="Z95" s="77"/>
      <c r="AA95" s="77"/>
      <c r="AB95" s="77"/>
      <c r="AC95" s="77"/>
      <c r="AD95" s="77"/>
      <c r="AE95" s="77"/>
      <c r="AF95" s="77"/>
      <c r="AG95" s="77"/>
      <c r="AH95" s="77"/>
      <c r="AI95" s="77"/>
      <c r="AJ95" s="77"/>
      <c r="AK95" s="77"/>
      <c r="AL95" s="77"/>
      <c r="AM95" s="77"/>
      <c r="AN95" s="77"/>
      <c r="AO95" s="77"/>
      <c r="AP95" s="77"/>
      <c r="AQ95" s="77"/>
      <c r="AR95" s="77"/>
      <c r="AS95" s="77"/>
      <c r="AT95" s="77"/>
      <c r="AU95" s="77"/>
      <c r="AV95" s="77"/>
      <c r="AW95" s="77"/>
      <c r="AX95" s="77"/>
      <c r="AY95" s="77"/>
      <c r="AZ95" s="77"/>
      <c r="BA95" s="77"/>
      <c r="BB95" s="77"/>
      <c r="BC95" s="77"/>
      <c r="BD95" s="77"/>
    </row>
    <row r="96" spans="1:56" s="64" customFormat="1" ht="69.900000000000006" customHeight="1">
      <c r="A96" s="468" t="s">
        <v>25</v>
      </c>
      <c r="B96" s="469"/>
      <c r="C96" s="469"/>
      <c r="D96" s="469"/>
      <c r="E96" s="469"/>
      <c r="F96" s="469"/>
      <c r="G96" s="469"/>
      <c r="H96" s="469"/>
      <c r="I96" s="469"/>
      <c r="J96" s="469"/>
      <c r="K96" s="469"/>
      <c r="L96" s="454"/>
      <c r="M96" s="469"/>
      <c r="N96" s="469"/>
      <c r="O96" s="469"/>
      <c r="P96" s="470"/>
      <c r="Q96" s="122"/>
      <c r="R96" s="138"/>
      <c r="S96" s="162"/>
    </row>
    <row r="97" spans="1:258" s="67" customFormat="1" ht="75" customHeight="1">
      <c r="A97" s="456"/>
      <c r="B97" s="457"/>
      <c r="C97" s="457"/>
      <c r="D97" s="457"/>
      <c r="E97" s="457"/>
      <c r="F97" s="457"/>
      <c r="G97" s="457"/>
      <c r="H97" s="457"/>
      <c r="I97" s="457"/>
      <c r="J97" s="457"/>
      <c r="K97" s="457"/>
      <c r="L97" s="458"/>
      <c r="M97" s="457"/>
      <c r="N97" s="457"/>
      <c r="O97" s="457"/>
      <c r="P97" s="459"/>
      <c r="Q97" s="139"/>
      <c r="R97" s="138"/>
      <c r="S97" s="141"/>
      <c r="T97" s="64"/>
    </row>
    <row r="98" spans="1:258" s="67" customFormat="1" ht="75" customHeight="1" thickBot="1">
      <c r="A98" s="460"/>
      <c r="B98" s="461"/>
      <c r="C98" s="461"/>
      <c r="D98" s="461"/>
      <c r="E98" s="461"/>
      <c r="F98" s="461"/>
      <c r="G98" s="461"/>
      <c r="H98" s="461"/>
      <c r="I98" s="461"/>
      <c r="J98" s="461"/>
      <c r="K98" s="461"/>
      <c r="L98" s="462"/>
      <c r="M98" s="461"/>
      <c r="N98" s="461"/>
      <c r="O98" s="461"/>
      <c r="P98" s="463"/>
      <c r="Q98" s="139"/>
      <c r="R98" s="138"/>
      <c r="S98" s="141"/>
      <c r="T98" s="64"/>
    </row>
    <row r="99" spans="1:258" s="64" customFormat="1" ht="69.900000000000006" customHeight="1" thickBot="1">
      <c r="A99" s="518" t="s">
        <v>248</v>
      </c>
      <c r="B99" s="519"/>
      <c r="C99" s="519"/>
      <c r="D99" s="519"/>
      <c r="E99" s="519"/>
      <c r="F99" s="519"/>
      <c r="G99" s="519"/>
      <c r="H99" s="519"/>
      <c r="I99" s="519"/>
      <c r="J99" s="519"/>
      <c r="K99" s="519"/>
      <c r="L99" s="520"/>
      <c r="M99" s="519"/>
      <c r="N99" s="519"/>
      <c r="O99" s="519"/>
      <c r="P99" s="521"/>
      <c r="Q99" s="139"/>
      <c r="R99" s="138"/>
      <c r="S99" s="78"/>
      <c r="T99" s="76"/>
      <c r="U99" s="76"/>
      <c r="V99" s="76"/>
      <c r="W99" s="76"/>
      <c r="X99" s="76"/>
      <c r="Y99" s="76"/>
      <c r="Z99" s="76"/>
      <c r="AA99" s="76"/>
      <c r="AB99" s="76"/>
      <c r="AC99" s="76"/>
      <c r="AD99" s="76"/>
      <c r="AE99" s="76"/>
      <c r="AF99" s="76"/>
      <c r="AG99" s="76"/>
      <c r="AH99" s="76"/>
      <c r="AI99" s="76"/>
      <c r="AJ99" s="76"/>
      <c r="AK99" s="76"/>
      <c r="AL99" s="76"/>
      <c r="AM99" s="76"/>
      <c r="AN99" s="76"/>
      <c r="AO99" s="76"/>
      <c r="AP99" s="76"/>
      <c r="AQ99" s="76"/>
      <c r="AR99" s="76"/>
      <c r="AS99" s="76"/>
      <c r="AT99" s="76"/>
      <c r="AU99" s="76"/>
      <c r="AV99" s="76"/>
      <c r="AW99" s="76"/>
      <c r="AX99" s="76"/>
      <c r="AY99" s="76"/>
      <c r="AZ99" s="76"/>
      <c r="BA99" s="76"/>
      <c r="BB99" s="76"/>
      <c r="BC99" s="76"/>
      <c r="BD99" s="76"/>
    </row>
    <row r="100" spans="1:258" s="67" customFormat="1" ht="399.9" customHeight="1" thickTop="1" thickBot="1">
      <c r="A100" s="522" t="s">
        <v>249</v>
      </c>
      <c r="B100" s="523"/>
      <c r="C100" s="523"/>
      <c r="D100" s="523"/>
      <c r="E100" s="523"/>
      <c r="F100" s="523"/>
      <c r="G100" s="523"/>
      <c r="H100" s="523"/>
      <c r="I100" s="523"/>
      <c r="J100" s="523"/>
      <c r="K100" s="523"/>
      <c r="L100" s="524"/>
      <c r="M100" s="523"/>
      <c r="N100" s="523"/>
      <c r="O100" s="481" t="s">
        <v>20</v>
      </c>
      <c r="P100" s="483" t="s">
        <v>21</v>
      </c>
      <c r="Q100" s="139"/>
      <c r="R100" s="138"/>
      <c r="S100" s="137"/>
      <c r="T100" s="193"/>
      <c r="U100" s="77"/>
      <c r="V100" s="77"/>
      <c r="W100" s="77"/>
      <c r="X100" s="77"/>
      <c r="Y100" s="77"/>
      <c r="Z100" s="77"/>
      <c r="AA100" s="77"/>
      <c r="AB100" s="77"/>
      <c r="AC100" s="77"/>
      <c r="AD100" s="77"/>
      <c r="AE100" s="77"/>
      <c r="AF100" s="77"/>
      <c r="AG100" s="77"/>
      <c r="AH100" s="77"/>
      <c r="AI100" s="77"/>
      <c r="AJ100" s="77"/>
      <c r="AK100" s="77"/>
      <c r="AL100" s="77"/>
      <c r="AM100" s="77"/>
      <c r="AN100" s="77"/>
      <c r="AO100" s="77"/>
      <c r="AP100" s="77"/>
      <c r="AQ100" s="77"/>
      <c r="AR100" s="77"/>
      <c r="AS100" s="77"/>
      <c r="AT100" s="77"/>
      <c r="AU100" s="77"/>
      <c r="AV100" s="77"/>
      <c r="AW100" s="77"/>
      <c r="AX100" s="77"/>
      <c r="AY100" s="77"/>
      <c r="AZ100" s="77"/>
      <c r="BA100" s="77"/>
      <c r="BB100" s="77"/>
      <c r="BC100" s="77"/>
      <c r="BD100" s="77"/>
    </row>
    <row r="101" spans="1:258" s="67" customFormat="1" ht="200.1" customHeight="1" thickTop="1">
      <c r="A101" s="525"/>
      <c r="B101" s="526"/>
      <c r="C101" s="526"/>
      <c r="D101" s="526"/>
      <c r="E101" s="526"/>
      <c r="F101" s="526"/>
      <c r="G101" s="526"/>
      <c r="H101" s="526"/>
      <c r="I101" s="526"/>
      <c r="J101" s="526"/>
      <c r="K101" s="526"/>
      <c r="L101" s="524"/>
      <c r="M101" s="526"/>
      <c r="N101" s="526"/>
      <c r="O101" s="482"/>
      <c r="P101" s="484"/>
      <c r="Q101" s="139"/>
      <c r="R101" s="138"/>
      <c r="S101" s="94"/>
      <c r="T101" s="76"/>
      <c r="U101" s="77"/>
      <c r="V101" s="77"/>
      <c r="W101" s="77"/>
      <c r="X101" s="77"/>
      <c r="Y101" s="77"/>
      <c r="Z101" s="77"/>
      <c r="AA101" s="77"/>
      <c r="AB101" s="77"/>
      <c r="AC101" s="77"/>
      <c r="AD101" s="77"/>
      <c r="AE101" s="77"/>
      <c r="AF101" s="77"/>
      <c r="AG101" s="77"/>
      <c r="AH101" s="77"/>
      <c r="AI101" s="77"/>
      <c r="AJ101" s="77"/>
      <c r="AK101" s="77"/>
      <c r="AL101" s="77"/>
      <c r="AM101" s="77"/>
      <c r="AN101" s="77"/>
      <c r="AO101" s="77"/>
      <c r="AP101" s="77"/>
      <c r="AQ101" s="77"/>
      <c r="AR101" s="77"/>
      <c r="AS101" s="77"/>
      <c r="AT101" s="77"/>
      <c r="AU101" s="77"/>
      <c r="AV101" s="77"/>
      <c r="AW101" s="77"/>
      <c r="AX101" s="77"/>
      <c r="AY101" s="77"/>
      <c r="AZ101" s="77"/>
      <c r="BA101" s="77"/>
      <c r="BB101" s="77"/>
      <c r="BC101" s="77"/>
      <c r="BD101" s="77"/>
    </row>
    <row r="102" spans="1:258" s="67" customFormat="1" ht="279.89999999999998" customHeight="1">
      <c r="A102" s="525"/>
      <c r="B102" s="526"/>
      <c r="C102" s="526"/>
      <c r="D102" s="526"/>
      <c r="E102" s="526"/>
      <c r="F102" s="526"/>
      <c r="G102" s="526"/>
      <c r="H102" s="526"/>
      <c r="I102" s="526"/>
      <c r="J102" s="526"/>
      <c r="K102" s="526"/>
      <c r="L102" s="527"/>
      <c r="M102" s="526"/>
      <c r="N102" s="526"/>
      <c r="O102" s="482"/>
      <c r="P102" s="484"/>
      <c r="Q102" s="139"/>
      <c r="R102" s="138"/>
      <c r="S102" s="94"/>
      <c r="U102" s="77"/>
      <c r="V102" s="77"/>
      <c r="W102" s="77"/>
      <c r="X102" s="77"/>
      <c r="Y102" s="77"/>
      <c r="Z102" s="77"/>
      <c r="AA102" s="77"/>
      <c r="AB102" s="77"/>
      <c r="AC102" s="77"/>
      <c r="AD102" s="77"/>
      <c r="AE102" s="77"/>
      <c r="AF102" s="77"/>
      <c r="AG102" s="77"/>
      <c r="AH102" s="77"/>
      <c r="AI102" s="77"/>
      <c r="AJ102" s="77"/>
      <c r="AK102" s="77"/>
      <c r="AL102" s="77"/>
      <c r="AM102" s="77"/>
      <c r="AN102" s="77"/>
      <c r="AO102" s="77"/>
      <c r="AP102" s="77"/>
      <c r="AQ102" s="77"/>
      <c r="AR102" s="77"/>
      <c r="AS102" s="77"/>
      <c r="AT102" s="77"/>
      <c r="AU102" s="77"/>
      <c r="AV102" s="77"/>
      <c r="AW102" s="77"/>
      <c r="AX102" s="77"/>
      <c r="AY102" s="77"/>
      <c r="AZ102" s="77"/>
      <c r="BA102" s="77"/>
      <c r="BB102" s="77"/>
      <c r="BC102" s="77"/>
      <c r="BD102" s="77"/>
    </row>
    <row r="103" spans="1:258" s="64" customFormat="1" ht="69.900000000000006" customHeight="1">
      <c r="A103" s="503" t="s">
        <v>52</v>
      </c>
      <c r="B103" s="504"/>
      <c r="C103" s="504"/>
      <c r="D103" s="504"/>
      <c r="E103" s="504"/>
      <c r="F103" s="504"/>
      <c r="G103" s="504"/>
      <c r="H103" s="504"/>
      <c r="I103" s="504"/>
      <c r="J103" s="504"/>
      <c r="K103" s="504"/>
      <c r="L103" s="505"/>
      <c r="M103" s="504"/>
      <c r="N103" s="504"/>
      <c r="O103" s="504"/>
      <c r="P103" s="506"/>
      <c r="Q103" s="122"/>
      <c r="R103" s="138"/>
      <c r="S103" s="162"/>
    </row>
    <row r="104" spans="1:258" s="64" customFormat="1" ht="69.900000000000006" customHeight="1">
      <c r="A104" s="507" t="s">
        <v>64</v>
      </c>
      <c r="B104" s="508"/>
      <c r="C104" s="508"/>
      <c r="D104" s="508"/>
      <c r="E104" s="508"/>
      <c r="F104" s="508"/>
      <c r="G104" s="508"/>
      <c r="H104" s="508"/>
      <c r="I104" s="508"/>
      <c r="J104" s="508"/>
      <c r="K104" s="508"/>
      <c r="L104" s="508"/>
      <c r="M104" s="508"/>
      <c r="N104" s="508"/>
      <c r="O104" s="508"/>
      <c r="P104" s="509"/>
      <c r="Q104" s="161"/>
      <c r="R104" s="133"/>
      <c r="S104" s="162"/>
      <c r="T104" s="52"/>
      <c r="U104" s="52"/>
      <c r="V104" s="52"/>
      <c r="W104" s="52"/>
      <c r="X104" s="52"/>
      <c r="Y104" s="52"/>
      <c r="Z104" s="52"/>
      <c r="AA104" s="52"/>
      <c r="AB104" s="52"/>
      <c r="AC104" s="52"/>
      <c r="AD104" s="52"/>
      <c r="AE104" s="52"/>
      <c r="AF104" s="52"/>
      <c r="AG104" s="52"/>
      <c r="AH104" s="52"/>
      <c r="AI104" s="52"/>
      <c r="AJ104" s="52"/>
      <c r="AK104" s="52"/>
      <c r="AL104" s="52"/>
      <c r="AM104" s="52"/>
      <c r="AN104" s="52"/>
      <c r="AO104" s="52"/>
      <c r="AP104" s="52"/>
      <c r="AQ104" s="52"/>
      <c r="AR104" s="52"/>
      <c r="AS104" s="52"/>
      <c r="AT104" s="52"/>
      <c r="AU104" s="52"/>
      <c r="AV104" s="52"/>
      <c r="AW104" s="52"/>
      <c r="AX104" s="52"/>
      <c r="AY104" s="52"/>
      <c r="AZ104" s="52"/>
      <c r="BA104" s="52"/>
      <c r="BB104" s="52"/>
      <c r="BC104" s="52"/>
      <c r="BD104" s="52"/>
      <c r="BE104" s="52"/>
      <c r="BF104" s="52"/>
      <c r="BG104" s="52"/>
      <c r="BH104" s="52"/>
      <c r="BI104" s="52"/>
      <c r="BJ104" s="52"/>
      <c r="BK104" s="52"/>
      <c r="BL104" s="52"/>
      <c r="BM104" s="52"/>
      <c r="BN104" s="52"/>
      <c r="BO104" s="52"/>
      <c r="BP104" s="52"/>
      <c r="BQ104" s="52"/>
      <c r="BR104" s="52"/>
      <c r="BS104" s="52"/>
      <c r="BT104" s="52"/>
      <c r="BU104" s="52"/>
      <c r="BV104" s="52"/>
      <c r="BW104" s="52"/>
      <c r="BX104" s="52"/>
      <c r="BY104" s="52"/>
      <c r="BZ104" s="52"/>
      <c r="CA104" s="52"/>
      <c r="CB104" s="52"/>
      <c r="CC104" s="52"/>
      <c r="CD104" s="52"/>
      <c r="CE104" s="52"/>
      <c r="CF104" s="52"/>
      <c r="CG104" s="52"/>
      <c r="CH104" s="52"/>
      <c r="CI104" s="52"/>
      <c r="CJ104" s="52"/>
      <c r="CK104" s="52"/>
      <c r="CL104" s="52"/>
      <c r="CM104" s="52"/>
      <c r="CN104" s="52"/>
      <c r="CO104" s="52"/>
      <c r="CP104" s="52"/>
      <c r="CQ104" s="52"/>
      <c r="CR104" s="52"/>
      <c r="CS104" s="52"/>
      <c r="CT104" s="52"/>
      <c r="CU104" s="52"/>
      <c r="CV104" s="52"/>
      <c r="CW104" s="52"/>
      <c r="CX104" s="52"/>
      <c r="CY104" s="52"/>
      <c r="CZ104" s="52"/>
      <c r="DA104" s="52"/>
      <c r="DB104" s="52"/>
      <c r="DC104" s="52"/>
      <c r="DD104" s="52"/>
      <c r="DE104" s="52"/>
      <c r="DF104" s="52"/>
      <c r="DG104" s="52"/>
      <c r="DH104" s="52"/>
      <c r="DI104" s="52"/>
      <c r="DJ104" s="52"/>
      <c r="DK104" s="52"/>
      <c r="DL104" s="52"/>
      <c r="DM104" s="52"/>
      <c r="DN104" s="52"/>
      <c r="DO104" s="52"/>
      <c r="DP104" s="52"/>
      <c r="DQ104" s="52"/>
      <c r="DR104" s="52"/>
      <c r="DS104" s="52"/>
      <c r="DT104" s="52"/>
      <c r="DU104" s="52"/>
      <c r="DV104" s="52"/>
      <c r="DW104" s="52"/>
      <c r="DX104" s="52"/>
      <c r="DY104" s="52"/>
      <c r="DZ104" s="52"/>
      <c r="EA104" s="52"/>
      <c r="EB104" s="52"/>
      <c r="EC104" s="52"/>
      <c r="ED104" s="52"/>
      <c r="EE104" s="52"/>
      <c r="EF104" s="52"/>
      <c r="EG104" s="52"/>
      <c r="EH104" s="52"/>
      <c r="EI104" s="52"/>
      <c r="EJ104" s="52"/>
      <c r="EK104" s="52"/>
      <c r="EL104" s="52"/>
      <c r="EM104" s="52"/>
      <c r="EN104" s="52"/>
      <c r="EO104" s="52"/>
      <c r="EP104" s="52"/>
      <c r="EQ104" s="52"/>
      <c r="ER104" s="52"/>
      <c r="ES104" s="52"/>
      <c r="ET104" s="52"/>
      <c r="EU104" s="52"/>
      <c r="EV104" s="52"/>
      <c r="EW104" s="52"/>
      <c r="EX104" s="52"/>
      <c r="EY104" s="52"/>
      <c r="EZ104" s="52"/>
      <c r="FA104" s="52"/>
      <c r="FB104" s="52"/>
      <c r="FC104" s="52"/>
      <c r="FD104" s="52"/>
      <c r="FE104" s="52"/>
      <c r="FF104" s="52"/>
      <c r="FG104" s="52"/>
      <c r="FH104" s="52"/>
      <c r="FI104" s="52"/>
      <c r="FJ104" s="52"/>
      <c r="FK104" s="52"/>
      <c r="FL104" s="52"/>
      <c r="FM104" s="52"/>
      <c r="FN104" s="52"/>
      <c r="FO104" s="52"/>
      <c r="FP104" s="52"/>
      <c r="FQ104" s="52"/>
      <c r="FR104" s="52"/>
      <c r="FS104" s="52"/>
      <c r="FT104" s="52"/>
      <c r="FU104" s="52"/>
      <c r="FV104" s="52"/>
      <c r="FW104" s="52"/>
      <c r="FX104" s="52"/>
      <c r="FY104" s="52"/>
      <c r="FZ104" s="52"/>
      <c r="GA104" s="52"/>
      <c r="GB104" s="52"/>
      <c r="GC104" s="52"/>
      <c r="GD104" s="52"/>
      <c r="GE104" s="52"/>
      <c r="GF104" s="52"/>
      <c r="GG104" s="52"/>
      <c r="GH104" s="52"/>
      <c r="GI104" s="52"/>
      <c r="GJ104" s="52"/>
      <c r="GK104" s="52"/>
      <c r="GL104" s="52"/>
      <c r="GM104" s="52"/>
      <c r="GN104" s="52"/>
      <c r="GO104" s="52"/>
      <c r="GP104" s="52"/>
      <c r="GQ104" s="52"/>
      <c r="GR104" s="52"/>
      <c r="GS104" s="52"/>
      <c r="GT104" s="52"/>
      <c r="GU104" s="52"/>
      <c r="GV104" s="52"/>
      <c r="GW104" s="52"/>
      <c r="GX104" s="52"/>
      <c r="GY104" s="52"/>
      <c r="GZ104" s="52"/>
      <c r="HA104" s="52"/>
      <c r="HB104" s="52"/>
      <c r="HC104" s="52"/>
      <c r="HD104" s="52"/>
      <c r="HE104" s="52"/>
      <c r="HF104" s="52"/>
      <c r="HG104" s="52"/>
      <c r="HH104" s="52"/>
      <c r="HI104" s="52"/>
      <c r="HJ104" s="52"/>
      <c r="HK104" s="52"/>
      <c r="HL104" s="52"/>
      <c r="HM104" s="52"/>
      <c r="HN104" s="52"/>
      <c r="HO104" s="52"/>
      <c r="HP104" s="52"/>
      <c r="HQ104" s="52"/>
      <c r="HR104" s="52"/>
      <c r="HS104" s="52"/>
      <c r="HT104" s="52"/>
      <c r="HU104" s="52"/>
      <c r="HV104" s="52"/>
      <c r="HW104" s="52"/>
      <c r="HX104" s="52"/>
      <c r="HY104" s="52"/>
      <c r="HZ104" s="52"/>
      <c r="IA104" s="52"/>
      <c r="IB104" s="52"/>
      <c r="IC104" s="52"/>
      <c r="ID104" s="52"/>
      <c r="IE104" s="52"/>
      <c r="IF104" s="52"/>
      <c r="IG104" s="52"/>
      <c r="IH104" s="52"/>
      <c r="II104" s="52"/>
      <c r="IJ104" s="52"/>
      <c r="IK104" s="52"/>
      <c r="IL104" s="52"/>
      <c r="IM104" s="52"/>
      <c r="IN104" s="52"/>
      <c r="IO104" s="52"/>
      <c r="IP104" s="52"/>
      <c r="IQ104" s="52"/>
      <c r="IR104" s="52"/>
      <c r="IS104" s="52"/>
      <c r="IT104" s="52"/>
      <c r="IU104" s="52"/>
      <c r="IV104" s="52"/>
      <c r="IW104" s="52"/>
      <c r="IX104" s="52"/>
    </row>
    <row r="105" spans="1:258" s="67" customFormat="1" ht="65.099999999999994" customHeight="1">
      <c r="A105" s="547" t="s">
        <v>250</v>
      </c>
      <c r="B105" s="548"/>
      <c r="C105" s="548"/>
      <c r="D105" s="548"/>
      <c r="E105" s="548"/>
      <c r="F105" s="548"/>
      <c r="G105" s="548"/>
      <c r="H105" s="548"/>
      <c r="I105" s="548"/>
      <c r="J105" s="548"/>
      <c r="K105" s="548"/>
      <c r="L105" s="548"/>
      <c r="M105" s="548"/>
      <c r="N105" s="548"/>
      <c r="O105" s="548"/>
      <c r="P105" s="549"/>
      <c r="Q105" s="139"/>
      <c r="R105" s="138"/>
      <c r="S105" s="78"/>
      <c r="T105" s="193"/>
      <c r="U105" s="77"/>
      <c r="V105" s="77"/>
      <c r="W105" s="77"/>
      <c r="X105" s="77"/>
      <c r="Y105" s="77"/>
      <c r="Z105" s="77"/>
      <c r="AA105" s="77"/>
      <c r="AB105" s="77"/>
      <c r="AC105" s="77"/>
      <c r="AD105" s="77"/>
      <c r="AE105" s="77"/>
      <c r="AF105" s="77"/>
      <c r="AG105" s="77"/>
      <c r="AH105" s="77"/>
      <c r="AI105" s="77"/>
      <c r="AJ105" s="77"/>
      <c r="AK105" s="77"/>
      <c r="AL105" s="77"/>
      <c r="AM105" s="77"/>
      <c r="AN105" s="77"/>
      <c r="AO105" s="77"/>
      <c r="AP105" s="77"/>
      <c r="AQ105" s="77"/>
      <c r="AR105" s="77"/>
      <c r="AS105" s="77"/>
      <c r="AT105" s="77"/>
      <c r="AU105" s="77"/>
      <c r="AV105" s="77"/>
      <c r="AW105" s="77"/>
      <c r="AX105" s="77"/>
      <c r="AY105" s="77"/>
      <c r="AZ105" s="77"/>
      <c r="BA105" s="77"/>
      <c r="BB105" s="77"/>
      <c r="BC105" s="77"/>
      <c r="BD105" s="77"/>
    </row>
    <row r="106" spans="1:258" s="67" customFormat="1" ht="135" customHeight="1">
      <c r="A106" s="550" t="s">
        <v>251</v>
      </c>
      <c r="B106" s="551"/>
      <c r="C106" s="551"/>
      <c r="D106" s="551"/>
      <c r="E106" s="551"/>
      <c r="F106" s="551"/>
      <c r="G106" s="551"/>
      <c r="H106" s="551"/>
      <c r="I106" s="551"/>
      <c r="J106" s="551"/>
      <c r="K106" s="551"/>
      <c r="L106" s="551"/>
      <c r="M106" s="551"/>
      <c r="N106" s="551"/>
      <c r="O106" s="551"/>
      <c r="P106" s="552"/>
      <c r="Q106" s="139"/>
      <c r="R106" s="138"/>
      <c r="S106" s="78"/>
      <c r="T106" s="76"/>
      <c r="U106" s="77"/>
      <c r="V106" s="77"/>
      <c r="W106" s="77"/>
      <c r="X106" s="77"/>
      <c r="Y106" s="77"/>
      <c r="Z106" s="77"/>
      <c r="AA106" s="77"/>
      <c r="AB106" s="77"/>
      <c r="AC106" s="77"/>
      <c r="AD106" s="77"/>
      <c r="AE106" s="77"/>
      <c r="AF106" s="77"/>
      <c r="AG106" s="77"/>
      <c r="AH106" s="77"/>
      <c r="AI106" s="77"/>
      <c r="AJ106" s="77"/>
      <c r="AK106" s="77"/>
      <c r="AL106" s="77"/>
      <c r="AM106" s="77"/>
      <c r="AN106" s="77"/>
      <c r="AO106" s="77"/>
      <c r="AP106" s="77"/>
      <c r="AQ106" s="77"/>
      <c r="AR106" s="77"/>
      <c r="AS106" s="77"/>
      <c r="AT106" s="77"/>
      <c r="AU106" s="77"/>
      <c r="AV106" s="77"/>
      <c r="AW106" s="77"/>
      <c r="AX106" s="77"/>
      <c r="AY106" s="77"/>
      <c r="AZ106" s="77"/>
      <c r="BA106" s="77"/>
      <c r="BB106" s="77"/>
      <c r="BC106" s="77"/>
      <c r="BD106" s="77"/>
    </row>
    <row r="107" spans="1:258" s="64" customFormat="1" ht="69.900000000000006" customHeight="1">
      <c r="A107" s="468" t="s">
        <v>25</v>
      </c>
      <c r="B107" s="469"/>
      <c r="C107" s="469"/>
      <c r="D107" s="469"/>
      <c r="E107" s="469"/>
      <c r="F107" s="469"/>
      <c r="G107" s="469"/>
      <c r="H107" s="469"/>
      <c r="I107" s="469"/>
      <c r="J107" s="469"/>
      <c r="K107" s="469"/>
      <c r="L107" s="454"/>
      <c r="M107" s="469"/>
      <c r="N107" s="469"/>
      <c r="O107" s="469"/>
      <c r="P107" s="470"/>
      <c r="Q107" s="122"/>
      <c r="R107" s="138"/>
      <c r="S107" s="162"/>
    </row>
    <row r="108" spans="1:258" s="67" customFormat="1" ht="75" customHeight="1">
      <c r="A108" s="456"/>
      <c r="B108" s="457"/>
      <c r="C108" s="457"/>
      <c r="D108" s="457"/>
      <c r="E108" s="457"/>
      <c r="F108" s="457"/>
      <c r="G108" s="457"/>
      <c r="H108" s="457"/>
      <c r="I108" s="457"/>
      <c r="J108" s="457"/>
      <c r="K108" s="457"/>
      <c r="L108" s="458"/>
      <c r="M108" s="457"/>
      <c r="N108" s="457"/>
      <c r="O108" s="457"/>
      <c r="P108" s="459"/>
      <c r="Q108" s="139"/>
      <c r="R108" s="138"/>
      <c r="S108" s="141"/>
      <c r="T108" s="193"/>
    </row>
    <row r="109" spans="1:258" s="67" customFormat="1" ht="75" customHeight="1" thickBot="1">
      <c r="A109" s="471"/>
      <c r="B109" s="472"/>
      <c r="C109" s="472"/>
      <c r="D109" s="472"/>
      <c r="E109" s="472"/>
      <c r="F109" s="472"/>
      <c r="G109" s="472"/>
      <c r="H109" s="472"/>
      <c r="I109" s="472"/>
      <c r="J109" s="472"/>
      <c r="K109" s="472"/>
      <c r="L109" s="473"/>
      <c r="M109" s="472"/>
      <c r="N109" s="472"/>
      <c r="O109" s="472"/>
      <c r="P109" s="474"/>
      <c r="Q109" s="139"/>
      <c r="R109" s="138"/>
      <c r="S109" s="141"/>
      <c r="T109" s="64"/>
    </row>
    <row r="110" spans="1:258" s="64" customFormat="1" ht="69.900000000000006" customHeight="1" thickBot="1">
      <c r="A110" s="443" t="s">
        <v>76</v>
      </c>
      <c r="B110" s="444"/>
      <c r="C110" s="444"/>
      <c r="D110" s="444"/>
      <c r="E110" s="444"/>
      <c r="F110" s="444"/>
      <c r="G110" s="444"/>
      <c r="H110" s="444"/>
      <c r="I110" s="444"/>
      <c r="J110" s="444"/>
      <c r="K110" s="444"/>
      <c r="L110" s="445"/>
      <c r="M110" s="444"/>
      <c r="N110" s="444"/>
      <c r="O110" s="444"/>
      <c r="P110" s="446"/>
      <c r="Q110" s="139"/>
      <c r="R110" s="138"/>
      <c r="S110" s="209" t="s">
        <v>252</v>
      </c>
      <c r="T110" s="76"/>
      <c r="U110" s="76"/>
      <c r="V110" s="76"/>
      <c r="W110" s="76"/>
      <c r="X110" s="77"/>
      <c r="Y110" s="77"/>
      <c r="Z110" s="77"/>
      <c r="AA110" s="77"/>
      <c r="AB110" s="77"/>
      <c r="AC110" s="77"/>
      <c r="AD110" s="77"/>
      <c r="AE110" s="77"/>
      <c r="AF110" s="77"/>
      <c r="AG110" s="77"/>
      <c r="AH110" s="77"/>
      <c r="AI110" s="77"/>
      <c r="AJ110" s="77"/>
      <c r="AK110" s="77"/>
      <c r="AL110" s="77"/>
      <c r="AM110" s="77"/>
      <c r="AN110" s="76"/>
      <c r="AO110" s="76"/>
      <c r="AP110" s="76"/>
      <c r="AQ110" s="76"/>
      <c r="AR110" s="76"/>
      <c r="AS110" s="76"/>
      <c r="AT110" s="76"/>
      <c r="AU110" s="76"/>
      <c r="AV110" s="76"/>
      <c r="AW110" s="76"/>
      <c r="AX110" s="76"/>
      <c r="AY110" s="76"/>
      <c r="AZ110" s="76"/>
      <c r="BA110" s="76"/>
      <c r="BB110" s="76"/>
      <c r="BC110" s="76"/>
      <c r="BD110" s="76"/>
    </row>
    <row r="111" spans="1:258" s="67" customFormat="1" ht="139.94999999999999" customHeight="1" thickTop="1" thickBot="1">
      <c r="A111" s="544" t="s">
        <v>253</v>
      </c>
      <c r="B111" s="545"/>
      <c r="C111" s="545"/>
      <c r="D111" s="545"/>
      <c r="E111" s="545"/>
      <c r="F111" s="545"/>
      <c r="G111" s="545"/>
      <c r="H111" s="545"/>
      <c r="I111" s="545"/>
      <c r="J111" s="545"/>
      <c r="K111" s="545"/>
      <c r="L111" s="546"/>
      <c r="M111" s="545"/>
      <c r="N111" s="545"/>
      <c r="O111" s="95" t="s">
        <v>20</v>
      </c>
      <c r="P111" s="96" t="s">
        <v>21</v>
      </c>
      <c r="Q111" s="139"/>
      <c r="R111" s="138"/>
      <c r="S111" s="137"/>
      <c r="T111" s="76"/>
      <c r="U111" s="77"/>
      <c r="V111" s="77"/>
      <c r="W111" s="77"/>
      <c r="X111" s="77"/>
      <c r="Y111" s="77"/>
      <c r="Z111" s="77"/>
      <c r="AA111" s="77"/>
      <c r="AB111" s="77"/>
      <c r="AC111" s="77"/>
      <c r="AD111" s="77"/>
      <c r="AE111" s="77"/>
      <c r="AF111" s="77"/>
      <c r="AG111" s="77"/>
      <c r="AH111" s="77"/>
      <c r="AI111" s="77"/>
      <c r="AJ111" s="77"/>
      <c r="AK111" s="77"/>
      <c r="AL111" s="77"/>
      <c r="AM111" s="77"/>
      <c r="AN111" s="77"/>
      <c r="AO111" s="77"/>
      <c r="AP111" s="77"/>
      <c r="AQ111" s="77"/>
      <c r="AR111" s="77"/>
      <c r="AS111" s="77"/>
      <c r="AT111" s="77"/>
      <c r="AU111" s="77"/>
      <c r="AV111" s="77"/>
      <c r="AW111" s="77"/>
      <c r="AX111" s="77"/>
      <c r="AY111" s="77"/>
      <c r="AZ111" s="77"/>
      <c r="BA111" s="77"/>
      <c r="BB111" s="77"/>
      <c r="BC111" s="77"/>
      <c r="BD111" s="77"/>
    </row>
    <row r="112" spans="1:258" s="64" customFormat="1" ht="69.900000000000006" customHeight="1" thickTop="1">
      <c r="A112" s="468" t="s">
        <v>25</v>
      </c>
      <c r="B112" s="469"/>
      <c r="C112" s="469"/>
      <c r="D112" s="469"/>
      <c r="E112" s="469"/>
      <c r="F112" s="469"/>
      <c r="G112" s="469"/>
      <c r="H112" s="469"/>
      <c r="I112" s="469"/>
      <c r="J112" s="469"/>
      <c r="K112" s="469"/>
      <c r="L112" s="454"/>
      <c r="M112" s="469"/>
      <c r="N112" s="469"/>
      <c r="O112" s="469"/>
      <c r="P112" s="470"/>
      <c r="Q112" s="122"/>
      <c r="R112" s="138"/>
      <c r="S112" s="162"/>
    </row>
    <row r="113" spans="1:56" s="67" customFormat="1" ht="75" customHeight="1">
      <c r="A113" s="456"/>
      <c r="B113" s="457"/>
      <c r="C113" s="457"/>
      <c r="D113" s="457"/>
      <c r="E113" s="457"/>
      <c r="F113" s="457"/>
      <c r="G113" s="457"/>
      <c r="H113" s="457"/>
      <c r="I113" s="457"/>
      <c r="J113" s="457"/>
      <c r="K113" s="457"/>
      <c r="L113" s="458"/>
      <c r="M113" s="457"/>
      <c r="N113" s="457"/>
      <c r="O113" s="457"/>
      <c r="P113" s="459"/>
      <c r="Q113" s="139"/>
      <c r="R113" s="138"/>
      <c r="S113" s="141"/>
      <c r="T113" s="64"/>
    </row>
    <row r="114" spans="1:56" s="67" customFormat="1" ht="75" customHeight="1" thickBot="1">
      <c r="A114" s="460"/>
      <c r="B114" s="461"/>
      <c r="C114" s="461"/>
      <c r="D114" s="461"/>
      <c r="E114" s="461"/>
      <c r="F114" s="461"/>
      <c r="G114" s="461"/>
      <c r="H114" s="461"/>
      <c r="I114" s="461"/>
      <c r="J114" s="461"/>
      <c r="K114" s="461"/>
      <c r="L114" s="462"/>
      <c r="M114" s="461"/>
      <c r="N114" s="461"/>
      <c r="O114" s="461"/>
      <c r="P114" s="463"/>
      <c r="Q114" s="139"/>
      <c r="R114" s="138"/>
      <c r="S114" s="141"/>
      <c r="T114" s="64"/>
    </row>
    <row r="115" spans="1:56" s="64" customFormat="1" ht="69.900000000000006" customHeight="1" thickBot="1">
      <c r="A115" s="443" t="s">
        <v>254</v>
      </c>
      <c r="B115" s="444"/>
      <c r="C115" s="444"/>
      <c r="D115" s="444"/>
      <c r="E115" s="444"/>
      <c r="F115" s="444"/>
      <c r="G115" s="444"/>
      <c r="H115" s="444"/>
      <c r="I115" s="444"/>
      <c r="J115" s="444"/>
      <c r="K115" s="444"/>
      <c r="L115" s="445"/>
      <c r="M115" s="444"/>
      <c r="N115" s="444"/>
      <c r="O115" s="444"/>
      <c r="P115" s="446"/>
      <c r="Q115" s="139"/>
      <c r="R115" s="138"/>
      <c r="S115" s="78"/>
      <c r="T115" s="76"/>
      <c r="U115" s="76"/>
      <c r="V115" s="76"/>
      <c r="W115" s="76"/>
      <c r="X115" s="76"/>
      <c r="Y115" s="76"/>
      <c r="Z115" s="76"/>
      <c r="AA115" s="76"/>
      <c r="AB115" s="76"/>
      <c r="AC115" s="76"/>
      <c r="AD115" s="76"/>
      <c r="AE115" s="76"/>
      <c r="AF115" s="76"/>
      <c r="AG115" s="76"/>
      <c r="AH115" s="76"/>
      <c r="AI115" s="76"/>
      <c r="AJ115" s="76"/>
      <c r="AK115" s="76"/>
      <c r="AL115" s="76"/>
      <c r="AM115" s="76"/>
      <c r="AN115" s="76"/>
      <c r="AO115" s="76"/>
      <c r="AP115" s="76"/>
      <c r="AQ115" s="76"/>
      <c r="AR115" s="76"/>
      <c r="AS115" s="76"/>
      <c r="AT115" s="76"/>
      <c r="AU115" s="76"/>
      <c r="AV115" s="76"/>
      <c r="AW115" s="76"/>
      <c r="AX115" s="76"/>
      <c r="AY115" s="76"/>
      <c r="AZ115" s="76"/>
      <c r="BA115" s="76"/>
      <c r="BB115" s="76"/>
      <c r="BC115" s="76"/>
      <c r="BD115" s="76"/>
    </row>
    <row r="116" spans="1:56" s="67" customFormat="1" ht="140.1" customHeight="1" thickTop="1" thickBot="1">
      <c r="A116" s="544" t="s">
        <v>255</v>
      </c>
      <c r="B116" s="545"/>
      <c r="C116" s="545"/>
      <c r="D116" s="545"/>
      <c r="E116" s="545"/>
      <c r="F116" s="545"/>
      <c r="G116" s="545"/>
      <c r="H116" s="545"/>
      <c r="I116" s="545"/>
      <c r="J116" s="545"/>
      <c r="K116" s="545"/>
      <c r="L116" s="546"/>
      <c r="M116" s="545"/>
      <c r="N116" s="545"/>
      <c r="O116" s="95" t="s">
        <v>20</v>
      </c>
      <c r="P116" s="96" t="s">
        <v>21</v>
      </c>
      <c r="Q116" s="139"/>
      <c r="R116" s="138"/>
      <c r="S116" s="137"/>
      <c r="T116" s="76"/>
      <c r="U116" s="77"/>
      <c r="V116" s="77"/>
      <c r="W116" s="77"/>
      <c r="X116" s="76"/>
      <c r="Y116" s="76"/>
      <c r="Z116" s="76"/>
      <c r="AA116" s="76"/>
      <c r="AB116" s="76"/>
      <c r="AC116" s="76"/>
      <c r="AD116" s="76"/>
      <c r="AE116" s="76"/>
      <c r="AF116" s="76"/>
      <c r="AG116" s="76"/>
      <c r="AH116" s="76"/>
      <c r="AI116" s="76"/>
      <c r="AJ116" s="76"/>
      <c r="AK116" s="76"/>
      <c r="AL116" s="76"/>
      <c r="AM116" s="76"/>
      <c r="AN116" s="77"/>
      <c r="AO116" s="77"/>
      <c r="AP116" s="77"/>
      <c r="AQ116" s="77"/>
      <c r="AR116" s="77"/>
      <c r="AS116" s="77"/>
      <c r="AT116" s="77"/>
      <c r="AU116" s="77"/>
      <c r="AV116" s="77"/>
      <c r="AW116" s="77"/>
      <c r="AX116" s="77"/>
      <c r="AY116" s="77"/>
      <c r="AZ116" s="77"/>
      <c r="BA116" s="77"/>
      <c r="BB116" s="77"/>
      <c r="BC116" s="77"/>
      <c r="BD116" s="77"/>
    </row>
    <row r="117" spans="1:56" s="64" customFormat="1" ht="69.900000000000006" customHeight="1" thickTop="1">
      <c r="A117" s="559" t="s">
        <v>25</v>
      </c>
      <c r="B117" s="560"/>
      <c r="C117" s="560"/>
      <c r="D117" s="560"/>
      <c r="E117" s="560"/>
      <c r="F117" s="560"/>
      <c r="G117" s="560"/>
      <c r="H117" s="560"/>
      <c r="I117" s="560"/>
      <c r="J117" s="560"/>
      <c r="K117" s="560"/>
      <c r="L117" s="376"/>
      <c r="M117" s="560"/>
      <c r="N117" s="560"/>
      <c r="O117" s="560"/>
      <c r="P117" s="561"/>
      <c r="Q117" s="122"/>
      <c r="R117" s="138"/>
      <c r="S117" s="162"/>
    </row>
    <row r="118" spans="1:56" s="67" customFormat="1" ht="75" customHeight="1">
      <c r="A118" s="456"/>
      <c r="B118" s="457"/>
      <c r="C118" s="457"/>
      <c r="D118" s="457"/>
      <c r="E118" s="457"/>
      <c r="F118" s="457"/>
      <c r="G118" s="457"/>
      <c r="H118" s="457"/>
      <c r="I118" s="457"/>
      <c r="J118" s="457"/>
      <c r="K118" s="457"/>
      <c r="L118" s="458"/>
      <c r="M118" s="457"/>
      <c r="N118" s="457"/>
      <c r="O118" s="457"/>
      <c r="P118" s="459"/>
      <c r="Q118" s="139"/>
      <c r="R118" s="138"/>
      <c r="S118" s="141"/>
      <c r="T118" s="64"/>
    </row>
    <row r="119" spans="1:56" s="67" customFormat="1" ht="75" customHeight="1" thickBot="1">
      <c r="A119" s="460"/>
      <c r="B119" s="461"/>
      <c r="C119" s="461"/>
      <c r="D119" s="461"/>
      <c r="E119" s="461"/>
      <c r="F119" s="461"/>
      <c r="G119" s="461"/>
      <c r="H119" s="461"/>
      <c r="I119" s="461"/>
      <c r="J119" s="461"/>
      <c r="K119" s="461"/>
      <c r="L119" s="462"/>
      <c r="M119" s="461"/>
      <c r="N119" s="461"/>
      <c r="O119" s="461"/>
      <c r="P119" s="463"/>
      <c r="Q119" s="139"/>
      <c r="R119" s="138"/>
      <c r="S119" s="141"/>
      <c r="T119" s="64"/>
    </row>
    <row r="120" spans="1:56" s="64" customFormat="1" ht="69.900000000000006" customHeight="1" thickBot="1">
      <c r="A120" s="562" t="s">
        <v>81</v>
      </c>
      <c r="B120" s="563"/>
      <c r="C120" s="563"/>
      <c r="D120" s="563"/>
      <c r="E120" s="563"/>
      <c r="F120" s="563"/>
      <c r="G120" s="563"/>
      <c r="H120" s="563"/>
      <c r="I120" s="563"/>
      <c r="J120" s="563"/>
      <c r="K120" s="563"/>
      <c r="L120" s="563"/>
      <c r="M120" s="563"/>
      <c r="N120" s="563"/>
      <c r="O120" s="563"/>
      <c r="P120" s="564"/>
      <c r="Q120" s="122"/>
      <c r="R120" s="138"/>
      <c r="S120" s="78"/>
      <c r="T120" s="76"/>
      <c r="U120" s="76"/>
      <c r="V120" s="76"/>
      <c r="W120" s="76"/>
      <c r="X120" s="77"/>
      <c r="Y120" s="77"/>
      <c r="Z120" s="77"/>
      <c r="AA120" s="77"/>
      <c r="AB120" s="77"/>
      <c r="AC120" s="77"/>
      <c r="AD120" s="77"/>
      <c r="AE120" s="77"/>
      <c r="AF120" s="77"/>
      <c r="AG120" s="77"/>
      <c r="AH120" s="77"/>
      <c r="AI120" s="77"/>
      <c r="AJ120" s="77"/>
      <c r="AK120" s="77"/>
      <c r="AL120" s="77"/>
      <c r="AM120" s="77"/>
      <c r="AN120" s="76"/>
      <c r="AO120" s="76"/>
      <c r="AP120" s="76"/>
      <c r="AQ120" s="76"/>
      <c r="AR120" s="76"/>
      <c r="AS120" s="76"/>
      <c r="AT120" s="76"/>
      <c r="AU120" s="76"/>
      <c r="AV120" s="76"/>
      <c r="AW120" s="76"/>
      <c r="AX120" s="76"/>
      <c r="AY120" s="76"/>
      <c r="AZ120" s="76"/>
      <c r="BA120" s="76"/>
      <c r="BB120" s="76"/>
      <c r="BC120" s="76"/>
      <c r="BD120" s="76"/>
    </row>
    <row r="121" spans="1:56" s="64" customFormat="1" ht="69.900000000000006" customHeight="1" thickBot="1">
      <c r="A121" s="443" t="s">
        <v>256</v>
      </c>
      <c r="B121" s="444"/>
      <c r="C121" s="444"/>
      <c r="D121" s="444"/>
      <c r="E121" s="444"/>
      <c r="F121" s="444"/>
      <c r="G121" s="444"/>
      <c r="H121" s="444"/>
      <c r="I121" s="444"/>
      <c r="J121" s="444"/>
      <c r="K121" s="444"/>
      <c r="L121" s="445"/>
      <c r="M121" s="444"/>
      <c r="N121" s="444"/>
      <c r="O121" s="444"/>
      <c r="P121" s="446"/>
      <c r="Q121" s="139"/>
      <c r="R121" s="138"/>
      <c r="S121" s="78"/>
      <c r="T121" s="76"/>
      <c r="U121" s="76"/>
      <c r="V121" s="76"/>
      <c r="W121" s="76"/>
      <c r="X121" s="76"/>
      <c r="Y121" s="76"/>
      <c r="Z121" s="76"/>
      <c r="AA121" s="76"/>
      <c r="AB121" s="76"/>
      <c r="AC121" s="76"/>
      <c r="AD121" s="76"/>
      <c r="AE121" s="76"/>
      <c r="AF121" s="76"/>
      <c r="AG121" s="76"/>
      <c r="AH121" s="76"/>
      <c r="AI121" s="76"/>
      <c r="AJ121" s="76"/>
      <c r="AK121" s="76"/>
      <c r="AL121" s="76"/>
      <c r="AM121" s="76"/>
      <c r="AN121" s="76"/>
      <c r="AO121" s="76"/>
      <c r="AP121" s="76"/>
      <c r="AQ121" s="76"/>
      <c r="AR121" s="76"/>
      <c r="AS121" s="76"/>
      <c r="AT121" s="76"/>
      <c r="AU121" s="76"/>
      <c r="AV121" s="76"/>
      <c r="AW121" s="76"/>
      <c r="AX121" s="76"/>
      <c r="AY121" s="76"/>
      <c r="AZ121" s="76"/>
      <c r="BA121" s="76"/>
      <c r="BB121" s="76"/>
      <c r="BC121" s="76"/>
      <c r="BD121" s="76"/>
    </row>
    <row r="122" spans="1:56" s="67" customFormat="1" ht="389.4" customHeight="1" thickTop="1" thickBot="1">
      <c r="A122" s="477" t="s">
        <v>83</v>
      </c>
      <c r="B122" s="478"/>
      <c r="C122" s="478"/>
      <c r="D122" s="478"/>
      <c r="E122" s="478"/>
      <c r="F122" s="478"/>
      <c r="G122" s="478"/>
      <c r="H122" s="478"/>
      <c r="I122" s="478"/>
      <c r="J122" s="478"/>
      <c r="K122" s="478"/>
      <c r="L122" s="379"/>
      <c r="M122" s="478"/>
      <c r="N122" s="478"/>
      <c r="O122" s="75" t="s">
        <v>20</v>
      </c>
      <c r="P122" s="136" t="s">
        <v>21</v>
      </c>
      <c r="Q122" s="139"/>
      <c r="R122" s="138"/>
      <c r="S122" s="137"/>
      <c r="T122" s="76"/>
      <c r="U122" s="77"/>
      <c r="V122" s="77"/>
      <c r="W122" s="77"/>
      <c r="X122" s="76"/>
      <c r="Y122" s="76"/>
      <c r="Z122" s="76"/>
      <c r="AA122" s="76"/>
      <c r="AB122" s="76"/>
      <c r="AC122" s="76"/>
      <c r="AD122" s="76"/>
      <c r="AE122" s="76"/>
      <c r="AF122" s="76"/>
      <c r="AG122" s="76"/>
      <c r="AH122" s="76"/>
      <c r="AI122" s="76"/>
      <c r="AJ122" s="76"/>
      <c r="AK122" s="76"/>
      <c r="AL122" s="76"/>
      <c r="AM122" s="76"/>
      <c r="AN122" s="77"/>
      <c r="AO122" s="77"/>
      <c r="AP122" s="77"/>
      <c r="AQ122" s="77"/>
      <c r="AR122" s="77"/>
      <c r="AS122" s="77"/>
      <c r="AT122" s="77"/>
      <c r="AU122" s="77"/>
      <c r="AV122" s="77"/>
      <c r="AW122" s="77"/>
      <c r="AX122" s="77"/>
      <c r="AY122" s="77"/>
      <c r="AZ122" s="77"/>
      <c r="BA122" s="77"/>
      <c r="BB122" s="77"/>
      <c r="BC122" s="77"/>
      <c r="BD122" s="77"/>
    </row>
    <row r="123" spans="1:56" s="64" customFormat="1" ht="69.900000000000006" customHeight="1" thickTop="1">
      <c r="A123" s="503" t="s">
        <v>52</v>
      </c>
      <c r="B123" s="504"/>
      <c r="C123" s="504"/>
      <c r="D123" s="504"/>
      <c r="E123" s="504"/>
      <c r="F123" s="504"/>
      <c r="G123" s="504"/>
      <c r="H123" s="504"/>
      <c r="I123" s="504"/>
      <c r="J123" s="504"/>
      <c r="K123" s="504"/>
      <c r="L123" s="505"/>
      <c r="M123" s="504"/>
      <c r="N123" s="504"/>
      <c r="O123" s="504"/>
      <c r="P123" s="506"/>
      <c r="Q123" s="122"/>
      <c r="R123" s="138"/>
      <c r="S123" s="162"/>
    </row>
    <row r="124" spans="1:56" s="64" customFormat="1" ht="69.900000000000006" customHeight="1">
      <c r="A124" s="507" t="s">
        <v>64</v>
      </c>
      <c r="B124" s="508"/>
      <c r="C124" s="508"/>
      <c r="D124" s="508"/>
      <c r="E124" s="508"/>
      <c r="F124" s="508"/>
      <c r="G124" s="508"/>
      <c r="H124" s="508"/>
      <c r="I124" s="508"/>
      <c r="J124" s="508"/>
      <c r="K124" s="508"/>
      <c r="L124" s="508"/>
      <c r="M124" s="508"/>
      <c r="N124" s="508"/>
      <c r="O124" s="508"/>
      <c r="P124" s="509"/>
      <c r="Q124" s="122"/>
      <c r="R124" s="138"/>
      <c r="S124" s="162"/>
    </row>
    <row r="125" spans="1:56" s="67" customFormat="1" ht="69.599999999999994" customHeight="1">
      <c r="A125" s="553" t="s">
        <v>84</v>
      </c>
      <c r="B125" s="554"/>
      <c r="C125" s="554"/>
      <c r="D125" s="554"/>
      <c r="E125" s="554"/>
      <c r="F125" s="554"/>
      <c r="G125" s="554"/>
      <c r="H125" s="554"/>
      <c r="I125" s="554"/>
      <c r="J125" s="554"/>
      <c r="K125" s="554"/>
      <c r="L125" s="554"/>
      <c r="M125" s="554"/>
      <c r="N125" s="554"/>
      <c r="O125" s="554"/>
      <c r="P125" s="555"/>
      <c r="Q125" s="139"/>
      <c r="R125" s="138"/>
      <c r="S125" s="78"/>
      <c r="T125" s="76"/>
      <c r="U125" s="77"/>
      <c r="V125" s="77"/>
      <c r="W125" s="77"/>
      <c r="X125" s="77"/>
      <c r="Y125" s="77"/>
      <c r="Z125" s="77"/>
      <c r="AA125" s="77"/>
      <c r="AB125" s="77"/>
      <c r="AC125" s="77"/>
      <c r="AD125" s="77"/>
      <c r="AE125" s="77"/>
      <c r="AF125" s="77"/>
      <c r="AG125" s="77"/>
      <c r="AH125" s="77"/>
      <c r="AI125" s="77"/>
      <c r="AJ125" s="77"/>
      <c r="AK125" s="77"/>
      <c r="AL125" s="77"/>
      <c r="AM125" s="77"/>
      <c r="AN125" s="77"/>
      <c r="AO125" s="77"/>
      <c r="AP125" s="77"/>
      <c r="AQ125" s="77"/>
      <c r="AR125" s="77"/>
      <c r="AS125" s="77"/>
      <c r="AT125" s="77"/>
      <c r="AU125" s="77"/>
      <c r="AV125" s="77"/>
      <c r="AW125" s="77"/>
      <c r="AX125" s="77"/>
      <c r="AY125" s="77"/>
      <c r="AZ125" s="77"/>
      <c r="BA125" s="77"/>
      <c r="BB125" s="77"/>
      <c r="BC125" s="77"/>
      <c r="BD125" s="77"/>
    </row>
    <row r="126" spans="1:56" s="67" customFormat="1" ht="69.599999999999994" customHeight="1">
      <c r="A126" s="556" t="s">
        <v>85</v>
      </c>
      <c r="B126" s="557"/>
      <c r="C126" s="557"/>
      <c r="D126" s="557"/>
      <c r="E126" s="557"/>
      <c r="F126" s="557"/>
      <c r="G126" s="557"/>
      <c r="H126" s="557"/>
      <c r="I126" s="557"/>
      <c r="J126" s="557"/>
      <c r="K126" s="557"/>
      <c r="L126" s="557"/>
      <c r="M126" s="557"/>
      <c r="N126" s="557"/>
      <c r="O126" s="557"/>
      <c r="P126" s="558"/>
      <c r="Q126" s="139"/>
      <c r="R126" s="138"/>
      <c r="S126" s="78"/>
      <c r="T126" s="76"/>
      <c r="U126" s="77"/>
      <c r="V126" s="77"/>
      <c r="W126" s="77"/>
      <c r="X126" s="77"/>
      <c r="Y126" s="77"/>
      <c r="Z126" s="77"/>
      <c r="AA126" s="77"/>
      <c r="AB126" s="77"/>
      <c r="AC126" s="77"/>
      <c r="AD126" s="77"/>
      <c r="AE126" s="77"/>
      <c r="AF126" s="77"/>
      <c r="AG126" s="77"/>
      <c r="AH126" s="77"/>
      <c r="AI126" s="77"/>
      <c r="AJ126" s="77"/>
      <c r="AK126" s="77"/>
      <c r="AL126" s="77"/>
      <c r="AM126" s="77"/>
      <c r="AN126" s="77"/>
      <c r="AO126" s="77"/>
      <c r="AP126" s="77"/>
      <c r="AQ126" s="77"/>
      <c r="AR126" s="77"/>
      <c r="AS126" s="77"/>
      <c r="AT126" s="77"/>
      <c r="AU126" s="77"/>
      <c r="AV126" s="77"/>
      <c r="AW126" s="77"/>
      <c r="AX126" s="77"/>
      <c r="AY126" s="77"/>
      <c r="AZ126" s="77"/>
      <c r="BA126" s="77"/>
      <c r="BB126" s="77"/>
      <c r="BC126" s="77"/>
      <c r="BD126" s="77"/>
    </row>
    <row r="127" spans="1:56" s="64" customFormat="1" ht="69.900000000000006" customHeight="1">
      <c r="A127" s="468" t="s">
        <v>25</v>
      </c>
      <c r="B127" s="469"/>
      <c r="C127" s="469"/>
      <c r="D127" s="469"/>
      <c r="E127" s="469"/>
      <c r="F127" s="469"/>
      <c r="G127" s="469"/>
      <c r="H127" s="469"/>
      <c r="I127" s="469"/>
      <c r="J127" s="469"/>
      <c r="K127" s="469"/>
      <c r="L127" s="454"/>
      <c r="M127" s="469"/>
      <c r="N127" s="469"/>
      <c r="O127" s="469"/>
      <c r="P127" s="470"/>
      <c r="Q127" s="122"/>
      <c r="R127" s="138"/>
      <c r="S127" s="162"/>
    </row>
    <row r="128" spans="1:56" s="67" customFormat="1" ht="75" customHeight="1">
      <c r="A128" s="456"/>
      <c r="B128" s="457"/>
      <c r="C128" s="457"/>
      <c r="D128" s="457"/>
      <c r="E128" s="457"/>
      <c r="F128" s="457"/>
      <c r="G128" s="457"/>
      <c r="H128" s="457"/>
      <c r="I128" s="457"/>
      <c r="J128" s="457"/>
      <c r="K128" s="457"/>
      <c r="L128" s="458"/>
      <c r="M128" s="457"/>
      <c r="N128" s="457"/>
      <c r="O128" s="457"/>
      <c r="P128" s="459"/>
      <c r="Q128" s="139"/>
      <c r="R128" s="138"/>
      <c r="S128" s="141"/>
      <c r="T128" s="64"/>
    </row>
    <row r="129" spans="1:258" s="67" customFormat="1" ht="75" customHeight="1" thickBot="1">
      <c r="A129" s="460"/>
      <c r="B129" s="461"/>
      <c r="C129" s="461"/>
      <c r="D129" s="461"/>
      <c r="E129" s="461"/>
      <c r="F129" s="461"/>
      <c r="G129" s="461"/>
      <c r="H129" s="461"/>
      <c r="I129" s="461"/>
      <c r="J129" s="461"/>
      <c r="K129" s="461"/>
      <c r="L129" s="462"/>
      <c r="M129" s="461"/>
      <c r="N129" s="461"/>
      <c r="O129" s="461"/>
      <c r="P129" s="463"/>
      <c r="Q129" s="139"/>
      <c r="R129" s="138"/>
      <c r="S129" s="141"/>
      <c r="T129" s="64"/>
    </row>
    <row r="130" spans="1:258" s="64" customFormat="1" ht="69.900000000000006" customHeight="1" thickBot="1">
      <c r="A130" s="443" t="s">
        <v>257</v>
      </c>
      <c r="B130" s="444"/>
      <c r="C130" s="444"/>
      <c r="D130" s="444"/>
      <c r="E130" s="444"/>
      <c r="F130" s="444"/>
      <c r="G130" s="444"/>
      <c r="H130" s="444"/>
      <c r="I130" s="444"/>
      <c r="J130" s="444"/>
      <c r="K130" s="444"/>
      <c r="L130" s="445"/>
      <c r="M130" s="444"/>
      <c r="N130" s="444"/>
      <c r="O130" s="444"/>
      <c r="P130" s="446"/>
      <c r="Q130" s="139"/>
      <c r="R130" s="138"/>
      <c r="S130" s="78"/>
      <c r="T130" s="76"/>
      <c r="U130" s="76"/>
      <c r="V130" s="76"/>
      <c r="W130" s="76"/>
      <c r="X130" s="77"/>
      <c r="Y130" s="77"/>
      <c r="Z130" s="77"/>
      <c r="AA130" s="77"/>
      <c r="AB130" s="77"/>
      <c r="AC130" s="77"/>
      <c r="AD130" s="77"/>
      <c r="AE130" s="77"/>
      <c r="AF130" s="77"/>
      <c r="AG130" s="77"/>
      <c r="AH130" s="77"/>
      <c r="AI130" s="77"/>
      <c r="AJ130" s="77"/>
      <c r="AK130" s="77"/>
      <c r="AL130" s="77"/>
      <c r="AM130" s="77"/>
      <c r="AN130" s="76"/>
      <c r="AO130" s="76"/>
      <c r="AP130" s="76"/>
      <c r="AQ130" s="76"/>
      <c r="AR130" s="76"/>
      <c r="AS130" s="76"/>
      <c r="AT130" s="76"/>
      <c r="AU130" s="76"/>
      <c r="AV130" s="76"/>
      <c r="AW130" s="76"/>
      <c r="AX130" s="76"/>
      <c r="AY130" s="76"/>
      <c r="AZ130" s="76"/>
      <c r="BA130" s="76"/>
      <c r="BB130" s="76"/>
      <c r="BC130" s="76"/>
      <c r="BD130" s="76"/>
    </row>
    <row r="131" spans="1:258" s="67" customFormat="1" ht="199.95" customHeight="1" thickTop="1" thickBot="1">
      <c r="A131" s="477" t="s">
        <v>258</v>
      </c>
      <c r="B131" s="478"/>
      <c r="C131" s="478"/>
      <c r="D131" s="478"/>
      <c r="E131" s="478"/>
      <c r="F131" s="478"/>
      <c r="G131" s="478"/>
      <c r="H131" s="478"/>
      <c r="I131" s="478"/>
      <c r="J131" s="478"/>
      <c r="K131" s="478"/>
      <c r="L131" s="379"/>
      <c r="M131" s="478"/>
      <c r="N131" s="478"/>
      <c r="O131" s="75" t="s">
        <v>20</v>
      </c>
      <c r="P131" s="136" t="s">
        <v>21</v>
      </c>
      <c r="Q131" s="139"/>
      <c r="R131" s="138"/>
      <c r="S131" s="137"/>
      <c r="T131" s="76"/>
      <c r="U131" s="77"/>
      <c r="V131" s="77"/>
      <c r="W131" s="77"/>
      <c r="X131" s="77"/>
      <c r="Y131" s="77"/>
      <c r="Z131" s="77"/>
      <c r="AA131" s="77"/>
      <c r="AB131" s="77"/>
      <c r="AC131" s="77"/>
      <c r="AD131" s="77"/>
      <c r="AE131" s="77"/>
      <c r="AF131" s="77"/>
      <c r="AG131" s="77"/>
      <c r="AH131" s="77"/>
      <c r="AI131" s="77"/>
      <c r="AJ131" s="77"/>
      <c r="AK131" s="77"/>
      <c r="AL131" s="77"/>
      <c r="AM131" s="77"/>
      <c r="AN131" s="77"/>
      <c r="AO131" s="77"/>
      <c r="AP131" s="77"/>
      <c r="AQ131" s="77"/>
      <c r="AR131" s="77"/>
      <c r="AS131" s="77"/>
      <c r="AT131" s="77"/>
      <c r="AU131" s="77"/>
      <c r="AV131" s="77"/>
      <c r="AW131" s="77"/>
      <c r="AX131" s="77"/>
      <c r="AY131" s="77"/>
      <c r="AZ131" s="77"/>
      <c r="BA131" s="77"/>
      <c r="BB131" s="77"/>
      <c r="BC131" s="77"/>
      <c r="BD131" s="77"/>
    </row>
    <row r="132" spans="1:258" s="64" customFormat="1" ht="69.900000000000006" customHeight="1" thickTop="1">
      <c r="A132" s="468" t="s">
        <v>25</v>
      </c>
      <c r="B132" s="469"/>
      <c r="C132" s="469"/>
      <c r="D132" s="469"/>
      <c r="E132" s="469"/>
      <c r="F132" s="469"/>
      <c r="G132" s="469"/>
      <c r="H132" s="469"/>
      <c r="I132" s="469"/>
      <c r="J132" s="469"/>
      <c r="K132" s="469"/>
      <c r="L132" s="454"/>
      <c r="M132" s="469"/>
      <c r="N132" s="469"/>
      <c r="O132" s="469"/>
      <c r="P132" s="470"/>
      <c r="Q132" s="122"/>
      <c r="R132" s="138"/>
      <c r="S132" s="162"/>
    </row>
    <row r="133" spans="1:258" s="67" customFormat="1" ht="75" customHeight="1">
      <c r="A133" s="456"/>
      <c r="B133" s="457"/>
      <c r="C133" s="457"/>
      <c r="D133" s="457"/>
      <c r="E133" s="457"/>
      <c r="F133" s="457"/>
      <c r="G133" s="457"/>
      <c r="H133" s="457"/>
      <c r="I133" s="457"/>
      <c r="J133" s="457"/>
      <c r="K133" s="457"/>
      <c r="L133" s="458"/>
      <c r="M133" s="457"/>
      <c r="N133" s="457"/>
      <c r="O133" s="457"/>
      <c r="P133" s="459"/>
      <c r="Q133" s="139"/>
      <c r="R133" s="138"/>
      <c r="S133" s="141"/>
      <c r="T133" s="64"/>
    </row>
    <row r="134" spans="1:258" s="67" customFormat="1" ht="75" customHeight="1" thickBot="1">
      <c r="A134" s="460"/>
      <c r="B134" s="461"/>
      <c r="C134" s="461"/>
      <c r="D134" s="461"/>
      <c r="E134" s="461"/>
      <c r="F134" s="461"/>
      <c r="G134" s="461"/>
      <c r="H134" s="461"/>
      <c r="I134" s="461"/>
      <c r="J134" s="461"/>
      <c r="K134" s="461"/>
      <c r="L134" s="462"/>
      <c r="M134" s="461"/>
      <c r="N134" s="461"/>
      <c r="O134" s="461"/>
      <c r="P134" s="463"/>
      <c r="Q134" s="139"/>
      <c r="R134" s="138"/>
      <c r="S134" s="141"/>
      <c r="T134" s="64"/>
    </row>
    <row r="135" spans="1:258" s="64" customFormat="1" ht="69.900000000000006" customHeight="1" thickBot="1">
      <c r="A135" s="443" t="s">
        <v>88</v>
      </c>
      <c r="B135" s="444"/>
      <c r="C135" s="444"/>
      <c r="D135" s="444"/>
      <c r="E135" s="444"/>
      <c r="F135" s="444"/>
      <c r="G135" s="444"/>
      <c r="H135" s="444"/>
      <c r="I135" s="444"/>
      <c r="J135" s="444"/>
      <c r="K135" s="444"/>
      <c r="L135" s="445"/>
      <c r="M135" s="444"/>
      <c r="N135" s="444"/>
      <c r="O135" s="444"/>
      <c r="P135" s="446"/>
      <c r="Q135" s="139"/>
      <c r="R135" s="138"/>
      <c r="S135" s="78"/>
      <c r="T135" s="76"/>
      <c r="U135" s="76"/>
      <c r="V135" s="76"/>
      <c r="W135" s="76"/>
      <c r="X135" s="76"/>
      <c r="Y135" s="76"/>
      <c r="Z135" s="76"/>
      <c r="AA135" s="76"/>
      <c r="AB135" s="76"/>
      <c r="AC135" s="76"/>
      <c r="AD135" s="76"/>
      <c r="AE135" s="76"/>
      <c r="AF135" s="76"/>
      <c r="AG135" s="76"/>
      <c r="AH135" s="76"/>
      <c r="AI135" s="76"/>
      <c r="AJ135" s="76"/>
      <c r="AK135" s="76"/>
      <c r="AL135" s="76"/>
      <c r="AM135" s="76"/>
      <c r="AN135" s="76"/>
      <c r="AO135" s="76"/>
      <c r="AP135" s="76"/>
      <c r="AQ135" s="76"/>
      <c r="AR135" s="76"/>
      <c r="AS135" s="76"/>
      <c r="AT135" s="76"/>
      <c r="AU135" s="76"/>
      <c r="AV135" s="76"/>
      <c r="AW135" s="76"/>
      <c r="AX135" s="76"/>
      <c r="AY135" s="76"/>
      <c r="AZ135" s="76"/>
      <c r="BA135" s="76"/>
      <c r="BB135" s="76"/>
      <c r="BC135" s="76"/>
      <c r="BD135" s="76"/>
    </row>
    <row r="136" spans="1:258" s="67" customFormat="1" ht="201" customHeight="1" thickTop="1" thickBot="1">
      <c r="A136" s="477" t="s">
        <v>259</v>
      </c>
      <c r="B136" s="478"/>
      <c r="C136" s="478"/>
      <c r="D136" s="478"/>
      <c r="E136" s="478"/>
      <c r="F136" s="478"/>
      <c r="G136" s="478"/>
      <c r="H136" s="478"/>
      <c r="I136" s="478"/>
      <c r="J136" s="478"/>
      <c r="K136" s="478"/>
      <c r="L136" s="379"/>
      <c r="M136" s="478"/>
      <c r="N136" s="478"/>
      <c r="O136" s="75" t="s">
        <v>20</v>
      </c>
      <c r="P136" s="136" t="s">
        <v>21</v>
      </c>
      <c r="Q136" s="139"/>
      <c r="R136" s="138"/>
      <c r="S136" s="137"/>
      <c r="T136" s="76"/>
      <c r="U136" s="77"/>
      <c r="V136" s="77"/>
      <c r="W136" s="77"/>
      <c r="X136" s="76"/>
      <c r="Y136" s="76"/>
      <c r="Z136" s="76"/>
      <c r="AA136" s="76"/>
      <c r="AB136" s="76"/>
      <c r="AC136" s="76"/>
      <c r="AD136" s="76"/>
      <c r="AE136" s="76"/>
      <c r="AF136" s="76"/>
      <c r="AG136" s="76"/>
      <c r="AH136" s="76"/>
      <c r="AI136" s="76"/>
      <c r="AJ136" s="76"/>
      <c r="AK136" s="76"/>
      <c r="AL136" s="76"/>
      <c r="AM136" s="76"/>
      <c r="AN136" s="77"/>
      <c r="AO136" s="77"/>
      <c r="AP136" s="77"/>
      <c r="AQ136" s="77"/>
      <c r="AR136" s="77"/>
      <c r="AS136" s="77"/>
      <c r="AT136" s="77"/>
      <c r="AU136" s="77"/>
      <c r="AV136" s="77"/>
      <c r="AW136" s="77"/>
      <c r="AX136" s="77"/>
      <c r="AY136" s="77"/>
      <c r="AZ136" s="77"/>
      <c r="BA136" s="77"/>
      <c r="BB136" s="77"/>
      <c r="BC136" s="77"/>
      <c r="BD136" s="77"/>
    </row>
    <row r="137" spans="1:258" s="64" customFormat="1" ht="69.900000000000006" customHeight="1" thickTop="1">
      <c r="A137" s="503" t="s">
        <v>52</v>
      </c>
      <c r="B137" s="504"/>
      <c r="C137" s="504"/>
      <c r="D137" s="504"/>
      <c r="E137" s="504"/>
      <c r="F137" s="504"/>
      <c r="G137" s="504"/>
      <c r="H137" s="504"/>
      <c r="I137" s="504"/>
      <c r="J137" s="504"/>
      <c r="K137" s="504"/>
      <c r="L137" s="505"/>
      <c r="M137" s="504"/>
      <c r="N137" s="504"/>
      <c r="O137" s="504"/>
      <c r="P137" s="506"/>
      <c r="Q137" s="122"/>
      <c r="R137" s="138"/>
      <c r="S137" s="162"/>
    </row>
    <row r="138" spans="1:258" s="64" customFormat="1" ht="69.900000000000006" customHeight="1">
      <c r="A138" s="507" t="s">
        <v>90</v>
      </c>
      <c r="B138" s="508"/>
      <c r="C138" s="508"/>
      <c r="D138" s="508"/>
      <c r="E138" s="508"/>
      <c r="F138" s="508"/>
      <c r="G138" s="508"/>
      <c r="H138" s="508"/>
      <c r="I138" s="508"/>
      <c r="J138" s="508"/>
      <c r="K138" s="508"/>
      <c r="L138" s="508"/>
      <c r="M138" s="508"/>
      <c r="N138" s="508"/>
      <c r="O138" s="508"/>
      <c r="P138" s="509"/>
      <c r="Q138" s="161"/>
      <c r="R138" s="133"/>
      <c r="S138" s="162"/>
      <c r="T138" s="52"/>
      <c r="U138" s="52"/>
      <c r="V138" s="52"/>
      <c r="W138" s="52"/>
      <c r="X138" s="52"/>
      <c r="Y138" s="52"/>
      <c r="Z138" s="52"/>
      <c r="AA138" s="52"/>
      <c r="AB138" s="52"/>
      <c r="AC138" s="52"/>
      <c r="AD138" s="52"/>
      <c r="AE138" s="52"/>
      <c r="AF138" s="52"/>
      <c r="AG138" s="52"/>
      <c r="AH138" s="52"/>
      <c r="AI138" s="52"/>
      <c r="AJ138" s="52"/>
      <c r="AK138" s="52"/>
      <c r="AL138" s="52"/>
      <c r="AM138" s="52"/>
      <c r="AN138" s="52"/>
      <c r="AO138" s="52"/>
      <c r="AP138" s="52"/>
      <c r="AQ138" s="52"/>
      <c r="AR138" s="52"/>
      <c r="AS138" s="52"/>
      <c r="AT138" s="52"/>
      <c r="AU138" s="52"/>
      <c r="AV138" s="52"/>
      <c r="AW138" s="52"/>
      <c r="AX138" s="52"/>
      <c r="AY138" s="52"/>
      <c r="AZ138" s="52"/>
      <c r="BA138" s="52"/>
      <c r="BB138" s="52"/>
      <c r="BC138" s="52"/>
      <c r="BD138" s="52"/>
      <c r="BE138" s="52"/>
      <c r="BF138" s="52"/>
      <c r="BG138" s="52"/>
      <c r="BH138" s="52"/>
      <c r="BI138" s="52"/>
      <c r="BJ138" s="52"/>
      <c r="BK138" s="52"/>
      <c r="BL138" s="52"/>
      <c r="BM138" s="52"/>
      <c r="BN138" s="52"/>
      <c r="BO138" s="52"/>
      <c r="BP138" s="52"/>
      <c r="BQ138" s="52"/>
      <c r="BR138" s="52"/>
      <c r="BS138" s="52"/>
      <c r="BT138" s="52"/>
      <c r="BU138" s="52"/>
      <c r="BV138" s="52"/>
      <c r="BW138" s="52"/>
      <c r="BX138" s="52"/>
      <c r="BY138" s="52"/>
      <c r="BZ138" s="52"/>
      <c r="CA138" s="52"/>
      <c r="CB138" s="52"/>
      <c r="CC138" s="52"/>
      <c r="CD138" s="52"/>
      <c r="CE138" s="52"/>
      <c r="CF138" s="52"/>
      <c r="CG138" s="52"/>
      <c r="CH138" s="52"/>
      <c r="CI138" s="52"/>
      <c r="CJ138" s="52"/>
      <c r="CK138" s="52"/>
      <c r="CL138" s="52"/>
      <c r="CM138" s="52"/>
      <c r="CN138" s="52"/>
      <c r="CO138" s="52"/>
      <c r="CP138" s="52"/>
      <c r="CQ138" s="52"/>
      <c r="CR138" s="52"/>
      <c r="CS138" s="52"/>
      <c r="CT138" s="52"/>
      <c r="CU138" s="52"/>
      <c r="CV138" s="52"/>
      <c r="CW138" s="52"/>
      <c r="CX138" s="52"/>
      <c r="CY138" s="52"/>
      <c r="CZ138" s="52"/>
      <c r="DA138" s="52"/>
      <c r="DB138" s="52"/>
      <c r="DC138" s="52"/>
      <c r="DD138" s="52"/>
      <c r="DE138" s="52"/>
      <c r="DF138" s="52"/>
      <c r="DG138" s="52"/>
      <c r="DH138" s="52"/>
      <c r="DI138" s="52"/>
      <c r="DJ138" s="52"/>
      <c r="DK138" s="52"/>
      <c r="DL138" s="52"/>
      <c r="DM138" s="52"/>
      <c r="DN138" s="52"/>
      <c r="DO138" s="52"/>
      <c r="DP138" s="52"/>
      <c r="DQ138" s="52"/>
      <c r="DR138" s="52"/>
      <c r="DS138" s="52"/>
      <c r="DT138" s="52"/>
      <c r="DU138" s="52"/>
      <c r="DV138" s="52"/>
      <c r="DW138" s="52"/>
      <c r="DX138" s="52"/>
      <c r="DY138" s="52"/>
      <c r="DZ138" s="52"/>
      <c r="EA138" s="52"/>
      <c r="EB138" s="52"/>
      <c r="EC138" s="52"/>
      <c r="ED138" s="52"/>
      <c r="EE138" s="52"/>
      <c r="EF138" s="52"/>
      <c r="EG138" s="52"/>
      <c r="EH138" s="52"/>
      <c r="EI138" s="52"/>
      <c r="EJ138" s="52"/>
      <c r="EK138" s="52"/>
      <c r="EL138" s="52"/>
      <c r="EM138" s="52"/>
      <c r="EN138" s="52"/>
      <c r="EO138" s="52"/>
      <c r="EP138" s="52"/>
      <c r="EQ138" s="52"/>
      <c r="ER138" s="52"/>
      <c r="ES138" s="52"/>
      <c r="ET138" s="52"/>
      <c r="EU138" s="52"/>
      <c r="EV138" s="52"/>
      <c r="EW138" s="52"/>
      <c r="EX138" s="52"/>
      <c r="EY138" s="52"/>
      <c r="EZ138" s="52"/>
      <c r="FA138" s="52"/>
      <c r="FB138" s="52"/>
      <c r="FC138" s="52"/>
      <c r="FD138" s="52"/>
      <c r="FE138" s="52"/>
      <c r="FF138" s="52"/>
      <c r="FG138" s="52"/>
      <c r="FH138" s="52"/>
      <c r="FI138" s="52"/>
      <c r="FJ138" s="52"/>
      <c r="FK138" s="52"/>
      <c r="FL138" s="52"/>
      <c r="FM138" s="52"/>
      <c r="FN138" s="52"/>
      <c r="FO138" s="52"/>
      <c r="FP138" s="52"/>
      <c r="FQ138" s="52"/>
      <c r="FR138" s="52"/>
      <c r="FS138" s="52"/>
      <c r="FT138" s="52"/>
      <c r="FU138" s="52"/>
      <c r="FV138" s="52"/>
      <c r="FW138" s="52"/>
      <c r="FX138" s="52"/>
      <c r="FY138" s="52"/>
      <c r="FZ138" s="52"/>
      <c r="GA138" s="52"/>
      <c r="GB138" s="52"/>
      <c r="GC138" s="52"/>
      <c r="GD138" s="52"/>
      <c r="GE138" s="52"/>
      <c r="GF138" s="52"/>
      <c r="GG138" s="52"/>
      <c r="GH138" s="52"/>
      <c r="GI138" s="52"/>
      <c r="GJ138" s="52"/>
      <c r="GK138" s="52"/>
      <c r="GL138" s="52"/>
      <c r="GM138" s="52"/>
      <c r="GN138" s="52"/>
      <c r="GO138" s="52"/>
      <c r="GP138" s="52"/>
      <c r="GQ138" s="52"/>
      <c r="GR138" s="52"/>
      <c r="GS138" s="52"/>
      <c r="GT138" s="52"/>
      <c r="GU138" s="52"/>
      <c r="GV138" s="52"/>
      <c r="GW138" s="52"/>
      <c r="GX138" s="52"/>
      <c r="GY138" s="52"/>
      <c r="GZ138" s="52"/>
      <c r="HA138" s="52"/>
      <c r="HB138" s="52"/>
      <c r="HC138" s="52"/>
      <c r="HD138" s="52"/>
      <c r="HE138" s="52"/>
      <c r="HF138" s="52"/>
      <c r="HG138" s="52"/>
      <c r="HH138" s="52"/>
      <c r="HI138" s="52"/>
      <c r="HJ138" s="52"/>
      <c r="HK138" s="52"/>
      <c r="HL138" s="52"/>
      <c r="HM138" s="52"/>
      <c r="HN138" s="52"/>
      <c r="HO138" s="52"/>
      <c r="HP138" s="52"/>
      <c r="HQ138" s="52"/>
      <c r="HR138" s="52"/>
      <c r="HS138" s="52"/>
      <c r="HT138" s="52"/>
      <c r="HU138" s="52"/>
      <c r="HV138" s="52"/>
      <c r="HW138" s="52"/>
      <c r="HX138" s="52"/>
      <c r="HY138" s="52"/>
      <c r="HZ138" s="52"/>
      <c r="IA138" s="52"/>
      <c r="IB138" s="52"/>
      <c r="IC138" s="52"/>
      <c r="ID138" s="52"/>
      <c r="IE138" s="52"/>
      <c r="IF138" s="52"/>
      <c r="IG138" s="52"/>
      <c r="IH138" s="52"/>
      <c r="II138" s="52"/>
      <c r="IJ138" s="52"/>
      <c r="IK138" s="52"/>
      <c r="IL138" s="52"/>
      <c r="IM138" s="52"/>
      <c r="IN138" s="52"/>
      <c r="IO138" s="52"/>
      <c r="IP138" s="52"/>
      <c r="IQ138" s="52"/>
      <c r="IR138" s="52"/>
      <c r="IS138" s="52"/>
      <c r="IT138" s="52"/>
      <c r="IU138" s="52"/>
      <c r="IV138" s="52"/>
      <c r="IW138" s="52"/>
      <c r="IX138" s="52"/>
    </row>
    <row r="139" spans="1:258" s="67" customFormat="1" ht="69.599999999999994" customHeight="1">
      <c r="A139" s="553" t="s">
        <v>91</v>
      </c>
      <c r="B139" s="554"/>
      <c r="C139" s="554"/>
      <c r="D139" s="554"/>
      <c r="E139" s="554"/>
      <c r="F139" s="554"/>
      <c r="G139" s="554"/>
      <c r="H139" s="554"/>
      <c r="I139" s="554"/>
      <c r="J139" s="554"/>
      <c r="K139" s="554"/>
      <c r="L139" s="554"/>
      <c r="M139" s="554"/>
      <c r="N139" s="554"/>
      <c r="O139" s="554"/>
      <c r="P139" s="555"/>
      <c r="Q139" s="139"/>
      <c r="R139" s="138"/>
      <c r="S139" s="78"/>
      <c r="T139" s="76"/>
      <c r="U139" s="77"/>
      <c r="V139" s="77"/>
      <c r="W139" s="77"/>
      <c r="X139" s="77"/>
      <c r="Y139" s="77"/>
      <c r="Z139" s="77"/>
      <c r="AA139" s="77"/>
      <c r="AB139" s="77"/>
      <c r="AC139" s="77"/>
      <c r="AD139" s="77"/>
      <c r="AE139" s="77"/>
      <c r="AF139" s="77"/>
      <c r="AG139" s="77"/>
      <c r="AH139" s="77"/>
      <c r="AI139" s="77"/>
      <c r="AJ139" s="77"/>
      <c r="AK139" s="77"/>
      <c r="AL139" s="77"/>
      <c r="AM139" s="77"/>
      <c r="AN139" s="77"/>
      <c r="AO139" s="77"/>
      <c r="AP139" s="77"/>
      <c r="AQ139" s="77"/>
      <c r="AR139" s="77"/>
      <c r="AS139" s="77"/>
      <c r="AT139" s="77"/>
      <c r="AU139" s="77"/>
      <c r="AV139" s="77"/>
      <c r="AW139" s="77"/>
      <c r="AX139" s="77"/>
      <c r="AY139" s="77"/>
      <c r="AZ139" s="77"/>
      <c r="BA139" s="77"/>
      <c r="BB139" s="77"/>
      <c r="BC139" s="77"/>
      <c r="BD139" s="77"/>
    </row>
    <row r="140" spans="1:258" s="67" customFormat="1" ht="69.599999999999994" customHeight="1">
      <c r="A140" s="556" t="s">
        <v>85</v>
      </c>
      <c r="B140" s="557"/>
      <c r="C140" s="557"/>
      <c r="D140" s="557"/>
      <c r="E140" s="557"/>
      <c r="F140" s="557"/>
      <c r="G140" s="557"/>
      <c r="H140" s="557"/>
      <c r="I140" s="557"/>
      <c r="J140" s="557"/>
      <c r="K140" s="557"/>
      <c r="L140" s="557"/>
      <c r="M140" s="557"/>
      <c r="N140" s="557"/>
      <c r="O140" s="557"/>
      <c r="P140" s="558"/>
      <c r="Q140" s="139"/>
      <c r="R140" s="138"/>
      <c r="S140" s="78"/>
      <c r="T140" s="76"/>
      <c r="U140" s="77"/>
      <c r="V140" s="77"/>
      <c r="W140" s="77"/>
      <c r="X140" s="77"/>
      <c r="Y140" s="77"/>
      <c r="Z140" s="77"/>
      <c r="AA140" s="77"/>
      <c r="AB140" s="77"/>
      <c r="AC140" s="77"/>
      <c r="AD140" s="77"/>
      <c r="AE140" s="77"/>
      <c r="AF140" s="77"/>
      <c r="AG140" s="77"/>
      <c r="AH140" s="77"/>
      <c r="AI140" s="77"/>
      <c r="AJ140" s="77"/>
      <c r="AK140" s="77"/>
      <c r="AL140" s="77"/>
      <c r="AM140" s="77"/>
      <c r="AN140" s="77"/>
      <c r="AO140" s="77"/>
      <c r="AP140" s="77"/>
      <c r="AQ140" s="77"/>
      <c r="AR140" s="77"/>
      <c r="AS140" s="77"/>
      <c r="AT140" s="77"/>
      <c r="AU140" s="77"/>
      <c r="AV140" s="77"/>
      <c r="AW140" s="77"/>
      <c r="AX140" s="77"/>
      <c r="AY140" s="77"/>
      <c r="AZ140" s="77"/>
      <c r="BA140" s="77"/>
      <c r="BB140" s="77"/>
      <c r="BC140" s="77"/>
      <c r="BD140" s="77"/>
    </row>
    <row r="141" spans="1:258" s="64" customFormat="1" ht="69.900000000000006" customHeight="1">
      <c r="A141" s="468" t="s">
        <v>25</v>
      </c>
      <c r="B141" s="469"/>
      <c r="C141" s="469"/>
      <c r="D141" s="469"/>
      <c r="E141" s="469"/>
      <c r="F141" s="469"/>
      <c r="G141" s="469"/>
      <c r="H141" s="469"/>
      <c r="I141" s="469"/>
      <c r="J141" s="469"/>
      <c r="K141" s="469"/>
      <c r="L141" s="454"/>
      <c r="M141" s="469"/>
      <c r="N141" s="469"/>
      <c r="O141" s="469"/>
      <c r="P141" s="470"/>
      <c r="Q141" s="122"/>
      <c r="R141" s="138"/>
      <c r="S141" s="162"/>
    </row>
    <row r="142" spans="1:258" s="67" customFormat="1" ht="75" customHeight="1">
      <c r="A142" s="456"/>
      <c r="B142" s="457"/>
      <c r="C142" s="457"/>
      <c r="D142" s="457"/>
      <c r="E142" s="457"/>
      <c r="F142" s="457"/>
      <c r="G142" s="457"/>
      <c r="H142" s="457"/>
      <c r="I142" s="457"/>
      <c r="J142" s="457"/>
      <c r="K142" s="457"/>
      <c r="L142" s="458"/>
      <c r="M142" s="457"/>
      <c r="N142" s="457"/>
      <c r="O142" s="457"/>
      <c r="P142" s="459"/>
      <c r="Q142" s="139"/>
      <c r="R142" s="138"/>
      <c r="S142" s="141"/>
      <c r="T142" s="64"/>
    </row>
    <row r="143" spans="1:258" s="67" customFormat="1" ht="75" customHeight="1" thickBot="1">
      <c r="A143" s="460"/>
      <c r="B143" s="461"/>
      <c r="C143" s="461"/>
      <c r="D143" s="461"/>
      <c r="E143" s="461"/>
      <c r="F143" s="461"/>
      <c r="G143" s="461"/>
      <c r="H143" s="461"/>
      <c r="I143" s="461"/>
      <c r="J143" s="461"/>
      <c r="K143" s="461"/>
      <c r="L143" s="462"/>
      <c r="M143" s="461"/>
      <c r="N143" s="461"/>
      <c r="O143" s="461"/>
      <c r="P143" s="463"/>
      <c r="Q143" s="139"/>
      <c r="R143" s="138"/>
      <c r="S143" s="141"/>
      <c r="T143" s="64"/>
    </row>
    <row r="144" spans="1:258" s="64" customFormat="1" ht="69.900000000000006" customHeight="1" thickBot="1">
      <c r="A144" s="443" t="s">
        <v>92</v>
      </c>
      <c r="B144" s="444"/>
      <c r="C144" s="444"/>
      <c r="D144" s="444"/>
      <c r="E144" s="444"/>
      <c r="F144" s="444"/>
      <c r="G144" s="444"/>
      <c r="H144" s="444"/>
      <c r="I144" s="444"/>
      <c r="J144" s="444"/>
      <c r="K144" s="444"/>
      <c r="L144" s="445"/>
      <c r="M144" s="444"/>
      <c r="N144" s="444"/>
      <c r="O144" s="444"/>
      <c r="P144" s="446"/>
      <c r="Q144" s="139"/>
      <c r="R144" s="138"/>
      <c r="S144" s="78"/>
      <c r="T144" s="76"/>
      <c r="U144" s="76"/>
      <c r="V144" s="76"/>
      <c r="W144" s="76"/>
      <c r="X144" s="77"/>
      <c r="Y144" s="77"/>
      <c r="Z144" s="77"/>
      <c r="AA144" s="77"/>
      <c r="AB144" s="77"/>
      <c r="AC144" s="77"/>
      <c r="AD144" s="77"/>
      <c r="AE144" s="77"/>
      <c r="AF144" s="77"/>
      <c r="AG144" s="77"/>
      <c r="AH144" s="77"/>
      <c r="AI144" s="77"/>
      <c r="AJ144" s="77"/>
      <c r="AK144" s="77"/>
      <c r="AL144" s="77"/>
      <c r="AM144" s="77"/>
      <c r="AN144" s="76"/>
      <c r="AO144" s="76"/>
      <c r="AP144" s="76"/>
      <c r="AQ144" s="76"/>
      <c r="AR144" s="76"/>
      <c r="AS144" s="76"/>
      <c r="AT144" s="76"/>
      <c r="AU144" s="76"/>
      <c r="AV144" s="76"/>
      <c r="AW144" s="76"/>
      <c r="AX144" s="76"/>
      <c r="AY144" s="76"/>
      <c r="AZ144" s="76"/>
      <c r="BA144" s="76"/>
      <c r="BB144" s="76"/>
      <c r="BC144" s="76"/>
      <c r="BD144" s="76"/>
    </row>
    <row r="145" spans="1:258" s="67" customFormat="1" ht="307.95" customHeight="1" thickTop="1" thickBot="1">
      <c r="A145" s="485" t="s">
        <v>260</v>
      </c>
      <c r="B145" s="486"/>
      <c r="C145" s="486"/>
      <c r="D145" s="486"/>
      <c r="E145" s="486"/>
      <c r="F145" s="486"/>
      <c r="G145" s="486"/>
      <c r="H145" s="486"/>
      <c r="I145" s="486"/>
      <c r="J145" s="486"/>
      <c r="K145" s="486"/>
      <c r="L145" s="352"/>
      <c r="M145" s="486"/>
      <c r="N145" s="486"/>
      <c r="O145" s="68" t="s">
        <v>20</v>
      </c>
      <c r="P145" s="69" t="s">
        <v>21</v>
      </c>
      <c r="Q145" s="139"/>
      <c r="R145" s="138"/>
      <c r="S145" s="137"/>
      <c r="T145" s="76"/>
      <c r="U145" s="77"/>
      <c r="V145" s="77"/>
      <c r="W145" s="77"/>
      <c r="X145" s="97"/>
      <c r="Y145" s="97"/>
      <c r="Z145" s="97"/>
      <c r="AA145" s="97"/>
      <c r="AB145" s="97"/>
      <c r="AC145" s="97"/>
      <c r="AD145" s="97"/>
      <c r="AE145" s="97"/>
      <c r="AF145" s="97"/>
      <c r="AG145" s="97"/>
      <c r="AH145" s="97"/>
      <c r="AI145" s="97"/>
      <c r="AJ145" s="97"/>
      <c r="AK145" s="97"/>
      <c r="AL145" s="97"/>
      <c r="AM145" s="97"/>
      <c r="AN145" s="77"/>
      <c r="AO145" s="77"/>
      <c r="AP145" s="77"/>
      <c r="AQ145" s="77"/>
      <c r="AR145" s="77"/>
      <c r="AS145" s="77"/>
      <c r="AT145" s="77"/>
      <c r="AU145" s="77"/>
      <c r="AV145" s="77"/>
      <c r="AW145" s="77"/>
      <c r="AX145" s="77"/>
      <c r="AY145" s="77"/>
      <c r="AZ145" s="77"/>
      <c r="BA145" s="77"/>
      <c r="BB145" s="77"/>
      <c r="BC145" s="77"/>
      <c r="BD145" s="77"/>
    </row>
    <row r="146" spans="1:258" s="67" customFormat="1" ht="201" customHeight="1" thickTop="1" thickBot="1">
      <c r="A146" s="466" t="s">
        <v>261</v>
      </c>
      <c r="B146" s="449"/>
      <c r="C146" s="449"/>
      <c r="D146" s="449"/>
      <c r="E146" s="449"/>
      <c r="F146" s="449"/>
      <c r="G146" s="449"/>
      <c r="H146" s="449"/>
      <c r="I146" s="449"/>
      <c r="J146" s="449"/>
      <c r="K146" s="449"/>
      <c r="L146" s="295"/>
      <c r="M146" s="449"/>
      <c r="N146" s="449"/>
      <c r="O146" s="68" t="s">
        <v>20</v>
      </c>
      <c r="P146" s="69" t="s">
        <v>21</v>
      </c>
      <c r="Q146" s="139"/>
      <c r="R146" s="138"/>
      <c r="S146" s="137"/>
      <c r="T146" s="76"/>
      <c r="U146" s="77"/>
      <c r="V146" s="77"/>
      <c r="W146" s="77"/>
      <c r="X146" s="76"/>
      <c r="Y146" s="76"/>
      <c r="Z146" s="76"/>
      <c r="AA146" s="76"/>
      <c r="AB146" s="76"/>
      <c r="AC146" s="76"/>
      <c r="AD146" s="76"/>
      <c r="AE146" s="76"/>
      <c r="AF146" s="76"/>
      <c r="AG146" s="76"/>
      <c r="AH146" s="76"/>
      <c r="AI146" s="76"/>
      <c r="AJ146" s="76"/>
      <c r="AK146" s="76"/>
      <c r="AL146" s="76"/>
      <c r="AM146" s="76"/>
      <c r="AN146" s="77"/>
      <c r="AO146" s="77"/>
      <c r="AP146" s="77"/>
      <c r="AQ146" s="77"/>
      <c r="AR146" s="77"/>
      <c r="AS146" s="77"/>
      <c r="AT146" s="77"/>
      <c r="AU146" s="77"/>
      <c r="AV146" s="77"/>
      <c r="AW146" s="77"/>
      <c r="AX146" s="77"/>
      <c r="AY146" s="77"/>
      <c r="AZ146" s="77"/>
      <c r="BA146" s="77"/>
      <c r="BB146" s="77"/>
      <c r="BC146" s="77"/>
      <c r="BD146" s="77"/>
    </row>
    <row r="147" spans="1:258" s="100" customFormat="1" ht="140.1" customHeight="1" thickTop="1" thickBot="1">
      <c r="A147" s="467" t="s">
        <v>262</v>
      </c>
      <c r="B147" s="451"/>
      <c r="C147" s="451"/>
      <c r="D147" s="451"/>
      <c r="E147" s="451"/>
      <c r="F147" s="451"/>
      <c r="G147" s="451"/>
      <c r="H147" s="451"/>
      <c r="I147" s="451"/>
      <c r="J147" s="451"/>
      <c r="K147" s="451"/>
      <c r="L147" s="349"/>
      <c r="M147" s="451"/>
      <c r="N147" s="451"/>
      <c r="O147" s="75" t="s">
        <v>20</v>
      </c>
      <c r="P147" s="136" t="s">
        <v>21</v>
      </c>
      <c r="Q147" s="139"/>
      <c r="R147" s="98"/>
      <c r="S147" s="137"/>
      <c r="T147" s="99"/>
      <c r="U147" s="97"/>
      <c r="V147" s="97"/>
      <c r="W147" s="97"/>
      <c r="X147" s="77"/>
      <c r="Y147" s="77"/>
      <c r="Z147" s="77"/>
      <c r="AA147" s="77"/>
      <c r="AB147" s="77"/>
      <c r="AC147" s="77"/>
      <c r="AD147" s="77"/>
      <c r="AE147" s="77"/>
      <c r="AF147" s="77"/>
      <c r="AG147" s="77"/>
      <c r="AH147" s="77"/>
      <c r="AI147" s="77"/>
      <c r="AJ147" s="77"/>
      <c r="AK147" s="77"/>
      <c r="AL147" s="77"/>
      <c r="AM147" s="77"/>
      <c r="AN147" s="97"/>
      <c r="AO147" s="97"/>
      <c r="AP147" s="97"/>
      <c r="AQ147" s="97"/>
      <c r="AR147" s="97"/>
      <c r="AS147" s="97"/>
      <c r="AT147" s="97"/>
      <c r="AU147" s="97"/>
      <c r="AV147" s="97"/>
      <c r="AW147" s="97"/>
      <c r="AX147" s="97"/>
      <c r="AY147" s="97"/>
      <c r="AZ147" s="97"/>
      <c r="BA147" s="97"/>
      <c r="BB147" s="97"/>
      <c r="BC147" s="97"/>
      <c r="BD147" s="97"/>
    </row>
    <row r="148" spans="1:258" s="64" customFormat="1" ht="69.900000000000006" customHeight="1" thickTop="1">
      <c r="A148" s="468" t="s">
        <v>25</v>
      </c>
      <c r="B148" s="469"/>
      <c r="C148" s="469"/>
      <c r="D148" s="469"/>
      <c r="E148" s="469"/>
      <c r="F148" s="469"/>
      <c r="G148" s="469"/>
      <c r="H148" s="469"/>
      <c r="I148" s="469"/>
      <c r="J148" s="469"/>
      <c r="K148" s="469"/>
      <c r="L148" s="454"/>
      <c r="M148" s="469"/>
      <c r="N148" s="469"/>
      <c r="O148" s="469"/>
      <c r="P148" s="470"/>
      <c r="Q148" s="122"/>
      <c r="R148" s="138"/>
      <c r="S148" s="162"/>
    </row>
    <row r="149" spans="1:258" s="67" customFormat="1" ht="75" customHeight="1">
      <c r="A149" s="456"/>
      <c r="B149" s="457"/>
      <c r="C149" s="457"/>
      <c r="D149" s="457"/>
      <c r="E149" s="457"/>
      <c r="F149" s="457"/>
      <c r="G149" s="457"/>
      <c r="H149" s="457"/>
      <c r="I149" s="457"/>
      <c r="J149" s="457"/>
      <c r="K149" s="457"/>
      <c r="L149" s="458"/>
      <c r="M149" s="457"/>
      <c r="N149" s="457"/>
      <c r="O149" s="457"/>
      <c r="P149" s="459"/>
      <c r="Q149" s="139"/>
      <c r="R149" s="138"/>
      <c r="S149" s="141"/>
      <c r="T149" s="64"/>
    </row>
    <row r="150" spans="1:258" s="67" customFormat="1" ht="75" customHeight="1" thickBot="1">
      <c r="A150" s="471"/>
      <c r="B150" s="472"/>
      <c r="C150" s="472"/>
      <c r="D150" s="472"/>
      <c r="E150" s="472"/>
      <c r="F150" s="472"/>
      <c r="G150" s="472"/>
      <c r="H150" s="472"/>
      <c r="I150" s="472"/>
      <c r="J150" s="472"/>
      <c r="K150" s="472"/>
      <c r="L150" s="473"/>
      <c r="M150" s="472"/>
      <c r="N150" s="472"/>
      <c r="O150" s="472"/>
      <c r="P150" s="474"/>
      <c r="Q150" s="139"/>
      <c r="R150" s="138"/>
      <c r="S150" s="141"/>
      <c r="T150" s="64"/>
    </row>
    <row r="151" spans="1:258" s="64" customFormat="1" ht="69.900000000000006" customHeight="1" thickBot="1">
      <c r="A151" s="443" t="s">
        <v>96</v>
      </c>
      <c r="B151" s="444"/>
      <c r="C151" s="444"/>
      <c r="D151" s="444"/>
      <c r="E151" s="444"/>
      <c r="F151" s="444"/>
      <c r="G151" s="444"/>
      <c r="H151" s="444"/>
      <c r="I151" s="444"/>
      <c r="J151" s="444"/>
      <c r="K151" s="444"/>
      <c r="L151" s="445"/>
      <c r="M151" s="444"/>
      <c r="N151" s="444"/>
      <c r="O151" s="444"/>
      <c r="P151" s="446"/>
      <c r="Q151" s="139"/>
      <c r="R151" s="138"/>
      <c r="S151" s="209" t="s">
        <v>263</v>
      </c>
      <c r="T151" s="76"/>
      <c r="U151" s="76"/>
      <c r="V151" s="76"/>
      <c r="W151" s="76"/>
      <c r="X151" s="77"/>
      <c r="Y151" s="77"/>
      <c r="Z151" s="77"/>
      <c r="AA151" s="77"/>
      <c r="AB151" s="77"/>
      <c r="AC151" s="77"/>
      <c r="AD151" s="77"/>
      <c r="AE151" s="77"/>
      <c r="AF151" s="77"/>
      <c r="AG151" s="77"/>
      <c r="AH151" s="77"/>
      <c r="AI151" s="77"/>
      <c r="AJ151" s="77"/>
      <c r="AK151" s="77"/>
      <c r="AL151" s="77"/>
      <c r="AM151" s="77"/>
      <c r="AN151" s="76"/>
      <c r="AO151" s="76"/>
      <c r="AP151" s="76"/>
      <c r="AQ151" s="76"/>
      <c r="AR151" s="76"/>
      <c r="AS151" s="76"/>
      <c r="AT151" s="76"/>
      <c r="AU151" s="76"/>
      <c r="AV151" s="76"/>
      <c r="AW151" s="76"/>
      <c r="AX151" s="76"/>
      <c r="AY151" s="76"/>
      <c r="AZ151" s="76"/>
      <c r="BA151" s="76"/>
      <c r="BB151" s="76"/>
      <c r="BC151" s="76"/>
      <c r="BD151" s="76"/>
    </row>
    <row r="152" spans="1:258" s="67" customFormat="1" ht="132" customHeight="1" thickTop="1" thickBot="1">
      <c r="A152" s="477" t="s">
        <v>264</v>
      </c>
      <c r="B152" s="379"/>
      <c r="C152" s="379"/>
      <c r="D152" s="379"/>
      <c r="E152" s="379"/>
      <c r="F152" s="379"/>
      <c r="G152" s="379"/>
      <c r="H152" s="379"/>
      <c r="I152" s="379"/>
      <c r="J152" s="379"/>
      <c r="K152" s="379"/>
      <c r="L152" s="379"/>
      <c r="M152" s="570"/>
      <c r="N152" s="135" t="s">
        <v>24</v>
      </c>
      <c r="O152" s="75" t="s">
        <v>20</v>
      </c>
      <c r="P152" s="136" t="s">
        <v>21</v>
      </c>
      <c r="Q152" s="139"/>
      <c r="R152" s="138"/>
      <c r="S152" s="137"/>
      <c r="T152" s="76"/>
      <c r="U152" s="77"/>
      <c r="V152" s="77"/>
      <c r="W152" s="77"/>
      <c r="X152" s="77"/>
      <c r="Y152" s="77"/>
      <c r="Z152" s="77"/>
      <c r="AA152" s="77"/>
      <c r="AB152" s="77"/>
      <c r="AC152" s="77"/>
      <c r="AD152" s="77"/>
      <c r="AE152" s="77"/>
      <c r="AF152" s="77"/>
      <c r="AG152" s="77"/>
      <c r="AH152" s="77"/>
      <c r="AI152" s="77"/>
      <c r="AJ152" s="77"/>
      <c r="AK152" s="77"/>
      <c r="AL152" s="77"/>
      <c r="AM152" s="77"/>
      <c r="AN152" s="77"/>
      <c r="AO152" s="77"/>
      <c r="AP152" s="77"/>
      <c r="AQ152" s="77"/>
      <c r="AR152" s="77"/>
      <c r="AS152" s="77"/>
      <c r="AT152" s="77"/>
      <c r="AU152" s="77"/>
      <c r="AV152" s="77"/>
      <c r="AW152" s="77"/>
      <c r="AX152" s="77"/>
      <c r="AY152" s="77"/>
      <c r="AZ152" s="77"/>
      <c r="BA152" s="77"/>
      <c r="BB152" s="77"/>
      <c r="BC152" s="77"/>
      <c r="BD152" s="77"/>
    </row>
    <row r="153" spans="1:258" s="64" customFormat="1" ht="69.599999999999994" customHeight="1" thickTop="1">
      <c r="A153" s="503" t="s">
        <v>52</v>
      </c>
      <c r="B153" s="504"/>
      <c r="C153" s="504"/>
      <c r="D153" s="504"/>
      <c r="E153" s="504"/>
      <c r="F153" s="504"/>
      <c r="G153" s="504"/>
      <c r="H153" s="504"/>
      <c r="I153" s="504"/>
      <c r="J153" s="504"/>
      <c r="K153" s="504"/>
      <c r="L153" s="505"/>
      <c r="M153" s="504"/>
      <c r="N153" s="504"/>
      <c r="O153" s="504"/>
      <c r="P153" s="506"/>
      <c r="Q153" s="122"/>
      <c r="R153" s="138"/>
      <c r="S153" s="162"/>
    </row>
    <row r="154" spans="1:258" s="64" customFormat="1" ht="69.599999999999994" customHeight="1">
      <c r="A154" s="507" t="s">
        <v>90</v>
      </c>
      <c r="B154" s="508"/>
      <c r="C154" s="508"/>
      <c r="D154" s="508"/>
      <c r="E154" s="508"/>
      <c r="F154" s="508"/>
      <c r="G154" s="508"/>
      <c r="H154" s="508"/>
      <c r="I154" s="508"/>
      <c r="J154" s="508"/>
      <c r="K154" s="508"/>
      <c r="L154" s="508"/>
      <c r="M154" s="508"/>
      <c r="N154" s="508"/>
      <c r="O154" s="508"/>
      <c r="P154" s="509"/>
      <c r="Q154" s="161"/>
      <c r="R154" s="133"/>
      <c r="S154" s="162"/>
      <c r="T154" s="52"/>
      <c r="U154" s="52"/>
      <c r="V154" s="52"/>
      <c r="W154" s="52"/>
      <c r="X154" s="52"/>
      <c r="Y154" s="52"/>
      <c r="Z154" s="52"/>
      <c r="AA154" s="52"/>
      <c r="AB154" s="52"/>
      <c r="AC154" s="52"/>
      <c r="AD154" s="52"/>
      <c r="AE154" s="52"/>
      <c r="AF154" s="52"/>
      <c r="AG154" s="52"/>
      <c r="AH154" s="52"/>
      <c r="AI154" s="52"/>
      <c r="AJ154" s="52"/>
      <c r="AK154" s="52"/>
      <c r="AL154" s="52"/>
      <c r="AM154" s="52"/>
      <c r="AN154" s="52"/>
      <c r="AO154" s="52"/>
      <c r="AP154" s="52"/>
      <c r="AQ154" s="52"/>
      <c r="AR154" s="52"/>
      <c r="AS154" s="52"/>
      <c r="AT154" s="52"/>
      <c r="AU154" s="52"/>
      <c r="AV154" s="52"/>
      <c r="AW154" s="52"/>
      <c r="AX154" s="52"/>
      <c r="AY154" s="52"/>
      <c r="AZ154" s="52"/>
      <c r="BA154" s="52"/>
      <c r="BB154" s="52"/>
      <c r="BC154" s="52"/>
      <c r="BD154" s="52"/>
      <c r="BE154" s="52"/>
      <c r="BF154" s="52"/>
      <c r="BG154" s="52"/>
      <c r="BH154" s="52"/>
      <c r="BI154" s="52"/>
      <c r="BJ154" s="52"/>
      <c r="BK154" s="52"/>
      <c r="BL154" s="52"/>
      <c r="BM154" s="52"/>
      <c r="BN154" s="52"/>
      <c r="BO154" s="52"/>
      <c r="BP154" s="52"/>
      <c r="BQ154" s="52"/>
      <c r="BR154" s="52"/>
      <c r="BS154" s="52"/>
      <c r="BT154" s="52"/>
      <c r="BU154" s="52"/>
      <c r="BV154" s="52"/>
      <c r="BW154" s="52"/>
      <c r="BX154" s="52"/>
      <c r="BY154" s="52"/>
      <c r="BZ154" s="52"/>
      <c r="CA154" s="52"/>
      <c r="CB154" s="52"/>
      <c r="CC154" s="52"/>
      <c r="CD154" s="52"/>
      <c r="CE154" s="52"/>
      <c r="CF154" s="52"/>
      <c r="CG154" s="52"/>
      <c r="CH154" s="52"/>
      <c r="CI154" s="52"/>
      <c r="CJ154" s="52"/>
      <c r="CK154" s="52"/>
      <c r="CL154" s="52"/>
      <c r="CM154" s="52"/>
      <c r="CN154" s="52"/>
      <c r="CO154" s="52"/>
      <c r="CP154" s="52"/>
      <c r="CQ154" s="52"/>
      <c r="CR154" s="52"/>
      <c r="CS154" s="52"/>
      <c r="CT154" s="52"/>
      <c r="CU154" s="52"/>
      <c r="CV154" s="52"/>
      <c r="CW154" s="52"/>
      <c r="CX154" s="52"/>
      <c r="CY154" s="52"/>
      <c r="CZ154" s="52"/>
      <c r="DA154" s="52"/>
      <c r="DB154" s="52"/>
      <c r="DC154" s="52"/>
      <c r="DD154" s="52"/>
      <c r="DE154" s="52"/>
      <c r="DF154" s="52"/>
      <c r="DG154" s="52"/>
      <c r="DH154" s="52"/>
      <c r="DI154" s="52"/>
      <c r="DJ154" s="52"/>
      <c r="DK154" s="52"/>
      <c r="DL154" s="52"/>
      <c r="DM154" s="52"/>
      <c r="DN154" s="52"/>
      <c r="DO154" s="52"/>
      <c r="DP154" s="52"/>
      <c r="DQ154" s="52"/>
      <c r="DR154" s="52"/>
      <c r="DS154" s="52"/>
      <c r="DT154" s="52"/>
      <c r="DU154" s="52"/>
      <c r="DV154" s="52"/>
      <c r="DW154" s="52"/>
      <c r="DX154" s="52"/>
      <c r="DY154" s="52"/>
      <c r="DZ154" s="52"/>
      <c r="EA154" s="52"/>
      <c r="EB154" s="52"/>
      <c r="EC154" s="52"/>
      <c r="ED154" s="52"/>
      <c r="EE154" s="52"/>
      <c r="EF154" s="52"/>
      <c r="EG154" s="52"/>
      <c r="EH154" s="52"/>
      <c r="EI154" s="52"/>
      <c r="EJ154" s="52"/>
      <c r="EK154" s="52"/>
      <c r="EL154" s="52"/>
      <c r="EM154" s="52"/>
      <c r="EN154" s="52"/>
      <c r="EO154" s="52"/>
      <c r="EP154" s="52"/>
      <c r="EQ154" s="52"/>
      <c r="ER154" s="52"/>
      <c r="ES154" s="52"/>
      <c r="ET154" s="52"/>
      <c r="EU154" s="52"/>
      <c r="EV154" s="52"/>
      <c r="EW154" s="52"/>
      <c r="EX154" s="52"/>
      <c r="EY154" s="52"/>
      <c r="EZ154" s="52"/>
      <c r="FA154" s="52"/>
      <c r="FB154" s="52"/>
      <c r="FC154" s="52"/>
      <c r="FD154" s="52"/>
      <c r="FE154" s="52"/>
      <c r="FF154" s="52"/>
      <c r="FG154" s="52"/>
      <c r="FH154" s="52"/>
      <c r="FI154" s="52"/>
      <c r="FJ154" s="52"/>
      <c r="FK154" s="52"/>
      <c r="FL154" s="52"/>
      <c r="FM154" s="52"/>
      <c r="FN154" s="52"/>
      <c r="FO154" s="52"/>
      <c r="FP154" s="52"/>
      <c r="FQ154" s="52"/>
      <c r="FR154" s="52"/>
      <c r="FS154" s="52"/>
      <c r="FT154" s="52"/>
      <c r="FU154" s="52"/>
      <c r="FV154" s="52"/>
      <c r="FW154" s="52"/>
      <c r="FX154" s="52"/>
      <c r="FY154" s="52"/>
      <c r="FZ154" s="52"/>
      <c r="GA154" s="52"/>
      <c r="GB154" s="52"/>
      <c r="GC154" s="52"/>
      <c r="GD154" s="52"/>
      <c r="GE154" s="52"/>
      <c r="GF154" s="52"/>
      <c r="GG154" s="52"/>
      <c r="GH154" s="52"/>
      <c r="GI154" s="52"/>
      <c r="GJ154" s="52"/>
      <c r="GK154" s="52"/>
      <c r="GL154" s="52"/>
      <c r="GM154" s="52"/>
      <c r="GN154" s="52"/>
      <c r="GO154" s="52"/>
      <c r="GP154" s="52"/>
      <c r="GQ154" s="52"/>
      <c r="GR154" s="52"/>
      <c r="GS154" s="52"/>
      <c r="GT154" s="52"/>
      <c r="GU154" s="52"/>
      <c r="GV154" s="52"/>
      <c r="GW154" s="52"/>
      <c r="GX154" s="52"/>
      <c r="GY154" s="52"/>
      <c r="GZ154" s="52"/>
      <c r="HA154" s="52"/>
      <c r="HB154" s="52"/>
      <c r="HC154" s="52"/>
      <c r="HD154" s="52"/>
      <c r="HE154" s="52"/>
      <c r="HF154" s="52"/>
      <c r="HG154" s="52"/>
      <c r="HH154" s="52"/>
      <c r="HI154" s="52"/>
      <c r="HJ154" s="52"/>
      <c r="HK154" s="52"/>
      <c r="HL154" s="52"/>
      <c r="HM154" s="52"/>
      <c r="HN154" s="52"/>
      <c r="HO154" s="52"/>
      <c r="HP154" s="52"/>
      <c r="HQ154" s="52"/>
      <c r="HR154" s="52"/>
      <c r="HS154" s="52"/>
      <c r="HT154" s="52"/>
      <c r="HU154" s="52"/>
      <c r="HV154" s="52"/>
      <c r="HW154" s="52"/>
      <c r="HX154" s="52"/>
      <c r="HY154" s="52"/>
      <c r="HZ154" s="52"/>
      <c r="IA154" s="52"/>
      <c r="IB154" s="52"/>
      <c r="IC154" s="52"/>
      <c r="ID154" s="52"/>
      <c r="IE154" s="52"/>
      <c r="IF154" s="52"/>
      <c r="IG154" s="52"/>
      <c r="IH154" s="52"/>
      <c r="II154" s="52"/>
      <c r="IJ154" s="52"/>
      <c r="IK154" s="52"/>
      <c r="IL154" s="52"/>
      <c r="IM154" s="52"/>
      <c r="IN154" s="52"/>
      <c r="IO154" s="52"/>
      <c r="IP154" s="52"/>
      <c r="IQ154" s="52"/>
      <c r="IR154" s="52"/>
      <c r="IS154" s="52"/>
      <c r="IT154" s="52"/>
      <c r="IU154" s="52"/>
      <c r="IV154" s="52"/>
      <c r="IW154" s="52"/>
      <c r="IX154" s="52"/>
    </row>
    <row r="155" spans="1:258" s="67" customFormat="1" ht="69.599999999999994" customHeight="1">
      <c r="A155" s="553" t="s">
        <v>99</v>
      </c>
      <c r="B155" s="554"/>
      <c r="C155" s="554"/>
      <c r="D155" s="554"/>
      <c r="E155" s="554"/>
      <c r="F155" s="554"/>
      <c r="G155" s="554"/>
      <c r="H155" s="554"/>
      <c r="I155" s="554"/>
      <c r="J155" s="554"/>
      <c r="K155" s="554"/>
      <c r="L155" s="554"/>
      <c r="M155" s="554"/>
      <c r="N155" s="554"/>
      <c r="O155" s="554"/>
      <c r="P155" s="555"/>
      <c r="Q155" s="139"/>
      <c r="R155" s="138"/>
      <c r="S155" s="78"/>
      <c r="T155" s="76"/>
      <c r="U155" s="77"/>
      <c r="V155" s="77"/>
      <c r="W155" s="77"/>
      <c r="X155" s="77"/>
      <c r="Y155" s="77"/>
      <c r="Z155" s="77"/>
      <c r="AA155" s="77"/>
      <c r="AB155" s="77"/>
      <c r="AC155" s="77"/>
      <c r="AD155" s="77"/>
      <c r="AE155" s="77"/>
      <c r="AF155" s="77"/>
      <c r="AG155" s="77"/>
      <c r="AH155" s="77"/>
      <c r="AI155" s="77"/>
      <c r="AJ155" s="77"/>
      <c r="AK155" s="77"/>
      <c r="AL155" s="77"/>
      <c r="AM155" s="77"/>
      <c r="AN155" s="77"/>
      <c r="AO155" s="77"/>
      <c r="AP155" s="77"/>
      <c r="AQ155" s="77"/>
      <c r="AR155" s="77"/>
      <c r="AS155" s="77"/>
      <c r="AT155" s="77"/>
      <c r="AU155" s="77"/>
      <c r="AV155" s="77"/>
      <c r="AW155" s="77"/>
      <c r="AX155" s="77"/>
      <c r="AY155" s="77"/>
      <c r="AZ155" s="77"/>
      <c r="BA155" s="77"/>
      <c r="BB155" s="77"/>
      <c r="BC155" s="77"/>
      <c r="BD155" s="77"/>
    </row>
    <row r="156" spans="1:258" s="67" customFormat="1" ht="69.599999999999994" customHeight="1">
      <c r="A156" s="571" t="s">
        <v>100</v>
      </c>
      <c r="B156" s="572"/>
      <c r="C156" s="572"/>
      <c r="D156" s="572"/>
      <c r="E156" s="572"/>
      <c r="F156" s="572"/>
      <c r="G156" s="572"/>
      <c r="H156" s="572"/>
      <c r="I156" s="572"/>
      <c r="J156" s="572"/>
      <c r="K156" s="572"/>
      <c r="L156" s="572"/>
      <c r="M156" s="572"/>
      <c r="N156" s="572"/>
      <c r="O156" s="572"/>
      <c r="P156" s="573"/>
      <c r="Q156" s="139"/>
      <c r="R156" s="138"/>
      <c r="S156" s="78"/>
      <c r="T156" s="76"/>
      <c r="U156" s="77"/>
      <c r="V156" s="77"/>
      <c r="W156" s="77"/>
      <c r="X156" s="77"/>
      <c r="Y156" s="77"/>
      <c r="Z156" s="77"/>
      <c r="AA156" s="77"/>
      <c r="AB156" s="77"/>
      <c r="AC156" s="77"/>
      <c r="AD156" s="77"/>
      <c r="AE156" s="77"/>
      <c r="AF156" s="77"/>
      <c r="AG156" s="77"/>
      <c r="AH156" s="77"/>
      <c r="AI156" s="77"/>
      <c r="AJ156" s="77"/>
      <c r="AK156" s="77"/>
      <c r="AL156" s="77"/>
      <c r="AM156" s="77"/>
      <c r="AN156" s="77"/>
      <c r="AO156" s="77"/>
      <c r="AP156" s="77"/>
      <c r="AQ156" s="77"/>
      <c r="AR156" s="77"/>
      <c r="AS156" s="77"/>
      <c r="AT156" s="77"/>
      <c r="AU156" s="77"/>
      <c r="AV156" s="77"/>
      <c r="AW156" s="77"/>
      <c r="AX156" s="77"/>
      <c r="AY156" s="77"/>
      <c r="AZ156" s="77"/>
      <c r="BA156" s="77"/>
      <c r="BB156" s="77"/>
      <c r="BC156" s="77"/>
      <c r="BD156" s="77"/>
    </row>
    <row r="157" spans="1:258" s="67" customFormat="1" ht="69.599999999999994" customHeight="1" thickBot="1">
      <c r="A157" s="556" t="s">
        <v>85</v>
      </c>
      <c r="B157" s="557"/>
      <c r="C157" s="557"/>
      <c r="D157" s="557"/>
      <c r="E157" s="557"/>
      <c r="F157" s="557"/>
      <c r="G157" s="557"/>
      <c r="H157" s="557"/>
      <c r="I157" s="557"/>
      <c r="J157" s="557"/>
      <c r="K157" s="557"/>
      <c r="L157" s="557"/>
      <c r="M157" s="557"/>
      <c r="N157" s="557"/>
      <c r="O157" s="557"/>
      <c r="P157" s="558"/>
      <c r="Q157" s="139"/>
      <c r="R157" s="138"/>
      <c r="S157" s="78"/>
      <c r="T157" s="76"/>
      <c r="U157" s="77"/>
      <c r="V157" s="77"/>
      <c r="W157" s="77"/>
      <c r="X157" s="77"/>
      <c r="Y157" s="77"/>
      <c r="Z157" s="77"/>
      <c r="AA157" s="77"/>
      <c r="AB157" s="77"/>
      <c r="AC157" s="77"/>
      <c r="AD157" s="77"/>
      <c r="AE157" s="77"/>
      <c r="AF157" s="77"/>
      <c r="AG157" s="77"/>
      <c r="AH157" s="77"/>
      <c r="AI157" s="77"/>
      <c r="AJ157" s="77"/>
      <c r="AK157" s="77"/>
      <c r="AL157" s="77"/>
      <c r="AM157" s="77"/>
      <c r="AN157" s="77"/>
      <c r="AO157" s="77"/>
      <c r="AP157" s="77"/>
      <c r="AQ157" s="77"/>
      <c r="AR157" s="77"/>
      <c r="AS157" s="77"/>
      <c r="AT157" s="77"/>
      <c r="AU157" s="77"/>
      <c r="AV157" s="77"/>
      <c r="AW157" s="77"/>
      <c r="AX157" s="77"/>
      <c r="AY157" s="77"/>
      <c r="AZ157" s="77"/>
      <c r="BA157" s="77"/>
      <c r="BB157" s="77"/>
      <c r="BC157" s="77"/>
      <c r="BD157" s="77"/>
    </row>
    <row r="158" spans="1:258" s="42" customFormat="1" ht="204" customHeight="1" thickTop="1" thickBot="1">
      <c r="A158" s="565" t="s">
        <v>101</v>
      </c>
      <c r="B158" s="566"/>
      <c r="C158" s="566"/>
      <c r="D158" s="566"/>
      <c r="E158" s="566"/>
      <c r="F158" s="566"/>
      <c r="G158" s="566"/>
      <c r="H158" s="566"/>
      <c r="I158" s="566"/>
      <c r="J158" s="566"/>
      <c r="K158" s="566"/>
      <c r="L158" s="566"/>
      <c r="M158" s="567"/>
      <c r="N158" s="70" t="s">
        <v>24</v>
      </c>
      <c r="O158" s="71" t="s">
        <v>20</v>
      </c>
      <c r="P158" s="72" t="s">
        <v>21</v>
      </c>
      <c r="Q158" s="134"/>
      <c r="R158" s="133"/>
      <c r="S158" s="137"/>
      <c r="T158" s="193"/>
      <c r="U158" s="41"/>
      <c r="V158" s="41"/>
      <c r="W158" s="41"/>
      <c r="X158" s="40"/>
      <c r="Y158" s="40"/>
      <c r="Z158" s="40"/>
      <c r="AA158" s="40"/>
      <c r="AB158" s="40"/>
      <c r="AC158" s="40"/>
      <c r="AD158" s="40"/>
      <c r="AE158" s="40"/>
      <c r="AF158" s="40"/>
      <c r="AG158" s="40"/>
      <c r="AH158" s="40"/>
      <c r="AI158" s="40"/>
      <c r="AJ158" s="40"/>
      <c r="AK158" s="40"/>
      <c r="AL158" s="40"/>
      <c r="AM158" s="40"/>
      <c r="AN158" s="41"/>
      <c r="AO158" s="41"/>
      <c r="AP158" s="41"/>
      <c r="AQ158" s="41"/>
      <c r="AR158" s="41"/>
      <c r="AS158" s="41"/>
      <c r="AT158" s="41"/>
      <c r="AU158" s="41"/>
      <c r="AV158" s="41"/>
      <c r="AW158" s="41"/>
      <c r="AX158" s="41"/>
      <c r="AY158" s="41"/>
      <c r="AZ158" s="41"/>
      <c r="BA158" s="41"/>
      <c r="BB158" s="41"/>
      <c r="BC158" s="41"/>
      <c r="BD158" s="41"/>
    </row>
    <row r="159" spans="1:258" s="52" customFormat="1" ht="69.599999999999994" customHeight="1" thickTop="1">
      <c r="A159" s="452" t="s">
        <v>25</v>
      </c>
      <c r="B159" s="453"/>
      <c r="C159" s="453"/>
      <c r="D159" s="453"/>
      <c r="E159" s="453"/>
      <c r="F159" s="453"/>
      <c r="G159" s="453"/>
      <c r="H159" s="453"/>
      <c r="I159" s="453"/>
      <c r="J159" s="453"/>
      <c r="K159" s="453"/>
      <c r="L159" s="454"/>
      <c r="M159" s="453"/>
      <c r="N159" s="453"/>
      <c r="O159" s="453"/>
      <c r="P159" s="455"/>
      <c r="Q159" s="161"/>
      <c r="R159" s="133"/>
      <c r="S159" s="162"/>
    </row>
    <row r="160" spans="1:258" s="67" customFormat="1" ht="75" customHeight="1">
      <c r="A160" s="456"/>
      <c r="B160" s="457"/>
      <c r="C160" s="457"/>
      <c r="D160" s="457"/>
      <c r="E160" s="457"/>
      <c r="F160" s="457"/>
      <c r="G160" s="457"/>
      <c r="H160" s="457"/>
      <c r="I160" s="457"/>
      <c r="J160" s="457"/>
      <c r="K160" s="457"/>
      <c r="L160" s="458"/>
      <c r="M160" s="457"/>
      <c r="N160" s="457"/>
      <c r="O160" s="457"/>
      <c r="P160" s="459"/>
      <c r="Q160" s="139"/>
      <c r="R160" s="138"/>
      <c r="S160" s="141"/>
      <c r="T160" s="64"/>
    </row>
    <row r="161" spans="1:258" s="67" customFormat="1" ht="75" customHeight="1" thickBot="1">
      <c r="A161" s="471"/>
      <c r="B161" s="472"/>
      <c r="C161" s="472"/>
      <c r="D161" s="472"/>
      <c r="E161" s="472"/>
      <c r="F161" s="472"/>
      <c r="G161" s="472"/>
      <c r="H161" s="472"/>
      <c r="I161" s="472"/>
      <c r="J161" s="472"/>
      <c r="K161" s="472"/>
      <c r="L161" s="473"/>
      <c r="M161" s="472"/>
      <c r="N161" s="472"/>
      <c r="O161" s="472"/>
      <c r="P161" s="474"/>
      <c r="Q161" s="139"/>
      <c r="R161" s="138"/>
      <c r="S161" s="141"/>
      <c r="T161" s="64"/>
    </row>
    <row r="162" spans="1:258" s="52" customFormat="1" ht="69.599999999999994" customHeight="1" thickBot="1">
      <c r="A162" s="568" t="s">
        <v>102</v>
      </c>
      <c r="B162" s="445"/>
      <c r="C162" s="445"/>
      <c r="D162" s="445"/>
      <c r="E162" s="445"/>
      <c r="F162" s="445"/>
      <c r="G162" s="445"/>
      <c r="H162" s="445"/>
      <c r="I162" s="445"/>
      <c r="J162" s="445"/>
      <c r="K162" s="445"/>
      <c r="L162" s="445"/>
      <c r="M162" s="445"/>
      <c r="N162" s="445"/>
      <c r="O162" s="445"/>
      <c r="P162" s="569"/>
      <c r="Q162" s="134"/>
      <c r="R162" s="133"/>
      <c r="S162" s="39"/>
      <c r="T162" s="40"/>
      <c r="U162" s="40"/>
      <c r="V162" s="40"/>
      <c r="W162" s="40"/>
      <c r="X162" s="40"/>
      <c r="Y162" s="40"/>
      <c r="Z162" s="40"/>
      <c r="AA162" s="40"/>
      <c r="AB162" s="40"/>
      <c r="AC162" s="40"/>
      <c r="AD162" s="40"/>
      <c r="AE162" s="40"/>
      <c r="AF162" s="40"/>
      <c r="AG162" s="40"/>
      <c r="AH162" s="40"/>
      <c r="AI162" s="40"/>
      <c r="AJ162" s="40"/>
      <c r="AK162" s="40"/>
      <c r="AL162" s="40"/>
      <c r="AM162" s="40"/>
      <c r="AN162" s="40"/>
      <c r="AO162" s="40"/>
      <c r="AP162" s="40"/>
      <c r="AQ162" s="40"/>
      <c r="AR162" s="40"/>
      <c r="AS162" s="40"/>
      <c r="AT162" s="40"/>
      <c r="AU162" s="40"/>
      <c r="AV162" s="40"/>
      <c r="AW162" s="40"/>
      <c r="AX162" s="40"/>
      <c r="AY162" s="40"/>
      <c r="AZ162" s="40"/>
      <c r="BA162" s="40"/>
      <c r="BB162" s="40"/>
      <c r="BC162" s="40"/>
      <c r="BD162" s="40"/>
    </row>
    <row r="163" spans="1:258" s="42" customFormat="1" ht="319.95" customHeight="1" thickTop="1" thickBot="1">
      <c r="A163" s="579" t="s">
        <v>103</v>
      </c>
      <c r="B163" s="379"/>
      <c r="C163" s="379"/>
      <c r="D163" s="379"/>
      <c r="E163" s="379"/>
      <c r="F163" s="379"/>
      <c r="G163" s="379"/>
      <c r="H163" s="379"/>
      <c r="I163" s="379"/>
      <c r="J163" s="379"/>
      <c r="K163" s="379"/>
      <c r="L163" s="379"/>
      <c r="M163" s="379"/>
      <c r="N163" s="570"/>
      <c r="O163" s="71" t="s">
        <v>20</v>
      </c>
      <c r="P163" s="72" t="s">
        <v>21</v>
      </c>
      <c r="Q163" s="134"/>
      <c r="R163" s="133"/>
      <c r="S163" s="137"/>
      <c r="T163" s="101"/>
      <c r="U163" s="41"/>
      <c r="V163" s="41"/>
      <c r="W163" s="41"/>
      <c r="X163" s="40"/>
      <c r="Y163" s="40"/>
      <c r="Z163" s="40"/>
      <c r="AA163" s="40"/>
      <c r="AB163" s="40"/>
      <c r="AC163" s="40"/>
      <c r="AD163" s="40"/>
      <c r="AE163" s="40"/>
      <c r="AF163" s="40"/>
      <c r="AG163" s="40"/>
      <c r="AH163" s="40"/>
      <c r="AI163" s="40"/>
      <c r="AJ163" s="40"/>
      <c r="AK163" s="40"/>
      <c r="AL163" s="40"/>
      <c r="AM163" s="40"/>
      <c r="AN163" s="41"/>
      <c r="AO163" s="41"/>
      <c r="AP163" s="41"/>
      <c r="AQ163" s="41"/>
      <c r="AR163" s="41"/>
      <c r="AS163" s="41"/>
      <c r="AT163" s="41"/>
      <c r="AU163" s="41"/>
      <c r="AV163" s="41"/>
      <c r="AW163" s="41"/>
      <c r="AX163" s="41"/>
      <c r="AY163" s="41"/>
      <c r="AZ163" s="41"/>
      <c r="BA163" s="41"/>
      <c r="BB163" s="41"/>
      <c r="BC163" s="41"/>
      <c r="BD163" s="41"/>
    </row>
    <row r="164" spans="1:258" s="52" customFormat="1" ht="69.599999999999994" customHeight="1" thickTop="1">
      <c r="A164" s="452" t="s">
        <v>25</v>
      </c>
      <c r="B164" s="454"/>
      <c r="C164" s="454"/>
      <c r="D164" s="454"/>
      <c r="E164" s="454"/>
      <c r="F164" s="454"/>
      <c r="G164" s="454"/>
      <c r="H164" s="454"/>
      <c r="I164" s="454"/>
      <c r="J164" s="454"/>
      <c r="K164" s="454"/>
      <c r="L164" s="454"/>
      <c r="M164" s="454"/>
      <c r="N164" s="454"/>
      <c r="O164" s="454"/>
      <c r="P164" s="580"/>
      <c r="Q164" s="161"/>
      <c r="R164" s="133"/>
      <c r="S164" s="162"/>
    </row>
    <row r="165" spans="1:258" s="67" customFormat="1" ht="75" customHeight="1">
      <c r="A165" s="456"/>
      <c r="B165" s="457"/>
      <c r="C165" s="457"/>
      <c r="D165" s="457"/>
      <c r="E165" s="457"/>
      <c r="F165" s="457"/>
      <c r="G165" s="457"/>
      <c r="H165" s="457"/>
      <c r="I165" s="457"/>
      <c r="J165" s="457"/>
      <c r="K165" s="457"/>
      <c r="L165" s="458"/>
      <c r="M165" s="457"/>
      <c r="N165" s="457"/>
      <c r="O165" s="457"/>
      <c r="P165" s="459"/>
      <c r="Q165" s="139"/>
      <c r="R165" s="138"/>
      <c r="S165" s="141"/>
      <c r="T165" s="64"/>
    </row>
    <row r="166" spans="1:258" s="67" customFormat="1" ht="75" customHeight="1" thickBot="1">
      <c r="A166" s="460"/>
      <c r="B166" s="461"/>
      <c r="C166" s="461"/>
      <c r="D166" s="461"/>
      <c r="E166" s="461"/>
      <c r="F166" s="461"/>
      <c r="G166" s="461"/>
      <c r="H166" s="461"/>
      <c r="I166" s="461"/>
      <c r="J166" s="461"/>
      <c r="K166" s="461"/>
      <c r="L166" s="462"/>
      <c r="M166" s="461"/>
      <c r="N166" s="461"/>
      <c r="O166" s="461"/>
      <c r="P166" s="463"/>
      <c r="Q166" s="139"/>
      <c r="R166" s="138"/>
      <c r="S166" s="141"/>
      <c r="T166" s="64"/>
    </row>
    <row r="167" spans="1:258" s="64" customFormat="1" ht="69.900000000000006" customHeight="1" thickBot="1">
      <c r="A167" s="443" t="s">
        <v>104</v>
      </c>
      <c r="B167" s="475"/>
      <c r="C167" s="475"/>
      <c r="D167" s="475"/>
      <c r="E167" s="475"/>
      <c r="F167" s="475"/>
      <c r="G167" s="475"/>
      <c r="H167" s="475"/>
      <c r="I167" s="475"/>
      <c r="J167" s="475"/>
      <c r="K167" s="475"/>
      <c r="L167" s="445"/>
      <c r="M167" s="475"/>
      <c r="N167" s="475"/>
      <c r="O167" s="475"/>
      <c r="P167" s="476"/>
      <c r="Q167" s="139"/>
      <c r="R167" s="138"/>
      <c r="S167" s="78"/>
      <c r="T167" s="76"/>
      <c r="U167" s="76"/>
      <c r="V167" s="76"/>
      <c r="W167" s="76"/>
      <c r="X167" s="76"/>
      <c r="Y167" s="76"/>
      <c r="Z167" s="76"/>
      <c r="AA167" s="76"/>
      <c r="AB167" s="76"/>
      <c r="AC167" s="76"/>
      <c r="AD167" s="76"/>
      <c r="AE167" s="76"/>
      <c r="AF167" s="76"/>
      <c r="AG167" s="76"/>
      <c r="AH167" s="76"/>
      <c r="AI167" s="76"/>
      <c r="AJ167" s="76"/>
      <c r="AK167" s="76"/>
      <c r="AL167" s="76"/>
      <c r="AM167" s="76"/>
      <c r="AN167" s="76"/>
      <c r="AO167" s="76"/>
      <c r="AP167" s="76"/>
      <c r="AQ167" s="76"/>
      <c r="AR167" s="76"/>
      <c r="AS167" s="76"/>
      <c r="AT167" s="76"/>
      <c r="AU167" s="76"/>
      <c r="AV167" s="76"/>
      <c r="AW167" s="76"/>
      <c r="AX167" s="76"/>
      <c r="AY167" s="76"/>
      <c r="AZ167" s="76"/>
      <c r="BA167" s="76"/>
      <c r="BB167" s="76"/>
      <c r="BC167" s="76"/>
      <c r="BD167" s="76"/>
    </row>
    <row r="168" spans="1:258" s="67" customFormat="1" ht="243" customHeight="1" thickTop="1" thickBot="1">
      <c r="A168" s="477" t="s">
        <v>265</v>
      </c>
      <c r="B168" s="379"/>
      <c r="C168" s="379"/>
      <c r="D168" s="379"/>
      <c r="E168" s="379"/>
      <c r="F168" s="379"/>
      <c r="G168" s="379"/>
      <c r="H168" s="379"/>
      <c r="I168" s="379"/>
      <c r="J168" s="379"/>
      <c r="K168" s="379"/>
      <c r="L168" s="379"/>
      <c r="M168" s="379"/>
      <c r="N168" s="576"/>
      <c r="O168" s="75" t="s">
        <v>20</v>
      </c>
      <c r="P168" s="136" t="s">
        <v>21</v>
      </c>
      <c r="Q168" s="139"/>
      <c r="R168" s="138"/>
      <c r="S168" s="137"/>
      <c r="T168" s="102"/>
      <c r="U168" s="77"/>
      <c r="V168" s="77"/>
      <c r="W168" s="77"/>
      <c r="X168" s="76"/>
      <c r="Y168" s="76"/>
      <c r="Z168" s="76"/>
      <c r="AA168" s="76"/>
      <c r="AB168" s="76"/>
      <c r="AC168" s="76"/>
      <c r="AD168" s="76"/>
      <c r="AE168" s="76"/>
      <c r="AF168" s="76"/>
      <c r="AG168" s="76"/>
      <c r="AH168" s="76"/>
      <c r="AI168" s="76"/>
      <c r="AJ168" s="76"/>
      <c r="AK168" s="76"/>
      <c r="AL168" s="76"/>
      <c r="AM168" s="76"/>
      <c r="AN168" s="77"/>
      <c r="AO168" s="77"/>
      <c r="AP168" s="77"/>
      <c r="AQ168" s="77"/>
      <c r="AR168" s="77"/>
      <c r="AS168" s="77"/>
      <c r="AT168" s="77"/>
      <c r="AU168" s="77"/>
      <c r="AV168" s="77"/>
      <c r="AW168" s="77"/>
      <c r="AX168" s="77"/>
      <c r="AY168" s="77"/>
      <c r="AZ168" s="77"/>
      <c r="BA168" s="77"/>
      <c r="BB168" s="77"/>
      <c r="BC168" s="77"/>
      <c r="BD168" s="77"/>
    </row>
    <row r="169" spans="1:258" s="64" customFormat="1" ht="69.900000000000006" customHeight="1" thickTop="1">
      <c r="A169" s="468" t="s">
        <v>25</v>
      </c>
      <c r="B169" s="574"/>
      <c r="C169" s="574"/>
      <c r="D169" s="574"/>
      <c r="E169" s="574"/>
      <c r="F169" s="574"/>
      <c r="G169" s="574"/>
      <c r="H169" s="574"/>
      <c r="I169" s="574"/>
      <c r="J169" s="574"/>
      <c r="K169" s="574"/>
      <c r="L169" s="454"/>
      <c r="M169" s="574"/>
      <c r="N169" s="574"/>
      <c r="O169" s="574"/>
      <c r="P169" s="575"/>
      <c r="Q169" s="122"/>
      <c r="R169" s="138"/>
      <c r="S169" s="162"/>
    </row>
    <row r="170" spans="1:258" s="67" customFormat="1" ht="75" customHeight="1">
      <c r="A170" s="456"/>
      <c r="B170" s="457"/>
      <c r="C170" s="457"/>
      <c r="D170" s="457"/>
      <c r="E170" s="457"/>
      <c r="F170" s="457"/>
      <c r="G170" s="457"/>
      <c r="H170" s="457"/>
      <c r="I170" s="457"/>
      <c r="J170" s="457"/>
      <c r="K170" s="457"/>
      <c r="L170" s="458"/>
      <c r="M170" s="457"/>
      <c r="N170" s="457"/>
      <c r="O170" s="457"/>
      <c r="P170" s="459"/>
      <c r="Q170" s="139"/>
      <c r="R170" s="138"/>
      <c r="S170" s="141"/>
      <c r="T170" s="64"/>
    </row>
    <row r="171" spans="1:258" s="67" customFormat="1" ht="75" customHeight="1" thickBot="1">
      <c r="A171" s="460"/>
      <c r="B171" s="461"/>
      <c r="C171" s="461"/>
      <c r="D171" s="461"/>
      <c r="E171" s="461"/>
      <c r="F171" s="461"/>
      <c r="G171" s="461"/>
      <c r="H171" s="461"/>
      <c r="I171" s="461"/>
      <c r="J171" s="461"/>
      <c r="K171" s="461"/>
      <c r="L171" s="462"/>
      <c r="M171" s="461"/>
      <c r="N171" s="461"/>
      <c r="O171" s="461"/>
      <c r="P171" s="463"/>
      <c r="Q171" s="139"/>
      <c r="R171" s="138"/>
      <c r="S171" s="141"/>
      <c r="T171" s="64"/>
    </row>
    <row r="172" spans="1:258" s="64" customFormat="1" ht="69.900000000000006" customHeight="1" thickBot="1">
      <c r="A172" s="443" t="s">
        <v>106</v>
      </c>
      <c r="B172" s="475"/>
      <c r="C172" s="475"/>
      <c r="D172" s="475"/>
      <c r="E172" s="475"/>
      <c r="F172" s="475"/>
      <c r="G172" s="475"/>
      <c r="H172" s="475"/>
      <c r="I172" s="475"/>
      <c r="J172" s="475"/>
      <c r="K172" s="475"/>
      <c r="L172" s="445"/>
      <c r="M172" s="475"/>
      <c r="N172" s="475"/>
      <c r="O172" s="475"/>
      <c r="P172" s="476"/>
      <c r="Q172" s="139"/>
      <c r="R172" s="138"/>
      <c r="S172" s="78"/>
      <c r="T172" s="76"/>
      <c r="U172" s="76"/>
      <c r="V172" s="76"/>
      <c r="W172" s="76"/>
      <c r="X172" s="76"/>
      <c r="Y172" s="76"/>
      <c r="Z172" s="76"/>
      <c r="AA172" s="76"/>
      <c r="AB172" s="76"/>
      <c r="AC172" s="76"/>
      <c r="AD172" s="76"/>
      <c r="AE172" s="76"/>
      <c r="AF172" s="76"/>
      <c r="AG172" s="76"/>
      <c r="AH172" s="76"/>
      <c r="AI172" s="76"/>
      <c r="AJ172" s="76"/>
      <c r="AK172" s="76"/>
      <c r="AL172" s="76"/>
      <c r="AM172" s="76"/>
      <c r="AN172" s="76"/>
      <c r="AO172" s="76"/>
      <c r="AP172" s="76"/>
      <c r="AQ172" s="76"/>
      <c r="AR172" s="76"/>
      <c r="AS172" s="76"/>
      <c r="AT172" s="76"/>
      <c r="AU172" s="76"/>
      <c r="AV172" s="76"/>
      <c r="AW172" s="76"/>
      <c r="AX172" s="76"/>
      <c r="AY172" s="76"/>
      <c r="AZ172" s="76"/>
      <c r="BA172" s="76"/>
      <c r="BB172" s="76"/>
      <c r="BC172" s="76"/>
      <c r="BD172" s="76"/>
    </row>
    <row r="173" spans="1:258" s="67" customFormat="1" ht="132" customHeight="1" thickTop="1" thickBot="1">
      <c r="A173" s="477" t="s">
        <v>107</v>
      </c>
      <c r="B173" s="379"/>
      <c r="C173" s="379"/>
      <c r="D173" s="379"/>
      <c r="E173" s="379"/>
      <c r="F173" s="379"/>
      <c r="G173" s="379"/>
      <c r="H173" s="379"/>
      <c r="I173" s="379"/>
      <c r="J173" s="379"/>
      <c r="K173" s="379"/>
      <c r="L173" s="379"/>
      <c r="M173" s="379"/>
      <c r="N173" s="576"/>
      <c r="O173" s="75" t="s">
        <v>20</v>
      </c>
      <c r="P173" s="136" t="s">
        <v>21</v>
      </c>
      <c r="Q173" s="139"/>
      <c r="R173" s="138"/>
      <c r="S173" s="137"/>
      <c r="T173" s="76"/>
      <c r="U173" s="77"/>
      <c r="V173" s="77"/>
      <c r="W173" s="77"/>
      <c r="X173" s="77"/>
      <c r="Y173" s="77"/>
      <c r="Z173" s="77"/>
      <c r="AA173" s="77"/>
      <c r="AB173" s="77"/>
      <c r="AC173" s="77"/>
      <c r="AD173" s="77"/>
      <c r="AE173" s="77"/>
      <c r="AF173" s="77"/>
      <c r="AG173" s="77"/>
      <c r="AH173" s="77"/>
      <c r="AI173" s="77"/>
      <c r="AJ173" s="77"/>
      <c r="AK173" s="77"/>
      <c r="AL173" s="77"/>
      <c r="AM173" s="77"/>
      <c r="AN173" s="77"/>
      <c r="AO173" s="77"/>
      <c r="AP173" s="77"/>
      <c r="AQ173" s="77"/>
      <c r="AR173" s="77"/>
      <c r="AS173" s="77"/>
      <c r="AT173" s="77"/>
      <c r="AU173" s="77"/>
      <c r="AV173" s="77"/>
      <c r="AW173" s="77"/>
      <c r="AX173" s="77"/>
      <c r="AY173" s="77"/>
      <c r="AZ173" s="77"/>
      <c r="BA173" s="77"/>
      <c r="BB173" s="77"/>
      <c r="BC173" s="77"/>
      <c r="BD173" s="77"/>
    </row>
    <row r="174" spans="1:258" s="64" customFormat="1" ht="69.599999999999994" customHeight="1" thickTop="1">
      <c r="A174" s="503" t="s">
        <v>108</v>
      </c>
      <c r="B174" s="577"/>
      <c r="C174" s="577"/>
      <c r="D174" s="577"/>
      <c r="E174" s="577"/>
      <c r="F174" s="577"/>
      <c r="G174" s="577"/>
      <c r="H174" s="577"/>
      <c r="I174" s="577"/>
      <c r="J174" s="577"/>
      <c r="K174" s="577"/>
      <c r="L174" s="505"/>
      <c r="M174" s="577"/>
      <c r="N174" s="577"/>
      <c r="O174" s="577"/>
      <c r="P174" s="578"/>
      <c r="Q174" s="122"/>
      <c r="R174" s="138"/>
      <c r="S174" s="162"/>
      <c r="T174" s="193"/>
    </row>
    <row r="175" spans="1:258" s="64" customFormat="1" ht="69.599999999999994" customHeight="1">
      <c r="A175" s="507" t="s">
        <v>109</v>
      </c>
      <c r="B175" s="508"/>
      <c r="C175" s="508"/>
      <c r="D175" s="508"/>
      <c r="E175" s="508"/>
      <c r="F175" s="508"/>
      <c r="G175" s="508"/>
      <c r="H175" s="508"/>
      <c r="I175" s="508"/>
      <c r="J175" s="508"/>
      <c r="K175" s="508"/>
      <c r="L175" s="508"/>
      <c r="M175" s="508"/>
      <c r="N175" s="508"/>
      <c r="O175" s="508"/>
      <c r="P175" s="509"/>
      <c r="Q175" s="161"/>
      <c r="R175" s="133"/>
      <c r="S175" s="162"/>
      <c r="T175" s="52"/>
      <c r="U175" s="52"/>
      <c r="V175" s="52"/>
      <c r="W175" s="52"/>
      <c r="X175" s="52"/>
      <c r="Y175" s="52"/>
      <c r="Z175" s="52"/>
      <c r="AA175" s="52"/>
      <c r="AB175" s="52"/>
      <c r="AC175" s="52"/>
      <c r="AD175" s="52"/>
      <c r="AE175" s="52"/>
      <c r="AF175" s="52"/>
      <c r="AG175" s="52"/>
      <c r="AH175" s="52"/>
      <c r="AI175" s="52"/>
      <c r="AJ175" s="52"/>
      <c r="AK175" s="52"/>
      <c r="AL175" s="52"/>
      <c r="AM175" s="52"/>
      <c r="AN175" s="52"/>
      <c r="AO175" s="52"/>
      <c r="AP175" s="52"/>
      <c r="AQ175" s="52"/>
      <c r="AR175" s="52"/>
      <c r="AS175" s="52"/>
      <c r="AT175" s="52"/>
      <c r="AU175" s="52"/>
      <c r="AV175" s="52"/>
      <c r="AW175" s="52"/>
      <c r="AX175" s="52"/>
      <c r="AY175" s="52"/>
      <c r="AZ175" s="52"/>
      <c r="BA175" s="52"/>
      <c r="BB175" s="52"/>
      <c r="BC175" s="52"/>
      <c r="BD175" s="52"/>
      <c r="BE175" s="52"/>
      <c r="BF175" s="52"/>
      <c r="BG175" s="52"/>
      <c r="BH175" s="52"/>
      <c r="BI175" s="52"/>
      <c r="BJ175" s="52"/>
      <c r="BK175" s="52"/>
      <c r="BL175" s="52"/>
      <c r="BM175" s="52"/>
      <c r="BN175" s="52"/>
      <c r="BO175" s="52"/>
      <c r="BP175" s="52"/>
      <c r="BQ175" s="52"/>
      <c r="BR175" s="52"/>
      <c r="BS175" s="52"/>
      <c r="BT175" s="52"/>
      <c r="BU175" s="52"/>
      <c r="BV175" s="52"/>
      <c r="BW175" s="52"/>
      <c r="BX175" s="52"/>
      <c r="BY175" s="52"/>
      <c r="BZ175" s="52"/>
      <c r="CA175" s="52"/>
      <c r="CB175" s="52"/>
      <c r="CC175" s="52"/>
      <c r="CD175" s="52"/>
      <c r="CE175" s="52"/>
      <c r="CF175" s="52"/>
      <c r="CG175" s="52"/>
      <c r="CH175" s="52"/>
      <c r="CI175" s="52"/>
      <c r="CJ175" s="52"/>
      <c r="CK175" s="52"/>
      <c r="CL175" s="52"/>
      <c r="CM175" s="52"/>
      <c r="CN175" s="52"/>
      <c r="CO175" s="52"/>
      <c r="CP175" s="52"/>
      <c r="CQ175" s="52"/>
      <c r="CR175" s="52"/>
      <c r="CS175" s="52"/>
      <c r="CT175" s="52"/>
      <c r="CU175" s="52"/>
      <c r="CV175" s="52"/>
      <c r="CW175" s="52"/>
      <c r="CX175" s="52"/>
      <c r="CY175" s="52"/>
      <c r="CZ175" s="52"/>
      <c r="DA175" s="52"/>
      <c r="DB175" s="52"/>
      <c r="DC175" s="52"/>
      <c r="DD175" s="52"/>
      <c r="DE175" s="52"/>
      <c r="DF175" s="52"/>
      <c r="DG175" s="52"/>
      <c r="DH175" s="52"/>
      <c r="DI175" s="52"/>
      <c r="DJ175" s="52"/>
      <c r="DK175" s="52"/>
      <c r="DL175" s="52"/>
      <c r="DM175" s="52"/>
      <c r="DN175" s="52"/>
      <c r="DO175" s="52"/>
      <c r="DP175" s="52"/>
      <c r="DQ175" s="52"/>
      <c r="DR175" s="52"/>
      <c r="DS175" s="52"/>
      <c r="DT175" s="52"/>
      <c r="DU175" s="52"/>
      <c r="DV175" s="52"/>
      <c r="DW175" s="52"/>
      <c r="DX175" s="52"/>
      <c r="DY175" s="52"/>
      <c r="DZ175" s="52"/>
      <c r="EA175" s="52"/>
      <c r="EB175" s="52"/>
      <c r="EC175" s="52"/>
      <c r="ED175" s="52"/>
      <c r="EE175" s="52"/>
      <c r="EF175" s="52"/>
      <c r="EG175" s="52"/>
      <c r="EH175" s="52"/>
      <c r="EI175" s="52"/>
      <c r="EJ175" s="52"/>
      <c r="EK175" s="52"/>
      <c r="EL175" s="52"/>
      <c r="EM175" s="52"/>
      <c r="EN175" s="52"/>
      <c r="EO175" s="52"/>
      <c r="EP175" s="52"/>
      <c r="EQ175" s="52"/>
      <c r="ER175" s="52"/>
      <c r="ES175" s="52"/>
      <c r="ET175" s="52"/>
      <c r="EU175" s="52"/>
      <c r="EV175" s="52"/>
      <c r="EW175" s="52"/>
      <c r="EX175" s="52"/>
      <c r="EY175" s="52"/>
      <c r="EZ175" s="52"/>
      <c r="FA175" s="52"/>
      <c r="FB175" s="52"/>
      <c r="FC175" s="52"/>
      <c r="FD175" s="52"/>
      <c r="FE175" s="52"/>
      <c r="FF175" s="52"/>
      <c r="FG175" s="52"/>
      <c r="FH175" s="52"/>
      <c r="FI175" s="52"/>
      <c r="FJ175" s="52"/>
      <c r="FK175" s="52"/>
      <c r="FL175" s="52"/>
      <c r="FM175" s="52"/>
      <c r="FN175" s="52"/>
      <c r="FO175" s="52"/>
      <c r="FP175" s="52"/>
      <c r="FQ175" s="52"/>
      <c r="FR175" s="52"/>
      <c r="FS175" s="52"/>
      <c r="FT175" s="52"/>
      <c r="FU175" s="52"/>
      <c r="FV175" s="52"/>
      <c r="FW175" s="52"/>
      <c r="FX175" s="52"/>
      <c r="FY175" s="52"/>
      <c r="FZ175" s="52"/>
      <c r="GA175" s="52"/>
      <c r="GB175" s="52"/>
      <c r="GC175" s="52"/>
      <c r="GD175" s="52"/>
      <c r="GE175" s="52"/>
      <c r="GF175" s="52"/>
      <c r="GG175" s="52"/>
      <c r="GH175" s="52"/>
      <c r="GI175" s="52"/>
      <c r="GJ175" s="52"/>
      <c r="GK175" s="52"/>
      <c r="GL175" s="52"/>
      <c r="GM175" s="52"/>
      <c r="GN175" s="52"/>
      <c r="GO175" s="52"/>
      <c r="GP175" s="52"/>
      <c r="GQ175" s="52"/>
      <c r="GR175" s="52"/>
      <c r="GS175" s="52"/>
      <c r="GT175" s="52"/>
      <c r="GU175" s="52"/>
      <c r="GV175" s="52"/>
      <c r="GW175" s="52"/>
      <c r="GX175" s="52"/>
      <c r="GY175" s="52"/>
      <c r="GZ175" s="52"/>
      <c r="HA175" s="52"/>
      <c r="HB175" s="52"/>
      <c r="HC175" s="52"/>
      <c r="HD175" s="52"/>
      <c r="HE175" s="52"/>
      <c r="HF175" s="52"/>
      <c r="HG175" s="52"/>
      <c r="HH175" s="52"/>
      <c r="HI175" s="52"/>
      <c r="HJ175" s="52"/>
      <c r="HK175" s="52"/>
      <c r="HL175" s="52"/>
      <c r="HM175" s="52"/>
      <c r="HN175" s="52"/>
      <c r="HO175" s="52"/>
      <c r="HP175" s="52"/>
      <c r="HQ175" s="52"/>
      <c r="HR175" s="52"/>
      <c r="HS175" s="52"/>
      <c r="HT175" s="52"/>
      <c r="HU175" s="52"/>
      <c r="HV175" s="52"/>
      <c r="HW175" s="52"/>
      <c r="HX175" s="52"/>
      <c r="HY175" s="52"/>
      <c r="HZ175" s="52"/>
      <c r="IA175" s="52"/>
      <c r="IB175" s="52"/>
      <c r="IC175" s="52"/>
      <c r="ID175" s="52"/>
      <c r="IE175" s="52"/>
      <c r="IF175" s="52"/>
      <c r="IG175" s="52"/>
      <c r="IH175" s="52"/>
      <c r="II175" s="52"/>
      <c r="IJ175" s="52"/>
      <c r="IK175" s="52"/>
      <c r="IL175" s="52"/>
      <c r="IM175" s="52"/>
      <c r="IN175" s="52"/>
      <c r="IO175" s="52"/>
      <c r="IP175" s="52"/>
      <c r="IQ175" s="52"/>
      <c r="IR175" s="52"/>
      <c r="IS175" s="52"/>
      <c r="IT175" s="52"/>
      <c r="IU175" s="52"/>
      <c r="IV175" s="52"/>
      <c r="IW175" s="52"/>
      <c r="IX175" s="52"/>
    </row>
    <row r="176" spans="1:258" s="42" customFormat="1" ht="69.900000000000006" customHeight="1">
      <c r="A176" s="510" t="s">
        <v>110</v>
      </c>
      <c r="B176" s="511"/>
      <c r="C176" s="511"/>
      <c r="D176" s="511"/>
      <c r="E176" s="511"/>
      <c r="F176" s="511"/>
      <c r="G176" s="511"/>
      <c r="H176" s="511"/>
      <c r="I176" s="511"/>
      <c r="J176" s="512"/>
      <c r="K176" s="588"/>
      <c r="L176" s="588"/>
      <c r="M176" s="588"/>
      <c r="N176" s="588"/>
      <c r="O176" s="588"/>
      <c r="P176" s="589"/>
      <c r="Q176" s="134"/>
      <c r="R176" s="133"/>
      <c r="S176" s="39"/>
      <c r="T176" s="40"/>
      <c r="U176" s="41"/>
      <c r="V176" s="41"/>
      <c r="W176" s="41"/>
      <c r="X176" s="41"/>
      <c r="Y176" s="41"/>
      <c r="Z176" s="41"/>
      <c r="AA176" s="41"/>
      <c r="AB176" s="41"/>
      <c r="AC176" s="41"/>
      <c r="AD176" s="41"/>
      <c r="AE176" s="41"/>
      <c r="AF176" s="41"/>
      <c r="AG176" s="41"/>
      <c r="AH176" s="41"/>
      <c r="AI176" s="41"/>
      <c r="AJ176" s="41"/>
      <c r="AK176" s="41"/>
      <c r="AL176" s="41"/>
      <c r="AM176" s="41"/>
      <c r="AN176" s="41"/>
      <c r="AO176" s="41"/>
      <c r="AP176" s="41"/>
      <c r="AQ176" s="41"/>
      <c r="AR176" s="41"/>
      <c r="AS176" s="41"/>
      <c r="AT176" s="41"/>
      <c r="AU176" s="41"/>
      <c r="AV176" s="41"/>
      <c r="AW176" s="41"/>
      <c r="AX176" s="41"/>
      <c r="AY176" s="41"/>
      <c r="AZ176" s="41"/>
      <c r="BA176" s="41"/>
      <c r="BB176" s="41"/>
      <c r="BC176" s="41"/>
      <c r="BD176" s="41"/>
    </row>
    <row r="177" spans="1:258" s="42" customFormat="1" ht="69.599999999999994" customHeight="1">
      <c r="A177" s="528" t="s">
        <v>111</v>
      </c>
      <c r="B177" s="529"/>
      <c r="C177" s="529"/>
      <c r="D177" s="529"/>
      <c r="E177" s="529"/>
      <c r="F177" s="529"/>
      <c r="G177" s="529"/>
      <c r="H177" s="529"/>
      <c r="I177" s="529"/>
      <c r="J177" s="530"/>
      <c r="K177" s="581" t="s">
        <v>112</v>
      </c>
      <c r="L177" s="582"/>
      <c r="M177" s="348" t="s">
        <v>113</v>
      </c>
      <c r="N177" s="349"/>
      <c r="O177" s="349"/>
      <c r="P177" s="350"/>
      <c r="Q177" s="134"/>
      <c r="R177" s="133"/>
      <c r="S177" s="39"/>
      <c r="T177" s="40"/>
      <c r="U177" s="41"/>
      <c r="V177" s="41"/>
      <c r="W177" s="41"/>
      <c r="X177" s="41"/>
      <c r="Y177" s="41"/>
      <c r="Z177" s="41"/>
      <c r="AA177" s="41"/>
      <c r="AB177" s="41"/>
      <c r="AC177" s="41"/>
      <c r="AD177" s="41"/>
      <c r="AE177" s="41"/>
      <c r="AF177" s="41"/>
      <c r="AG177" s="41"/>
      <c r="AH177" s="41"/>
      <c r="AI177" s="41"/>
      <c r="AJ177" s="41"/>
      <c r="AK177" s="41"/>
      <c r="AL177" s="41"/>
      <c r="AM177" s="41"/>
      <c r="AN177" s="41"/>
      <c r="AO177" s="41"/>
      <c r="AP177" s="41"/>
      <c r="AQ177" s="41"/>
      <c r="AR177" s="41"/>
      <c r="AS177" s="41"/>
      <c r="AT177" s="41"/>
      <c r="AU177" s="41"/>
      <c r="AV177" s="41"/>
      <c r="AW177" s="41"/>
      <c r="AX177" s="41"/>
      <c r="AY177" s="41"/>
      <c r="AZ177" s="41"/>
      <c r="BA177" s="41"/>
      <c r="BB177" s="41"/>
      <c r="BC177" s="41"/>
      <c r="BD177" s="41"/>
    </row>
    <row r="178" spans="1:258" s="42" customFormat="1" ht="69.599999999999994" customHeight="1">
      <c r="A178" s="534"/>
      <c r="B178" s="535"/>
      <c r="C178" s="535"/>
      <c r="D178" s="535"/>
      <c r="E178" s="535"/>
      <c r="F178" s="535"/>
      <c r="G178" s="535"/>
      <c r="H178" s="535"/>
      <c r="I178" s="535"/>
      <c r="J178" s="536"/>
      <c r="K178" s="583"/>
      <c r="L178" s="584"/>
      <c r="M178" s="351" t="s">
        <v>114</v>
      </c>
      <c r="N178" s="352"/>
      <c r="O178" s="352"/>
      <c r="P178" s="353"/>
      <c r="Q178" s="134"/>
      <c r="R178" s="133"/>
      <c r="S178" s="39"/>
      <c r="T178" s="40"/>
      <c r="U178" s="41"/>
      <c r="V178" s="41"/>
      <c r="W178" s="41"/>
      <c r="X178" s="41"/>
      <c r="Y178" s="41"/>
      <c r="Z178" s="41"/>
      <c r="AA178" s="41"/>
      <c r="AB178" s="41"/>
      <c r="AC178" s="41"/>
      <c r="AD178" s="41"/>
      <c r="AE178" s="41"/>
      <c r="AF178" s="41"/>
      <c r="AG178" s="41"/>
      <c r="AH178" s="41"/>
      <c r="AI178" s="41"/>
      <c r="AJ178" s="41"/>
      <c r="AK178" s="41"/>
      <c r="AL178" s="41"/>
      <c r="AM178" s="41"/>
      <c r="AN178" s="41"/>
      <c r="AO178" s="41"/>
      <c r="AP178" s="41"/>
      <c r="AQ178" s="41"/>
      <c r="AR178" s="41"/>
      <c r="AS178" s="41"/>
      <c r="AT178" s="41"/>
      <c r="AU178" s="41"/>
      <c r="AV178" s="41"/>
      <c r="AW178" s="41"/>
      <c r="AX178" s="41"/>
      <c r="AY178" s="41"/>
      <c r="AZ178" s="41"/>
      <c r="BA178" s="41"/>
      <c r="BB178" s="41"/>
      <c r="BC178" s="41"/>
      <c r="BD178" s="41"/>
    </row>
    <row r="179" spans="1:258" s="42" customFormat="1" ht="69.599999999999994" customHeight="1">
      <c r="A179" s="528" t="s">
        <v>115</v>
      </c>
      <c r="B179" s="529"/>
      <c r="C179" s="529"/>
      <c r="D179" s="529"/>
      <c r="E179" s="529"/>
      <c r="F179" s="529"/>
      <c r="G179" s="529"/>
      <c r="H179" s="529"/>
      <c r="I179" s="529"/>
      <c r="J179" s="530"/>
      <c r="K179" s="581" t="s">
        <v>112</v>
      </c>
      <c r="L179" s="582"/>
      <c r="M179" s="348" t="s">
        <v>113</v>
      </c>
      <c r="N179" s="349"/>
      <c r="O179" s="349"/>
      <c r="P179" s="350"/>
      <c r="Q179" s="134"/>
      <c r="R179" s="133"/>
      <c r="S179" s="39"/>
      <c r="T179" s="40"/>
      <c r="U179" s="41"/>
      <c r="V179" s="41"/>
      <c r="W179" s="41"/>
      <c r="X179" s="41"/>
      <c r="Y179" s="41"/>
      <c r="Z179" s="41"/>
      <c r="AA179" s="41"/>
      <c r="AB179" s="41"/>
      <c r="AC179" s="41"/>
      <c r="AD179" s="41"/>
      <c r="AE179" s="41"/>
      <c r="AF179" s="41"/>
      <c r="AG179" s="41"/>
      <c r="AH179" s="41"/>
      <c r="AI179" s="41"/>
      <c r="AJ179" s="41"/>
      <c r="AK179" s="41"/>
      <c r="AL179" s="41"/>
      <c r="AM179" s="41"/>
      <c r="AN179" s="41"/>
      <c r="AO179" s="41"/>
      <c r="AP179" s="41"/>
      <c r="AQ179" s="41"/>
      <c r="AR179" s="41"/>
      <c r="AS179" s="41"/>
      <c r="AT179" s="41"/>
      <c r="AU179" s="41"/>
      <c r="AV179" s="41"/>
      <c r="AW179" s="41"/>
      <c r="AX179" s="41"/>
      <c r="AY179" s="41"/>
      <c r="AZ179" s="41"/>
      <c r="BA179" s="41"/>
      <c r="BB179" s="41"/>
      <c r="BC179" s="41"/>
      <c r="BD179" s="41"/>
    </row>
    <row r="180" spans="1:258" s="42" customFormat="1" ht="69.599999999999994" customHeight="1">
      <c r="A180" s="534"/>
      <c r="B180" s="535"/>
      <c r="C180" s="535"/>
      <c r="D180" s="535"/>
      <c r="E180" s="535"/>
      <c r="F180" s="535"/>
      <c r="G180" s="535"/>
      <c r="H180" s="535"/>
      <c r="I180" s="535"/>
      <c r="J180" s="536"/>
      <c r="K180" s="583"/>
      <c r="L180" s="584"/>
      <c r="M180" s="351" t="s">
        <v>114</v>
      </c>
      <c r="N180" s="352"/>
      <c r="O180" s="352"/>
      <c r="P180" s="353"/>
      <c r="Q180" s="134"/>
      <c r="R180" s="133"/>
      <c r="S180" s="39"/>
      <c r="T180" s="40"/>
      <c r="U180" s="41"/>
      <c r="V180" s="41"/>
      <c r="W180" s="41"/>
      <c r="X180" s="41"/>
      <c r="Y180" s="41"/>
      <c r="Z180" s="41"/>
      <c r="AA180" s="41"/>
      <c r="AB180" s="41"/>
      <c r="AC180" s="41"/>
      <c r="AD180" s="41"/>
      <c r="AE180" s="41"/>
      <c r="AF180" s="41"/>
      <c r="AG180" s="41"/>
      <c r="AH180" s="41"/>
      <c r="AI180" s="41"/>
      <c r="AJ180" s="41"/>
      <c r="AK180" s="41"/>
      <c r="AL180" s="41"/>
      <c r="AM180" s="41"/>
      <c r="AN180" s="41"/>
      <c r="AO180" s="41"/>
      <c r="AP180" s="41"/>
      <c r="AQ180" s="41"/>
      <c r="AR180" s="41"/>
      <c r="AS180" s="41"/>
      <c r="AT180" s="41"/>
      <c r="AU180" s="41"/>
      <c r="AV180" s="41"/>
      <c r="AW180" s="41"/>
      <c r="AX180" s="41"/>
      <c r="AY180" s="41"/>
      <c r="AZ180" s="41"/>
      <c r="BA180" s="41"/>
      <c r="BB180" s="41"/>
      <c r="BC180" s="41"/>
      <c r="BD180" s="41"/>
    </row>
    <row r="181" spans="1:258" s="42" customFormat="1" ht="120" customHeight="1">
      <c r="A181" s="528" t="s">
        <v>116</v>
      </c>
      <c r="B181" s="529"/>
      <c r="C181" s="529"/>
      <c r="D181" s="529"/>
      <c r="E181" s="529"/>
      <c r="F181" s="529"/>
      <c r="G181" s="529"/>
      <c r="H181" s="529"/>
      <c r="I181" s="529"/>
      <c r="J181" s="530"/>
      <c r="K181" s="585"/>
      <c r="L181" s="586"/>
      <c r="M181" s="586"/>
      <c r="N181" s="586"/>
      <c r="O181" s="586"/>
      <c r="P181" s="587"/>
      <c r="Q181" s="134"/>
      <c r="R181" s="133"/>
      <c r="S181" s="39"/>
      <c r="T181" s="40"/>
      <c r="U181" s="41"/>
      <c r="V181" s="41"/>
      <c r="W181" s="41"/>
      <c r="X181" s="41"/>
      <c r="Y181" s="41"/>
      <c r="Z181" s="41"/>
      <c r="AA181" s="41"/>
      <c r="AB181" s="41"/>
      <c r="AC181" s="41"/>
      <c r="AD181" s="41"/>
      <c r="AE181" s="41"/>
      <c r="AF181" s="41"/>
      <c r="AG181" s="41"/>
      <c r="AH181" s="41"/>
      <c r="AI181" s="41"/>
      <c r="AJ181" s="41"/>
      <c r="AK181" s="41"/>
      <c r="AL181" s="41"/>
      <c r="AM181" s="41"/>
      <c r="AN181" s="41"/>
      <c r="AO181" s="41"/>
      <c r="AP181" s="41"/>
      <c r="AQ181" s="41"/>
      <c r="AR181" s="41"/>
      <c r="AS181" s="41"/>
      <c r="AT181" s="41"/>
      <c r="AU181" s="41"/>
      <c r="AV181" s="41"/>
      <c r="AW181" s="41"/>
      <c r="AX181" s="41"/>
      <c r="AY181" s="41"/>
      <c r="AZ181" s="41"/>
      <c r="BA181" s="41"/>
      <c r="BB181" s="41"/>
      <c r="BC181" s="41"/>
      <c r="BD181" s="41"/>
    </row>
    <row r="182" spans="1:258" s="64" customFormat="1" ht="69.599999999999994" customHeight="1">
      <c r="A182" s="600" t="s">
        <v>117</v>
      </c>
      <c r="B182" s="601"/>
      <c r="C182" s="601"/>
      <c r="D182" s="601"/>
      <c r="E182" s="601"/>
      <c r="F182" s="601"/>
      <c r="G182" s="601"/>
      <c r="H182" s="601"/>
      <c r="I182" s="601"/>
      <c r="J182" s="601"/>
      <c r="K182" s="601"/>
      <c r="L182" s="601"/>
      <c r="M182" s="601"/>
      <c r="N182" s="601"/>
      <c r="O182" s="601"/>
      <c r="P182" s="602"/>
      <c r="Q182" s="161"/>
      <c r="R182" s="133"/>
      <c r="S182" s="162"/>
      <c r="T182" s="52"/>
      <c r="U182" s="52"/>
      <c r="V182" s="52"/>
      <c r="W182" s="52"/>
      <c r="X182" s="52"/>
      <c r="Y182" s="52"/>
      <c r="Z182" s="52"/>
      <c r="AA182" s="52"/>
      <c r="AB182" s="52"/>
      <c r="AC182" s="52"/>
      <c r="AD182" s="52"/>
      <c r="AE182" s="52"/>
      <c r="AF182" s="52"/>
      <c r="AG182" s="52"/>
      <c r="AH182" s="52"/>
      <c r="AI182" s="52"/>
      <c r="AJ182" s="52"/>
      <c r="AK182" s="52"/>
      <c r="AL182" s="52"/>
      <c r="AM182" s="52"/>
      <c r="AN182" s="52"/>
      <c r="AO182" s="52"/>
      <c r="AP182" s="52"/>
      <c r="AQ182" s="52"/>
      <c r="AR182" s="52"/>
      <c r="AS182" s="52"/>
      <c r="AT182" s="52"/>
      <c r="AU182" s="52"/>
      <c r="AV182" s="52"/>
      <c r="AW182" s="52"/>
      <c r="AX182" s="52"/>
      <c r="AY182" s="52"/>
      <c r="AZ182" s="52"/>
      <c r="BA182" s="52"/>
      <c r="BB182" s="52"/>
      <c r="BC182" s="52"/>
      <c r="BD182" s="52"/>
      <c r="BE182" s="52"/>
      <c r="BF182" s="52"/>
      <c r="BG182" s="52"/>
      <c r="BH182" s="52"/>
      <c r="BI182" s="52"/>
      <c r="BJ182" s="52"/>
      <c r="BK182" s="52"/>
      <c r="BL182" s="52"/>
      <c r="BM182" s="52"/>
      <c r="BN182" s="52"/>
      <c r="BO182" s="52"/>
      <c r="BP182" s="52"/>
      <c r="BQ182" s="52"/>
      <c r="BR182" s="52"/>
      <c r="BS182" s="52"/>
      <c r="BT182" s="52"/>
      <c r="BU182" s="52"/>
      <c r="BV182" s="52"/>
      <c r="BW182" s="52"/>
      <c r="BX182" s="52"/>
      <c r="BY182" s="52"/>
      <c r="BZ182" s="52"/>
      <c r="CA182" s="52"/>
      <c r="CB182" s="52"/>
      <c r="CC182" s="52"/>
      <c r="CD182" s="52"/>
      <c r="CE182" s="52"/>
      <c r="CF182" s="52"/>
      <c r="CG182" s="52"/>
      <c r="CH182" s="52"/>
      <c r="CI182" s="52"/>
      <c r="CJ182" s="52"/>
      <c r="CK182" s="52"/>
      <c r="CL182" s="52"/>
      <c r="CM182" s="52"/>
      <c r="CN182" s="52"/>
      <c r="CO182" s="52"/>
      <c r="CP182" s="52"/>
      <c r="CQ182" s="52"/>
      <c r="CR182" s="52"/>
      <c r="CS182" s="52"/>
      <c r="CT182" s="52"/>
      <c r="CU182" s="52"/>
      <c r="CV182" s="52"/>
      <c r="CW182" s="52"/>
      <c r="CX182" s="52"/>
      <c r="CY182" s="52"/>
      <c r="CZ182" s="52"/>
      <c r="DA182" s="52"/>
      <c r="DB182" s="52"/>
      <c r="DC182" s="52"/>
      <c r="DD182" s="52"/>
      <c r="DE182" s="52"/>
      <c r="DF182" s="52"/>
      <c r="DG182" s="52"/>
      <c r="DH182" s="52"/>
      <c r="DI182" s="52"/>
      <c r="DJ182" s="52"/>
      <c r="DK182" s="52"/>
      <c r="DL182" s="52"/>
      <c r="DM182" s="52"/>
      <c r="DN182" s="52"/>
      <c r="DO182" s="52"/>
      <c r="DP182" s="52"/>
      <c r="DQ182" s="52"/>
      <c r="DR182" s="52"/>
      <c r="DS182" s="52"/>
      <c r="DT182" s="52"/>
      <c r="DU182" s="52"/>
      <c r="DV182" s="52"/>
      <c r="DW182" s="52"/>
      <c r="DX182" s="52"/>
      <c r="DY182" s="52"/>
      <c r="DZ182" s="52"/>
      <c r="EA182" s="52"/>
      <c r="EB182" s="52"/>
      <c r="EC182" s="52"/>
      <c r="ED182" s="52"/>
      <c r="EE182" s="52"/>
      <c r="EF182" s="52"/>
      <c r="EG182" s="52"/>
      <c r="EH182" s="52"/>
      <c r="EI182" s="52"/>
      <c r="EJ182" s="52"/>
      <c r="EK182" s="52"/>
      <c r="EL182" s="52"/>
      <c r="EM182" s="52"/>
      <c r="EN182" s="52"/>
      <c r="EO182" s="52"/>
      <c r="EP182" s="52"/>
      <c r="EQ182" s="52"/>
      <c r="ER182" s="52"/>
      <c r="ES182" s="52"/>
      <c r="ET182" s="52"/>
      <c r="EU182" s="52"/>
      <c r="EV182" s="52"/>
      <c r="EW182" s="52"/>
      <c r="EX182" s="52"/>
      <c r="EY182" s="52"/>
      <c r="EZ182" s="52"/>
      <c r="FA182" s="52"/>
      <c r="FB182" s="52"/>
      <c r="FC182" s="52"/>
      <c r="FD182" s="52"/>
      <c r="FE182" s="52"/>
      <c r="FF182" s="52"/>
      <c r="FG182" s="52"/>
      <c r="FH182" s="52"/>
      <c r="FI182" s="52"/>
      <c r="FJ182" s="52"/>
      <c r="FK182" s="52"/>
      <c r="FL182" s="52"/>
      <c r="FM182" s="52"/>
      <c r="FN182" s="52"/>
      <c r="FO182" s="52"/>
      <c r="FP182" s="52"/>
      <c r="FQ182" s="52"/>
      <c r="FR182" s="52"/>
      <c r="FS182" s="52"/>
      <c r="FT182" s="52"/>
      <c r="FU182" s="52"/>
      <c r="FV182" s="52"/>
      <c r="FW182" s="52"/>
      <c r="FX182" s="52"/>
      <c r="FY182" s="52"/>
      <c r="FZ182" s="52"/>
      <c r="GA182" s="52"/>
      <c r="GB182" s="52"/>
      <c r="GC182" s="52"/>
      <c r="GD182" s="52"/>
      <c r="GE182" s="52"/>
      <c r="GF182" s="52"/>
      <c r="GG182" s="52"/>
      <c r="GH182" s="52"/>
      <c r="GI182" s="52"/>
      <c r="GJ182" s="52"/>
      <c r="GK182" s="52"/>
      <c r="GL182" s="52"/>
      <c r="GM182" s="52"/>
      <c r="GN182" s="52"/>
      <c r="GO182" s="52"/>
      <c r="GP182" s="52"/>
      <c r="GQ182" s="52"/>
      <c r="GR182" s="52"/>
      <c r="GS182" s="52"/>
      <c r="GT182" s="52"/>
      <c r="GU182" s="52"/>
      <c r="GV182" s="52"/>
      <c r="GW182" s="52"/>
      <c r="GX182" s="52"/>
      <c r="GY182" s="52"/>
      <c r="GZ182" s="52"/>
      <c r="HA182" s="52"/>
      <c r="HB182" s="52"/>
      <c r="HC182" s="52"/>
      <c r="HD182" s="52"/>
      <c r="HE182" s="52"/>
      <c r="HF182" s="52"/>
      <c r="HG182" s="52"/>
      <c r="HH182" s="52"/>
      <c r="HI182" s="52"/>
      <c r="HJ182" s="52"/>
      <c r="HK182" s="52"/>
      <c r="HL182" s="52"/>
      <c r="HM182" s="52"/>
      <c r="HN182" s="52"/>
      <c r="HO182" s="52"/>
      <c r="HP182" s="52"/>
      <c r="HQ182" s="52"/>
      <c r="HR182" s="52"/>
      <c r="HS182" s="52"/>
      <c r="HT182" s="52"/>
      <c r="HU182" s="52"/>
      <c r="HV182" s="52"/>
      <c r="HW182" s="52"/>
      <c r="HX182" s="52"/>
      <c r="HY182" s="52"/>
      <c r="HZ182" s="52"/>
      <c r="IA182" s="52"/>
      <c r="IB182" s="52"/>
      <c r="IC182" s="52"/>
      <c r="ID182" s="52"/>
      <c r="IE182" s="52"/>
      <c r="IF182" s="52"/>
      <c r="IG182" s="52"/>
      <c r="IH182" s="52"/>
      <c r="II182" s="52"/>
      <c r="IJ182" s="52"/>
      <c r="IK182" s="52"/>
      <c r="IL182" s="52"/>
      <c r="IM182" s="52"/>
      <c r="IN182" s="52"/>
      <c r="IO182" s="52"/>
      <c r="IP182" s="52"/>
      <c r="IQ182" s="52"/>
      <c r="IR182" s="52"/>
      <c r="IS182" s="52"/>
      <c r="IT182" s="52"/>
      <c r="IU182" s="52"/>
      <c r="IV182" s="52"/>
      <c r="IW182" s="52"/>
      <c r="IX182" s="52"/>
    </row>
    <row r="183" spans="1:258" s="64" customFormat="1" ht="69.599999999999994" customHeight="1">
      <c r="A183" s="603" t="s">
        <v>118</v>
      </c>
      <c r="B183" s="604"/>
      <c r="C183" s="604"/>
      <c r="D183" s="604"/>
      <c r="E183" s="604"/>
      <c r="F183" s="604"/>
      <c r="G183" s="604"/>
      <c r="H183" s="604"/>
      <c r="I183" s="604"/>
      <c r="J183" s="604"/>
      <c r="K183" s="604"/>
      <c r="L183" s="604"/>
      <c r="M183" s="604"/>
      <c r="N183" s="604"/>
      <c r="O183" s="604"/>
      <c r="P183" s="605"/>
      <c r="Q183" s="161"/>
      <c r="R183" s="133"/>
      <c r="S183" s="162"/>
      <c r="T183" s="52"/>
      <c r="U183" s="52"/>
      <c r="V183" s="52"/>
      <c r="W183" s="52"/>
      <c r="X183" s="52"/>
      <c r="Y183" s="52"/>
      <c r="Z183" s="52"/>
      <c r="AA183" s="52"/>
      <c r="AB183" s="52"/>
      <c r="AC183" s="52"/>
      <c r="AD183" s="52"/>
      <c r="AE183" s="52"/>
      <c r="AF183" s="52"/>
      <c r="AG183" s="52"/>
      <c r="AH183" s="52"/>
      <c r="AI183" s="52"/>
      <c r="AJ183" s="52"/>
      <c r="AK183" s="52"/>
      <c r="AL183" s="52"/>
      <c r="AM183" s="52"/>
      <c r="AN183" s="52"/>
      <c r="AO183" s="52"/>
      <c r="AP183" s="52"/>
      <c r="AQ183" s="52"/>
      <c r="AR183" s="52"/>
      <c r="AS183" s="52"/>
      <c r="AT183" s="52"/>
      <c r="AU183" s="52"/>
      <c r="AV183" s="52"/>
      <c r="AW183" s="52"/>
      <c r="AX183" s="52"/>
      <c r="AY183" s="52"/>
      <c r="AZ183" s="52"/>
      <c r="BA183" s="52"/>
      <c r="BB183" s="52"/>
      <c r="BC183" s="52"/>
      <c r="BD183" s="52"/>
      <c r="BE183" s="52"/>
      <c r="BF183" s="52"/>
      <c r="BG183" s="52"/>
      <c r="BH183" s="52"/>
      <c r="BI183" s="52"/>
      <c r="BJ183" s="52"/>
      <c r="BK183" s="52"/>
      <c r="BL183" s="52"/>
      <c r="BM183" s="52"/>
      <c r="BN183" s="52"/>
      <c r="BO183" s="52"/>
      <c r="BP183" s="52"/>
      <c r="BQ183" s="52"/>
      <c r="BR183" s="52"/>
      <c r="BS183" s="52"/>
      <c r="BT183" s="52"/>
      <c r="BU183" s="52"/>
      <c r="BV183" s="52"/>
      <c r="BW183" s="52"/>
      <c r="BX183" s="52"/>
      <c r="BY183" s="52"/>
      <c r="BZ183" s="52"/>
      <c r="CA183" s="52"/>
      <c r="CB183" s="52"/>
      <c r="CC183" s="52"/>
      <c r="CD183" s="52"/>
      <c r="CE183" s="52"/>
      <c r="CF183" s="52"/>
      <c r="CG183" s="52"/>
      <c r="CH183" s="52"/>
      <c r="CI183" s="52"/>
      <c r="CJ183" s="52"/>
      <c r="CK183" s="52"/>
      <c r="CL183" s="52"/>
      <c r="CM183" s="52"/>
      <c r="CN183" s="52"/>
      <c r="CO183" s="52"/>
      <c r="CP183" s="52"/>
      <c r="CQ183" s="52"/>
      <c r="CR183" s="52"/>
      <c r="CS183" s="52"/>
      <c r="CT183" s="52"/>
      <c r="CU183" s="52"/>
      <c r="CV183" s="52"/>
      <c r="CW183" s="52"/>
      <c r="CX183" s="52"/>
      <c r="CY183" s="52"/>
      <c r="CZ183" s="52"/>
      <c r="DA183" s="52"/>
      <c r="DB183" s="52"/>
      <c r="DC183" s="52"/>
      <c r="DD183" s="52"/>
      <c r="DE183" s="52"/>
      <c r="DF183" s="52"/>
      <c r="DG183" s="52"/>
      <c r="DH183" s="52"/>
      <c r="DI183" s="52"/>
      <c r="DJ183" s="52"/>
      <c r="DK183" s="52"/>
      <c r="DL183" s="52"/>
      <c r="DM183" s="52"/>
      <c r="DN183" s="52"/>
      <c r="DO183" s="52"/>
      <c r="DP183" s="52"/>
      <c r="DQ183" s="52"/>
      <c r="DR183" s="52"/>
      <c r="DS183" s="52"/>
      <c r="DT183" s="52"/>
      <c r="DU183" s="52"/>
      <c r="DV183" s="52"/>
      <c r="DW183" s="52"/>
      <c r="DX183" s="52"/>
      <c r="DY183" s="52"/>
      <c r="DZ183" s="52"/>
      <c r="EA183" s="52"/>
      <c r="EB183" s="52"/>
      <c r="EC183" s="52"/>
      <c r="ED183" s="52"/>
      <c r="EE183" s="52"/>
      <c r="EF183" s="52"/>
      <c r="EG183" s="52"/>
      <c r="EH183" s="52"/>
      <c r="EI183" s="52"/>
      <c r="EJ183" s="52"/>
      <c r="EK183" s="52"/>
      <c r="EL183" s="52"/>
      <c r="EM183" s="52"/>
      <c r="EN183" s="52"/>
      <c r="EO183" s="52"/>
      <c r="EP183" s="52"/>
      <c r="EQ183" s="52"/>
      <c r="ER183" s="52"/>
      <c r="ES183" s="52"/>
      <c r="ET183" s="52"/>
      <c r="EU183" s="52"/>
      <c r="EV183" s="52"/>
      <c r="EW183" s="52"/>
      <c r="EX183" s="52"/>
      <c r="EY183" s="52"/>
      <c r="EZ183" s="52"/>
      <c r="FA183" s="52"/>
      <c r="FB183" s="52"/>
      <c r="FC183" s="52"/>
      <c r="FD183" s="52"/>
      <c r="FE183" s="52"/>
      <c r="FF183" s="52"/>
      <c r="FG183" s="52"/>
      <c r="FH183" s="52"/>
      <c r="FI183" s="52"/>
      <c r="FJ183" s="52"/>
      <c r="FK183" s="52"/>
      <c r="FL183" s="52"/>
      <c r="FM183" s="52"/>
      <c r="FN183" s="52"/>
      <c r="FO183" s="52"/>
      <c r="FP183" s="52"/>
      <c r="FQ183" s="52"/>
      <c r="FR183" s="52"/>
      <c r="FS183" s="52"/>
      <c r="FT183" s="52"/>
      <c r="FU183" s="52"/>
      <c r="FV183" s="52"/>
      <c r="FW183" s="52"/>
      <c r="FX183" s="52"/>
      <c r="FY183" s="52"/>
      <c r="FZ183" s="52"/>
      <c r="GA183" s="52"/>
      <c r="GB183" s="52"/>
      <c r="GC183" s="52"/>
      <c r="GD183" s="52"/>
      <c r="GE183" s="52"/>
      <c r="GF183" s="52"/>
      <c r="GG183" s="52"/>
      <c r="GH183" s="52"/>
      <c r="GI183" s="52"/>
      <c r="GJ183" s="52"/>
      <c r="GK183" s="52"/>
      <c r="GL183" s="52"/>
      <c r="GM183" s="52"/>
      <c r="GN183" s="52"/>
      <c r="GO183" s="52"/>
      <c r="GP183" s="52"/>
      <c r="GQ183" s="52"/>
      <c r="GR183" s="52"/>
      <c r="GS183" s="52"/>
      <c r="GT183" s="52"/>
      <c r="GU183" s="52"/>
      <c r="GV183" s="52"/>
      <c r="GW183" s="52"/>
      <c r="GX183" s="52"/>
      <c r="GY183" s="52"/>
      <c r="GZ183" s="52"/>
      <c r="HA183" s="52"/>
      <c r="HB183" s="52"/>
      <c r="HC183" s="52"/>
      <c r="HD183" s="52"/>
      <c r="HE183" s="52"/>
      <c r="HF183" s="52"/>
      <c r="HG183" s="52"/>
      <c r="HH183" s="52"/>
      <c r="HI183" s="52"/>
      <c r="HJ183" s="52"/>
      <c r="HK183" s="52"/>
      <c r="HL183" s="52"/>
      <c r="HM183" s="52"/>
      <c r="HN183" s="52"/>
      <c r="HO183" s="52"/>
      <c r="HP183" s="52"/>
      <c r="HQ183" s="52"/>
      <c r="HR183" s="52"/>
      <c r="HS183" s="52"/>
      <c r="HT183" s="52"/>
      <c r="HU183" s="52"/>
      <c r="HV183" s="52"/>
      <c r="HW183" s="52"/>
      <c r="HX183" s="52"/>
      <c r="HY183" s="52"/>
      <c r="HZ183" s="52"/>
      <c r="IA183" s="52"/>
      <c r="IB183" s="52"/>
      <c r="IC183" s="52"/>
      <c r="ID183" s="52"/>
      <c r="IE183" s="52"/>
      <c r="IF183" s="52"/>
      <c r="IG183" s="52"/>
      <c r="IH183" s="52"/>
      <c r="II183" s="52"/>
      <c r="IJ183" s="52"/>
      <c r="IK183" s="52"/>
      <c r="IL183" s="52"/>
      <c r="IM183" s="52"/>
      <c r="IN183" s="52"/>
      <c r="IO183" s="52"/>
      <c r="IP183" s="52"/>
      <c r="IQ183" s="52"/>
      <c r="IR183" s="52"/>
      <c r="IS183" s="52"/>
      <c r="IT183" s="52"/>
      <c r="IU183" s="52"/>
      <c r="IV183" s="52"/>
      <c r="IW183" s="52"/>
      <c r="IX183" s="52"/>
    </row>
    <row r="184" spans="1:258" s="64" customFormat="1" ht="69.599999999999994" customHeight="1">
      <c r="A184" s="600" t="s">
        <v>119</v>
      </c>
      <c r="B184" s="601"/>
      <c r="C184" s="601"/>
      <c r="D184" s="601"/>
      <c r="E184" s="601"/>
      <c r="F184" s="601"/>
      <c r="G184" s="601"/>
      <c r="H184" s="601"/>
      <c r="I184" s="601"/>
      <c r="J184" s="601"/>
      <c r="K184" s="601"/>
      <c r="L184" s="601"/>
      <c r="M184" s="601"/>
      <c r="N184" s="601"/>
      <c r="O184" s="601"/>
      <c r="P184" s="602"/>
      <c r="Q184" s="161"/>
      <c r="R184" s="133"/>
      <c r="S184" s="162"/>
      <c r="T184" s="52"/>
      <c r="U184" s="52"/>
      <c r="V184" s="52"/>
      <c r="W184" s="52"/>
      <c r="X184" s="52"/>
      <c r="Y184" s="52"/>
      <c r="Z184" s="52"/>
      <c r="AA184" s="52"/>
      <c r="AB184" s="52"/>
      <c r="AC184" s="52"/>
      <c r="AD184" s="52"/>
      <c r="AE184" s="52"/>
      <c r="AF184" s="52"/>
      <c r="AG184" s="52"/>
      <c r="AH184" s="52"/>
      <c r="AI184" s="52"/>
      <c r="AJ184" s="52"/>
      <c r="AK184" s="52"/>
      <c r="AL184" s="52"/>
      <c r="AM184" s="52"/>
      <c r="AN184" s="52"/>
      <c r="AO184" s="52"/>
      <c r="AP184" s="52"/>
      <c r="AQ184" s="52"/>
      <c r="AR184" s="52"/>
      <c r="AS184" s="52"/>
      <c r="AT184" s="52"/>
      <c r="AU184" s="52"/>
      <c r="AV184" s="52"/>
      <c r="AW184" s="52"/>
      <c r="AX184" s="52"/>
      <c r="AY184" s="52"/>
      <c r="AZ184" s="52"/>
      <c r="BA184" s="52"/>
      <c r="BB184" s="52"/>
      <c r="BC184" s="52"/>
      <c r="BD184" s="52"/>
      <c r="BE184" s="52"/>
      <c r="BF184" s="52"/>
      <c r="BG184" s="52"/>
      <c r="BH184" s="52"/>
      <c r="BI184" s="52"/>
      <c r="BJ184" s="52"/>
      <c r="BK184" s="52"/>
      <c r="BL184" s="52"/>
      <c r="BM184" s="52"/>
      <c r="BN184" s="52"/>
      <c r="BO184" s="52"/>
      <c r="BP184" s="52"/>
      <c r="BQ184" s="52"/>
      <c r="BR184" s="52"/>
      <c r="BS184" s="52"/>
      <c r="BT184" s="52"/>
      <c r="BU184" s="52"/>
      <c r="BV184" s="52"/>
      <c r="BW184" s="52"/>
      <c r="BX184" s="52"/>
      <c r="BY184" s="52"/>
      <c r="BZ184" s="52"/>
      <c r="CA184" s="52"/>
      <c r="CB184" s="52"/>
      <c r="CC184" s="52"/>
      <c r="CD184" s="52"/>
      <c r="CE184" s="52"/>
      <c r="CF184" s="52"/>
      <c r="CG184" s="52"/>
      <c r="CH184" s="52"/>
      <c r="CI184" s="52"/>
      <c r="CJ184" s="52"/>
      <c r="CK184" s="52"/>
      <c r="CL184" s="52"/>
      <c r="CM184" s="52"/>
      <c r="CN184" s="52"/>
      <c r="CO184" s="52"/>
      <c r="CP184" s="52"/>
      <c r="CQ184" s="52"/>
      <c r="CR184" s="52"/>
      <c r="CS184" s="52"/>
      <c r="CT184" s="52"/>
      <c r="CU184" s="52"/>
      <c r="CV184" s="52"/>
      <c r="CW184" s="52"/>
      <c r="CX184" s="52"/>
      <c r="CY184" s="52"/>
      <c r="CZ184" s="52"/>
      <c r="DA184" s="52"/>
      <c r="DB184" s="52"/>
      <c r="DC184" s="52"/>
      <c r="DD184" s="52"/>
      <c r="DE184" s="52"/>
      <c r="DF184" s="52"/>
      <c r="DG184" s="52"/>
      <c r="DH184" s="52"/>
      <c r="DI184" s="52"/>
      <c r="DJ184" s="52"/>
      <c r="DK184" s="52"/>
      <c r="DL184" s="52"/>
      <c r="DM184" s="52"/>
      <c r="DN184" s="52"/>
      <c r="DO184" s="52"/>
      <c r="DP184" s="52"/>
      <c r="DQ184" s="52"/>
      <c r="DR184" s="52"/>
      <c r="DS184" s="52"/>
      <c r="DT184" s="52"/>
      <c r="DU184" s="52"/>
      <c r="DV184" s="52"/>
      <c r="DW184" s="52"/>
      <c r="DX184" s="52"/>
      <c r="DY184" s="52"/>
      <c r="DZ184" s="52"/>
      <c r="EA184" s="52"/>
      <c r="EB184" s="52"/>
      <c r="EC184" s="52"/>
      <c r="ED184" s="52"/>
      <c r="EE184" s="52"/>
      <c r="EF184" s="52"/>
      <c r="EG184" s="52"/>
      <c r="EH184" s="52"/>
      <c r="EI184" s="52"/>
      <c r="EJ184" s="52"/>
      <c r="EK184" s="52"/>
      <c r="EL184" s="52"/>
      <c r="EM184" s="52"/>
      <c r="EN184" s="52"/>
      <c r="EO184" s="52"/>
      <c r="EP184" s="52"/>
      <c r="EQ184" s="52"/>
      <c r="ER184" s="52"/>
      <c r="ES184" s="52"/>
      <c r="ET184" s="52"/>
      <c r="EU184" s="52"/>
      <c r="EV184" s="52"/>
      <c r="EW184" s="52"/>
      <c r="EX184" s="52"/>
      <c r="EY184" s="52"/>
      <c r="EZ184" s="52"/>
      <c r="FA184" s="52"/>
      <c r="FB184" s="52"/>
      <c r="FC184" s="52"/>
      <c r="FD184" s="52"/>
      <c r="FE184" s="52"/>
      <c r="FF184" s="52"/>
      <c r="FG184" s="52"/>
      <c r="FH184" s="52"/>
      <c r="FI184" s="52"/>
      <c r="FJ184" s="52"/>
      <c r="FK184" s="52"/>
      <c r="FL184" s="52"/>
      <c r="FM184" s="52"/>
      <c r="FN184" s="52"/>
      <c r="FO184" s="52"/>
      <c r="FP184" s="52"/>
      <c r="FQ184" s="52"/>
      <c r="FR184" s="52"/>
      <c r="FS184" s="52"/>
      <c r="FT184" s="52"/>
      <c r="FU184" s="52"/>
      <c r="FV184" s="52"/>
      <c r="FW184" s="52"/>
      <c r="FX184" s="52"/>
      <c r="FY184" s="52"/>
      <c r="FZ184" s="52"/>
      <c r="GA184" s="52"/>
      <c r="GB184" s="52"/>
      <c r="GC184" s="52"/>
      <c r="GD184" s="52"/>
      <c r="GE184" s="52"/>
      <c r="GF184" s="52"/>
      <c r="GG184" s="52"/>
      <c r="GH184" s="52"/>
      <c r="GI184" s="52"/>
      <c r="GJ184" s="52"/>
      <c r="GK184" s="52"/>
      <c r="GL184" s="52"/>
      <c r="GM184" s="52"/>
      <c r="GN184" s="52"/>
      <c r="GO184" s="52"/>
      <c r="GP184" s="52"/>
      <c r="GQ184" s="52"/>
      <c r="GR184" s="52"/>
      <c r="GS184" s="52"/>
      <c r="GT184" s="52"/>
      <c r="GU184" s="52"/>
      <c r="GV184" s="52"/>
      <c r="GW184" s="52"/>
      <c r="GX184" s="52"/>
      <c r="GY184" s="52"/>
      <c r="GZ184" s="52"/>
      <c r="HA184" s="52"/>
      <c r="HB184" s="52"/>
      <c r="HC184" s="52"/>
      <c r="HD184" s="52"/>
      <c r="HE184" s="52"/>
      <c r="HF184" s="52"/>
      <c r="HG184" s="52"/>
      <c r="HH184" s="52"/>
      <c r="HI184" s="52"/>
      <c r="HJ184" s="52"/>
      <c r="HK184" s="52"/>
      <c r="HL184" s="52"/>
      <c r="HM184" s="52"/>
      <c r="HN184" s="52"/>
      <c r="HO184" s="52"/>
      <c r="HP184" s="52"/>
      <c r="HQ184" s="52"/>
      <c r="HR184" s="52"/>
      <c r="HS184" s="52"/>
      <c r="HT184" s="52"/>
      <c r="HU184" s="52"/>
      <c r="HV184" s="52"/>
      <c r="HW184" s="52"/>
      <c r="HX184" s="52"/>
      <c r="HY184" s="52"/>
      <c r="HZ184" s="52"/>
      <c r="IA184" s="52"/>
      <c r="IB184" s="52"/>
      <c r="IC184" s="52"/>
      <c r="ID184" s="52"/>
      <c r="IE184" s="52"/>
      <c r="IF184" s="52"/>
      <c r="IG184" s="52"/>
      <c r="IH184" s="52"/>
      <c r="II184" s="52"/>
      <c r="IJ184" s="52"/>
      <c r="IK184" s="52"/>
      <c r="IL184" s="52"/>
      <c r="IM184" s="52"/>
      <c r="IN184" s="52"/>
      <c r="IO184" s="52"/>
      <c r="IP184" s="52"/>
      <c r="IQ184" s="52"/>
      <c r="IR184" s="52"/>
      <c r="IS184" s="52"/>
      <c r="IT184" s="52"/>
      <c r="IU184" s="52"/>
      <c r="IV184" s="52"/>
      <c r="IW184" s="52"/>
      <c r="IX184" s="52"/>
    </row>
    <row r="185" spans="1:258" s="42" customFormat="1" ht="69.900000000000006" customHeight="1">
      <c r="A185" s="603" t="s">
        <v>120</v>
      </c>
      <c r="B185" s="604"/>
      <c r="C185" s="604"/>
      <c r="D185" s="604"/>
      <c r="E185" s="604"/>
      <c r="F185" s="604"/>
      <c r="G185" s="604"/>
      <c r="H185" s="604"/>
      <c r="I185" s="604"/>
      <c r="J185" s="604"/>
      <c r="K185" s="604"/>
      <c r="L185" s="604"/>
      <c r="M185" s="604"/>
      <c r="N185" s="604"/>
      <c r="O185" s="604"/>
      <c r="P185" s="605"/>
      <c r="Q185" s="134"/>
      <c r="R185" s="133"/>
      <c r="S185" s="39"/>
      <c r="T185" s="40"/>
      <c r="U185" s="41"/>
      <c r="V185" s="41"/>
      <c r="W185" s="41"/>
      <c r="X185" s="41"/>
      <c r="Y185" s="41"/>
      <c r="Z185" s="41"/>
      <c r="AA185" s="41"/>
      <c r="AB185" s="41"/>
      <c r="AC185" s="41"/>
      <c r="AD185" s="41"/>
      <c r="AE185" s="41"/>
      <c r="AF185" s="41"/>
      <c r="AG185" s="41"/>
      <c r="AH185" s="41"/>
      <c r="AI185" s="41"/>
      <c r="AJ185" s="41"/>
      <c r="AK185" s="41"/>
      <c r="AL185" s="41"/>
      <c r="AM185" s="41"/>
      <c r="AN185" s="41"/>
      <c r="AO185" s="41"/>
      <c r="AP185" s="41"/>
      <c r="AQ185" s="41"/>
      <c r="AR185" s="41"/>
      <c r="AS185" s="41"/>
      <c r="AT185" s="41"/>
      <c r="AU185" s="41"/>
      <c r="AV185" s="41"/>
      <c r="AW185" s="41"/>
      <c r="AX185" s="41"/>
      <c r="AY185" s="41"/>
      <c r="AZ185" s="41"/>
      <c r="BA185" s="41"/>
      <c r="BB185" s="41"/>
      <c r="BC185" s="41"/>
      <c r="BD185" s="41"/>
    </row>
    <row r="186" spans="1:258" s="64" customFormat="1" ht="69.900000000000006" customHeight="1">
      <c r="A186" s="468" t="s">
        <v>25</v>
      </c>
      <c r="B186" s="574"/>
      <c r="C186" s="574"/>
      <c r="D186" s="574"/>
      <c r="E186" s="574"/>
      <c r="F186" s="574"/>
      <c r="G186" s="574"/>
      <c r="H186" s="574"/>
      <c r="I186" s="574"/>
      <c r="J186" s="574"/>
      <c r="K186" s="606"/>
      <c r="L186" s="376"/>
      <c r="M186" s="574"/>
      <c r="N186" s="574"/>
      <c r="O186" s="574"/>
      <c r="P186" s="575"/>
      <c r="Q186" s="122"/>
      <c r="R186" s="138"/>
      <c r="S186" s="162"/>
    </row>
    <row r="187" spans="1:258" s="67" customFormat="1" ht="75" customHeight="1">
      <c r="A187" s="456"/>
      <c r="B187" s="457"/>
      <c r="C187" s="457"/>
      <c r="D187" s="457"/>
      <c r="E187" s="457"/>
      <c r="F187" s="457"/>
      <c r="G187" s="457"/>
      <c r="H187" s="457"/>
      <c r="I187" s="457"/>
      <c r="J187" s="457"/>
      <c r="K187" s="457"/>
      <c r="L187" s="458"/>
      <c r="M187" s="457"/>
      <c r="N187" s="457"/>
      <c r="O187" s="457"/>
      <c r="P187" s="459"/>
      <c r="Q187" s="139"/>
      <c r="R187" s="138"/>
      <c r="S187" s="141"/>
      <c r="T187" s="64"/>
    </row>
    <row r="188" spans="1:258" s="67" customFormat="1" ht="75" customHeight="1" thickBot="1">
      <c r="A188" s="471"/>
      <c r="B188" s="472"/>
      <c r="C188" s="472"/>
      <c r="D188" s="472"/>
      <c r="E188" s="472"/>
      <c r="F188" s="472"/>
      <c r="G188" s="472"/>
      <c r="H188" s="472"/>
      <c r="I188" s="472"/>
      <c r="J188" s="472"/>
      <c r="K188" s="472"/>
      <c r="L188" s="473"/>
      <c r="M188" s="472"/>
      <c r="N188" s="472"/>
      <c r="O188" s="472"/>
      <c r="P188" s="474"/>
      <c r="Q188" s="139"/>
      <c r="R188" s="138"/>
      <c r="S188" s="141"/>
      <c r="T188" s="64"/>
    </row>
    <row r="189" spans="1:258" s="64" customFormat="1" ht="69.900000000000006" customHeight="1" thickBot="1">
      <c r="A189" s="443" t="s">
        <v>266</v>
      </c>
      <c r="B189" s="475"/>
      <c r="C189" s="475"/>
      <c r="D189" s="475"/>
      <c r="E189" s="475"/>
      <c r="F189" s="475"/>
      <c r="G189" s="475"/>
      <c r="H189" s="475"/>
      <c r="I189" s="475"/>
      <c r="J189" s="475"/>
      <c r="K189" s="475"/>
      <c r="L189" s="445"/>
      <c r="M189" s="475"/>
      <c r="N189" s="475"/>
      <c r="O189" s="475"/>
      <c r="P189" s="476"/>
      <c r="Q189" s="139"/>
      <c r="R189" s="138"/>
      <c r="S189" s="209" t="s">
        <v>267</v>
      </c>
      <c r="T189" s="76"/>
      <c r="U189" s="76"/>
      <c r="V189" s="76"/>
      <c r="W189" s="76"/>
      <c r="X189" s="76"/>
      <c r="Y189" s="76"/>
      <c r="Z189" s="76"/>
      <c r="AA189" s="76"/>
      <c r="AB189" s="76"/>
      <c r="AC189" s="76"/>
      <c r="AD189" s="76"/>
      <c r="AE189" s="76"/>
      <c r="AF189" s="76"/>
      <c r="AG189" s="76"/>
      <c r="AH189" s="76"/>
      <c r="AI189" s="76"/>
      <c r="AJ189" s="76"/>
      <c r="AK189" s="76"/>
      <c r="AL189" s="76"/>
      <c r="AM189" s="76"/>
      <c r="AN189" s="76"/>
      <c r="AO189" s="76"/>
      <c r="AP189" s="76"/>
      <c r="AQ189" s="76"/>
      <c r="AR189" s="76"/>
      <c r="AS189" s="76"/>
      <c r="AT189" s="76"/>
      <c r="AU189" s="76"/>
      <c r="AV189" s="76"/>
      <c r="AW189" s="76"/>
      <c r="AX189" s="76"/>
      <c r="AY189" s="76"/>
      <c r="AZ189" s="76"/>
      <c r="BA189" s="76"/>
      <c r="BB189" s="76"/>
      <c r="BC189" s="76"/>
      <c r="BD189" s="76"/>
    </row>
    <row r="190" spans="1:258" s="67" customFormat="1" ht="132" customHeight="1" thickTop="1" thickBot="1">
      <c r="A190" s="590" t="s">
        <v>268</v>
      </c>
      <c r="B190" s="591"/>
      <c r="C190" s="591"/>
      <c r="D190" s="591"/>
      <c r="E190" s="591"/>
      <c r="F190" s="591"/>
      <c r="G190" s="591"/>
      <c r="H190" s="591"/>
      <c r="I190" s="591"/>
      <c r="J190" s="591"/>
      <c r="K190" s="591"/>
      <c r="L190" s="591"/>
      <c r="M190" s="591"/>
      <c r="N190" s="70" t="s">
        <v>24</v>
      </c>
      <c r="O190" s="75" t="s">
        <v>20</v>
      </c>
      <c r="P190" s="136" t="s">
        <v>21</v>
      </c>
      <c r="Q190" s="139"/>
      <c r="R190" s="138"/>
      <c r="S190" s="137"/>
      <c r="T190" s="193"/>
      <c r="U190" s="77"/>
      <c r="V190" s="77"/>
      <c r="W190" s="77"/>
      <c r="X190" s="77"/>
      <c r="Y190" s="77"/>
      <c r="Z190" s="77"/>
      <c r="AA190" s="77"/>
      <c r="AB190" s="77"/>
      <c r="AC190" s="77"/>
      <c r="AD190" s="77"/>
      <c r="AE190" s="77"/>
      <c r="AF190" s="77"/>
      <c r="AG190" s="77"/>
      <c r="AH190" s="77"/>
      <c r="AI190" s="77"/>
      <c r="AJ190" s="77"/>
      <c r="AK190" s="77"/>
      <c r="AL190" s="77"/>
      <c r="AM190" s="77"/>
      <c r="AN190" s="77"/>
      <c r="AO190" s="77"/>
      <c r="AP190" s="77"/>
      <c r="AQ190" s="77"/>
      <c r="AR190" s="77"/>
      <c r="AS190" s="77"/>
      <c r="AT190" s="77"/>
      <c r="AU190" s="77"/>
      <c r="AV190" s="77"/>
      <c r="AW190" s="77"/>
      <c r="AX190" s="77"/>
      <c r="AY190" s="77"/>
      <c r="AZ190" s="77"/>
      <c r="BA190" s="77"/>
      <c r="BB190" s="77"/>
      <c r="BC190" s="77"/>
      <c r="BD190" s="77"/>
    </row>
    <row r="191" spans="1:258" s="64" customFormat="1" ht="69.599999999999994" customHeight="1" thickTop="1">
      <c r="A191" s="503" t="s">
        <v>52</v>
      </c>
      <c r="B191" s="577"/>
      <c r="C191" s="577"/>
      <c r="D191" s="577"/>
      <c r="E191" s="577"/>
      <c r="F191" s="577"/>
      <c r="G191" s="577"/>
      <c r="H191" s="577"/>
      <c r="I191" s="577"/>
      <c r="J191" s="577"/>
      <c r="K191" s="577"/>
      <c r="L191" s="505"/>
      <c r="M191" s="577"/>
      <c r="N191" s="577"/>
      <c r="O191" s="577"/>
      <c r="P191" s="578"/>
      <c r="Q191" s="122"/>
      <c r="R191" s="138"/>
      <c r="S191" s="162"/>
    </row>
    <row r="192" spans="1:258" s="64" customFormat="1" ht="69" customHeight="1">
      <c r="A192" s="592" t="s">
        <v>269</v>
      </c>
      <c r="B192" s="593"/>
      <c r="C192" s="593"/>
      <c r="D192" s="593"/>
      <c r="E192" s="593"/>
      <c r="F192" s="593"/>
      <c r="G192" s="593"/>
      <c r="H192" s="593"/>
      <c r="I192" s="593"/>
      <c r="J192" s="594"/>
      <c r="K192" s="480" t="s">
        <v>113</v>
      </c>
      <c r="L192" s="491"/>
      <c r="M192" s="492"/>
      <c r="N192" s="492"/>
      <c r="O192" s="492"/>
      <c r="P192" s="493"/>
      <c r="Q192" s="122"/>
      <c r="R192" s="138"/>
      <c r="S192" s="162"/>
    </row>
    <row r="193" spans="1:56" s="64" customFormat="1" ht="69" customHeight="1">
      <c r="A193" s="595"/>
      <c r="B193" s="596"/>
      <c r="C193" s="596"/>
      <c r="D193" s="596"/>
      <c r="E193" s="596"/>
      <c r="F193" s="596"/>
      <c r="G193" s="596"/>
      <c r="H193" s="596"/>
      <c r="I193" s="596"/>
      <c r="J193" s="597"/>
      <c r="K193" s="486" t="s">
        <v>270</v>
      </c>
      <c r="L193" s="352"/>
      <c r="M193" s="598"/>
      <c r="N193" s="598"/>
      <c r="O193" s="598"/>
      <c r="P193" s="599"/>
      <c r="Q193" s="122"/>
      <c r="R193" s="138"/>
      <c r="S193" s="162"/>
    </row>
    <row r="194" spans="1:56" s="64" customFormat="1" ht="69" customHeight="1">
      <c r="A194" s="595" t="s">
        <v>271</v>
      </c>
      <c r="B194" s="596"/>
      <c r="C194" s="596"/>
      <c r="D194" s="596"/>
      <c r="E194" s="596"/>
      <c r="F194" s="596"/>
      <c r="G194" s="596"/>
      <c r="H194" s="596"/>
      <c r="I194" s="596"/>
      <c r="J194" s="597"/>
      <c r="K194" s="486" t="s">
        <v>272</v>
      </c>
      <c r="L194" s="352"/>
      <c r="M194" s="598"/>
      <c r="N194" s="598"/>
      <c r="O194" s="598"/>
      <c r="P194" s="599"/>
      <c r="Q194" s="122"/>
      <c r="R194" s="138"/>
      <c r="S194" s="162"/>
    </row>
    <row r="195" spans="1:56" s="64" customFormat="1" ht="69" customHeight="1">
      <c r="A195" s="607" t="s">
        <v>273</v>
      </c>
      <c r="B195" s="608"/>
      <c r="C195" s="608"/>
      <c r="D195" s="608"/>
      <c r="E195" s="608"/>
      <c r="F195" s="608"/>
      <c r="G195" s="608"/>
      <c r="H195" s="608"/>
      <c r="I195" s="608"/>
      <c r="J195" s="609"/>
      <c r="K195" s="451"/>
      <c r="L195" s="349"/>
      <c r="M195" s="610"/>
      <c r="N195" s="610"/>
      <c r="O195" s="610"/>
      <c r="P195" s="611"/>
      <c r="Q195" s="122"/>
      <c r="R195" s="138"/>
      <c r="S195" s="162"/>
      <c r="T195" s="193"/>
    </row>
    <row r="196" spans="1:56" s="64" customFormat="1" ht="69" customHeight="1">
      <c r="A196" s="607" t="s">
        <v>274</v>
      </c>
      <c r="B196" s="608"/>
      <c r="C196" s="608"/>
      <c r="D196" s="608"/>
      <c r="E196" s="608"/>
      <c r="F196" s="608"/>
      <c r="G196" s="608"/>
      <c r="H196" s="608"/>
      <c r="I196" s="608"/>
      <c r="J196" s="609"/>
      <c r="K196" s="451" t="s">
        <v>275</v>
      </c>
      <c r="L196" s="349"/>
      <c r="M196" s="610"/>
      <c r="N196" s="610"/>
      <c r="O196" s="610"/>
      <c r="P196" s="611"/>
      <c r="Q196" s="122"/>
      <c r="R196" s="138"/>
      <c r="S196" s="162"/>
    </row>
    <row r="197" spans="1:56" s="64" customFormat="1" ht="69" customHeight="1">
      <c r="A197" s="595"/>
      <c r="B197" s="596"/>
      <c r="C197" s="596"/>
      <c r="D197" s="596"/>
      <c r="E197" s="596"/>
      <c r="F197" s="596"/>
      <c r="G197" s="596"/>
      <c r="H197" s="596"/>
      <c r="I197" s="596"/>
      <c r="J197" s="597"/>
      <c r="K197" s="486" t="s">
        <v>270</v>
      </c>
      <c r="L197" s="352"/>
      <c r="M197" s="598"/>
      <c r="N197" s="598"/>
      <c r="O197" s="598"/>
      <c r="P197" s="599"/>
      <c r="Q197" s="122"/>
      <c r="R197" s="138"/>
      <c r="S197" s="162"/>
    </row>
    <row r="198" spans="1:56" s="64" customFormat="1" ht="69" customHeight="1">
      <c r="A198" s="607" t="s">
        <v>276</v>
      </c>
      <c r="B198" s="608"/>
      <c r="C198" s="608"/>
      <c r="D198" s="608"/>
      <c r="E198" s="608"/>
      <c r="F198" s="608"/>
      <c r="G198" s="608"/>
      <c r="H198" s="608"/>
      <c r="I198" s="608"/>
      <c r="J198" s="609"/>
      <c r="K198" s="451" t="s">
        <v>150</v>
      </c>
      <c r="L198" s="610"/>
      <c r="M198" s="610"/>
      <c r="N198" s="610"/>
      <c r="O198" s="610"/>
      <c r="P198" s="611"/>
      <c r="Q198" s="122"/>
      <c r="R198" s="138"/>
      <c r="S198" s="162"/>
    </row>
    <row r="199" spans="1:56" s="64" customFormat="1" ht="69" customHeight="1">
      <c r="A199" s="595"/>
      <c r="B199" s="596"/>
      <c r="C199" s="596"/>
      <c r="D199" s="596"/>
      <c r="E199" s="596"/>
      <c r="F199" s="596"/>
      <c r="G199" s="596"/>
      <c r="H199" s="596"/>
      <c r="I199" s="596"/>
      <c r="J199" s="597"/>
      <c r="K199" s="486" t="s">
        <v>277</v>
      </c>
      <c r="L199" s="598"/>
      <c r="M199" s="598"/>
      <c r="N199" s="598"/>
      <c r="O199" s="598"/>
      <c r="P199" s="599"/>
      <c r="Q199" s="122"/>
      <c r="R199" s="138"/>
      <c r="S199" s="162"/>
    </row>
    <row r="200" spans="1:56" s="64" customFormat="1" ht="69" customHeight="1">
      <c r="A200" s="607" t="s">
        <v>278</v>
      </c>
      <c r="B200" s="608"/>
      <c r="C200" s="608"/>
      <c r="D200" s="608"/>
      <c r="E200" s="608"/>
      <c r="F200" s="608"/>
      <c r="G200" s="608"/>
      <c r="H200" s="608"/>
      <c r="I200" s="608"/>
      <c r="J200" s="609"/>
      <c r="K200" s="451" t="s">
        <v>279</v>
      </c>
      <c r="L200" s="610"/>
      <c r="M200" s="610"/>
      <c r="N200" s="610"/>
      <c r="O200" s="610"/>
      <c r="P200" s="611"/>
      <c r="Q200" s="122"/>
      <c r="R200" s="138"/>
      <c r="S200" s="162"/>
    </row>
    <row r="201" spans="1:56" s="64" customFormat="1" ht="69" customHeight="1">
      <c r="A201" s="595"/>
      <c r="B201" s="596"/>
      <c r="C201" s="596"/>
      <c r="D201" s="596"/>
      <c r="E201" s="596"/>
      <c r="F201" s="596"/>
      <c r="G201" s="596"/>
      <c r="H201" s="596"/>
      <c r="I201" s="596"/>
      <c r="J201" s="597"/>
      <c r="K201" s="486" t="s">
        <v>280</v>
      </c>
      <c r="L201" s="598"/>
      <c r="M201" s="598"/>
      <c r="N201" s="598"/>
      <c r="O201" s="598"/>
      <c r="P201" s="599"/>
      <c r="Q201" s="122"/>
      <c r="R201" s="138"/>
      <c r="S201" s="162"/>
    </row>
    <row r="202" spans="1:56" s="42" customFormat="1" ht="69" customHeight="1">
      <c r="A202" s="612" t="s">
        <v>281</v>
      </c>
      <c r="B202" s="613"/>
      <c r="C202" s="613"/>
      <c r="D202" s="613"/>
      <c r="E202" s="613"/>
      <c r="F202" s="613"/>
      <c r="G202" s="613"/>
      <c r="H202" s="613"/>
      <c r="I202" s="613"/>
      <c r="J202" s="614"/>
      <c r="K202" s="615" t="s">
        <v>282</v>
      </c>
      <c r="L202" s="616"/>
      <c r="M202" s="616"/>
      <c r="N202" s="616"/>
      <c r="O202" s="616"/>
      <c r="P202" s="617"/>
      <c r="Q202" s="134"/>
      <c r="R202" s="133"/>
      <c r="S202" s="39"/>
      <c r="T202" s="40"/>
      <c r="U202" s="41"/>
      <c r="V202" s="41"/>
      <c r="W202" s="41"/>
      <c r="X202" s="41"/>
      <c r="Y202" s="41"/>
      <c r="Z202" s="41"/>
      <c r="AA202" s="41"/>
      <c r="AB202" s="41"/>
      <c r="AC202" s="41"/>
      <c r="AD202" s="41"/>
      <c r="AE202" s="41"/>
      <c r="AF202" s="41"/>
      <c r="AG202" s="41"/>
      <c r="AH202" s="41"/>
      <c r="AI202" s="41"/>
      <c r="AJ202" s="41"/>
      <c r="AK202" s="41"/>
      <c r="AL202" s="41"/>
      <c r="AM202" s="41"/>
      <c r="AN202" s="41"/>
      <c r="AO202" s="41"/>
      <c r="AP202" s="41"/>
      <c r="AQ202" s="41"/>
      <c r="AR202" s="41"/>
      <c r="AS202" s="41"/>
      <c r="AT202" s="41"/>
      <c r="AU202" s="41"/>
      <c r="AV202" s="41"/>
      <c r="AW202" s="41"/>
      <c r="AX202" s="41"/>
      <c r="AY202" s="41"/>
      <c r="AZ202" s="41"/>
      <c r="BA202" s="41"/>
      <c r="BB202" s="41"/>
      <c r="BC202" s="41"/>
      <c r="BD202" s="41"/>
    </row>
    <row r="203" spans="1:56" s="64" customFormat="1" ht="69" customHeight="1">
      <c r="A203" s="607" t="s">
        <v>283</v>
      </c>
      <c r="B203" s="608"/>
      <c r="C203" s="608"/>
      <c r="D203" s="608"/>
      <c r="E203" s="608"/>
      <c r="F203" s="608"/>
      <c r="G203" s="608"/>
      <c r="H203" s="608"/>
      <c r="I203" s="608"/>
      <c r="J203" s="609"/>
      <c r="K203" s="451" t="s">
        <v>284</v>
      </c>
      <c r="L203" s="610"/>
      <c r="M203" s="610"/>
      <c r="N203" s="610"/>
      <c r="O203" s="610"/>
      <c r="P203" s="611"/>
      <c r="Q203" s="122"/>
      <c r="R203" s="138"/>
      <c r="S203" s="162"/>
    </row>
    <row r="204" spans="1:56" s="64" customFormat="1" ht="69" customHeight="1">
      <c r="A204" s="595"/>
      <c r="B204" s="596"/>
      <c r="C204" s="596"/>
      <c r="D204" s="596"/>
      <c r="E204" s="596"/>
      <c r="F204" s="596"/>
      <c r="G204" s="596"/>
      <c r="H204" s="596"/>
      <c r="I204" s="596"/>
      <c r="J204" s="597"/>
      <c r="K204" s="486" t="s">
        <v>285</v>
      </c>
      <c r="L204" s="598"/>
      <c r="M204" s="598"/>
      <c r="N204" s="598"/>
      <c r="O204" s="598"/>
      <c r="P204" s="599"/>
      <c r="Q204" s="122"/>
      <c r="R204" s="138"/>
      <c r="S204" s="162"/>
    </row>
    <row r="205" spans="1:56" s="64" customFormat="1" ht="69" customHeight="1">
      <c r="A205" s="607" t="s">
        <v>286</v>
      </c>
      <c r="B205" s="608"/>
      <c r="C205" s="608"/>
      <c r="D205" s="608"/>
      <c r="E205" s="608"/>
      <c r="F205" s="608"/>
      <c r="G205" s="608"/>
      <c r="H205" s="608"/>
      <c r="I205" s="608"/>
      <c r="J205" s="609"/>
      <c r="K205" s="194" t="s">
        <v>287</v>
      </c>
      <c r="L205" s="621"/>
      <c r="M205" s="622"/>
      <c r="N205" s="622"/>
      <c r="O205" s="622"/>
      <c r="P205" s="623"/>
      <c r="Q205" s="122"/>
      <c r="R205" s="138"/>
      <c r="S205" s="162"/>
    </row>
    <row r="206" spans="1:56" s="64" customFormat="1" ht="69" customHeight="1">
      <c r="A206" s="618"/>
      <c r="B206" s="619"/>
      <c r="C206" s="619"/>
      <c r="D206" s="619"/>
      <c r="E206" s="619"/>
      <c r="F206" s="619"/>
      <c r="G206" s="619"/>
      <c r="H206" s="619"/>
      <c r="I206" s="619"/>
      <c r="J206" s="620"/>
      <c r="K206" s="624" t="s">
        <v>288</v>
      </c>
      <c r="L206" s="626" t="s">
        <v>289</v>
      </c>
      <c r="M206" s="627"/>
      <c r="N206" s="627"/>
      <c r="O206" s="627"/>
      <c r="P206" s="628"/>
      <c r="Q206" s="122"/>
      <c r="R206" s="138"/>
      <c r="S206" s="162"/>
    </row>
    <row r="207" spans="1:56" s="64" customFormat="1" ht="69" customHeight="1">
      <c r="A207" s="595"/>
      <c r="B207" s="596"/>
      <c r="C207" s="596"/>
      <c r="D207" s="596"/>
      <c r="E207" s="596"/>
      <c r="F207" s="596"/>
      <c r="G207" s="596"/>
      <c r="H207" s="596"/>
      <c r="I207" s="596"/>
      <c r="J207" s="597"/>
      <c r="K207" s="625"/>
      <c r="L207" s="626" t="s">
        <v>290</v>
      </c>
      <c r="M207" s="627"/>
      <c r="N207" s="627"/>
      <c r="O207" s="627"/>
      <c r="P207" s="628"/>
      <c r="Q207" s="122"/>
      <c r="R207" s="138"/>
      <c r="S207" s="162"/>
    </row>
    <row r="208" spans="1:56" s="64" customFormat="1" ht="69" customHeight="1">
      <c r="A208" s="612" t="s">
        <v>291</v>
      </c>
      <c r="B208" s="613"/>
      <c r="C208" s="613"/>
      <c r="D208" s="613"/>
      <c r="E208" s="613"/>
      <c r="F208" s="613"/>
      <c r="G208" s="613"/>
      <c r="H208" s="613"/>
      <c r="I208" s="613"/>
      <c r="J208" s="614"/>
      <c r="K208" s="478" t="s">
        <v>292</v>
      </c>
      <c r="L208" s="379"/>
      <c r="M208" s="629"/>
      <c r="N208" s="629"/>
      <c r="O208" s="629"/>
      <c r="P208" s="630"/>
      <c r="Q208" s="122"/>
      <c r="R208" s="138"/>
      <c r="S208" s="162"/>
    </row>
    <row r="209" spans="1:56" s="64" customFormat="1" ht="180" customHeight="1" thickBot="1">
      <c r="A209" s="631" t="s">
        <v>293</v>
      </c>
      <c r="B209" s="632"/>
      <c r="C209" s="632"/>
      <c r="D209" s="632"/>
      <c r="E209" s="632"/>
      <c r="F209" s="632"/>
      <c r="G209" s="632"/>
      <c r="H209" s="632"/>
      <c r="I209" s="632"/>
      <c r="J209" s="632"/>
      <c r="K209" s="633"/>
      <c r="L209" s="634"/>
      <c r="M209" s="633"/>
      <c r="N209" s="633"/>
      <c r="O209" s="633"/>
      <c r="P209" s="635"/>
      <c r="Q209" s="122"/>
      <c r="R209" s="138"/>
      <c r="S209" s="162"/>
      <c r="T209" s="193"/>
    </row>
    <row r="210" spans="1:56" s="90" customFormat="1" ht="129.9" customHeight="1" thickTop="1" thickBot="1">
      <c r="A210" s="477" t="s">
        <v>294</v>
      </c>
      <c r="B210" s="478"/>
      <c r="C210" s="478"/>
      <c r="D210" s="478"/>
      <c r="E210" s="478"/>
      <c r="F210" s="478"/>
      <c r="G210" s="478"/>
      <c r="H210" s="478"/>
      <c r="I210" s="478"/>
      <c r="J210" s="478"/>
      <c r="K210" s="478"/>
      <c r="L210" s="379"/>
      <c r="M210" s="478"/>
      <c r="N210" s="135" t="s">
        <v>24</v>
      </c>
      <c r="O210" s="68" t="s">
        <v>20</v>
      </c>
      <c r="P210" s="69" t="s">
        <v>21</v>
      </c>
      <c r="Q210" s="81"/>
      <c r="R210" s="88"/>
      <c r="S210" s="137"/>
      <c r="T210" s="76"/>
      <c r="U210" s="89"/>
      <c r="V210" s="89"/>
      <c r="W210" s="89"/>
      <c r="X210" s="89"/>
      <c r="Y210" s="89"/>
      <c r="Z210" s="89"/>
      <c r="AA210" s="89"/>
      <c r="AB210" s="89"/>
      <c r="AC210" s="89"/>
      <c r="AD210" s="89"/>
      <c r="AE210" s="89"/>
      <c r="AF210" s="89"/>
      <c r="AG210" s="89"/>
      <c r="AH210" s="89"/>
      <c r="AI210" s="89"/>
      <c r="AJ210" s="89"/>
      <c r="AK210" s="89"/>
      <c r="AL210" s="89"/>
      <c r="AM210" s="89"/>
      <c r="AN210" s="89"/>
      <c r="AO210" s="89"/>
      <c r="AP210" s="89"/>
      <c r="AQ210" s="89"/>
      <c r="AR210" s="89"/>
      <c r="AS210" s="89"/>
      <c r="AT210" s="89"/>
      <c r="AU210" s="89"/>
      <c r="AV210" s="89"/>
      <c r="AW210" s="89"/>
      <c r="AX210" s="89"/>
      <c r="AY210" s="89"/>
      <c r="AZ210" s="89"/>
      <c r="BA210" s="89"/>
      <c r="BB210" s="89"/>
      <c r="BC210" s="89"/>
      <c r="BD210" s="89"/>
    </row>
    <row r="211" spans="1:56" s="67" customFormat="1" ht="129.9" customHeight="1" thickTop="1" thickBot="1">
      <c r="A211" s="636" t="s">
        <v>295</v>
      </c>
      <c r="B211" s="497"/>
      <c r="C211" s="497"/>
      <c r="D211" s="497"/>
      <c r="E211" s="497"/>
      <c r="F211" s="497"/>
      <c r="G211" s="497"/>
      <c r="H211" s="497"/>
      <c r="I211" s="497"/>
      <c r="J211" s="497"/>
      <c r="K211" s="497"/>
      <c r="L211" s="307"/>
      <c r="M211" s="497"/>
      <c r="N211" s="103" t="s">
        <v>24</v>
      </c>
      <c r="O211" s="95" t="s">
        <v>20</v>
      </c>
      <c r="P211" s="96" t="s">
        <v>21</v>
      </c>
      <c r="Q211" s="139"/>
      <c r="R211" s="138"/>
      <c r="S211" s="137"/>
      <c r="T211" s="76"/>
      <c r="U211" s="77"/>
      <c r="V211" s="77"/>
      <c r="W211" s="77"/>
      <c r="X211" s="77"/>
      <c r="Y211" s="77"/>
      <c r="Z211" s="77"/>
      <c r="AA211" s="77"/>
      <c r="AB211" s="77"/>
      <c r="AC211" s="77"/>
      <c r="AD211" s="77"/>
      <c r="AE211" s="77"/>
      <c r="AF211" s="77"/>
      <c r="AG211" s="77"/>
      <c r="AH211" s="77"/>
      <c r="AI211" s="77"/>
      <c r="AJ211" s="77"/>
      <c r="AK211" s="77"/>
      <c r="AL211" s="77"/>
      <c r="AM211" s="77"/>
      <c r="AN211" s="77"/>
      <c r="AO211" s="77"/>
      <c r="AP211" s="77"/>
      <c r="AQ211" s="77"/>
      <c r="AR211" s="77"/>
      <c r="AS211" s="77"/>
      <c r="AT211" s="77"/>
      <c r="AU211" s="77"/>
      <c r="AV211" s="77"/>
      <c r="AW211" s="77"/>
      <c r="AX211" s="77"/>
      <c r="AY211" s="77"/>
      <c r="AZ211" s="77"/>
      <c r="BA211" s="77"/>
      <c r="BB211" s="77"/>
      <c r="BC211" s="77"/>
      <c r="BD211" s="77"/>
    </row>
    <row r="212" spans="1:56" s="64" customFormat="1" ht="69.900000000000006" customHeight="1" thickTop="1">
      <c r="A212" s="559" t="s">
        <v>25</v>
      </c>
      <c r="B212" s="606"/>
      <c r="C212" s="606"/>
      <c r="D212" s="606"/>
      <c r="E212" s="606"/>
      <c r="F212" s="606"/>
      <c r="G212" s="606"/>
      <c r="H212" s="606"/>
      <c r="I212" s="606"/>
      <c r="J212" s="606"/>
      <c r="K212" s="606"/>
      <c r="L212" s="376"/>
      <c r="M212" s="606"/>
      <c r="N212" s="606"/>
      <c r="O212" s="606"/>
      <c r="P212" s="637"/>
      <c r="Q212" s="122"/>
      <c r="R212" s="138"/>
      <c r="S212" s="162"/>
    </row>
    <row r="213" spans="1:56" s="67" customFormat="1" ht="75" customHeight="1">
      <c r="A213" s="456"/>
      <c r="B213" s="457"/>
      <c r="C213" s="457"/>
      <c r="D213" s="457"/>
      <c r="E213" s="457"/>
      <c r="F213" s="457"/>
      <c r="G213" s="457"/>
      <c r="H213" s="457"/>
      <c r="I213" s="457"/>
      <c r="J213" s="457"/>
      <c r="K213" s="457"/>
      <c r="L213" s="458"/>
      <c r="M213" s="457"/>
      <c r="N213" s="457"/>
      <c r="O213" s="457"/>
      <c r="P213" s="459"/>
      <c r="Q213" s="139"/>
      <c r="R213" s="138"/>
      <c r="S213" s="141"/>
      <c r="T213" s="64"/>
    </row>
    <row r="214" spans="1:56" s="67" customFormat="1" ht="75" customHeight="1" thickBot="1">
      <c r="A214" s="460"/>
      <c r="B214" s="461"/>
      <c r="C214" s="461"/>
      <c r="D214" s="461"/>
      <c r="E214" s="461"/>
      <c r="F214" s="461"/>
      <c r="G214" s="461"/>
      <c r="H214" s="461"/>
      <c r="I214" s="461"/>
      <c r="J214" s="461"/>
      <c r="K214" s="461"/>
      <c r="L214" s="462"/>
      <c r="M214" s="461"/>
      <c r="N214" s="461"/>
      <c r="O214" s="461"/>
      <c r="P214" s="463"/>
      <c r="Q214" s="139"/>
      <c r="R214" s="138"/>
      <c r="S214" s="141"/>
      <c r="T214" s="64"/>
    </row>
    <row r="215" spans="1:56" s="64" customFormat="1" ht="69.900000000000006" customHeight="1" thickBot="1">
      <c r="A215" s="443" t="s">
        <v>296</v>
      </c>
      <c r="B215" s="475"/>
      <c r="C215" s="475"/>
      <c r="D215" s="475"/>
      <c r="E215" s="475"/>
      <c r="F215" s="475"/>
      <c r="G215" s="475"/>
      <c r="H215" s="475"/>
      <c r="I215" s="475"/>
      <c r="J215" s="475"/>
      <c r="K215" s="475"/>
      <c r="L215" s="445"/>
      <c r="M215" s="475"/>
      <c r="N215" s="475"/>
      <c r="O215" s="475"/>
      <c r="P215" s="476"/>
      <c r="Q215" s="139"/>
      <c r="R215" s="138"/>
      <c r="S215" s="78"/>
      <c r="T215" s="76"/>
      <c r="U215" s="76"/>
      <c r="V215" s="76"/>
      <c r="W215" s="76"/>
      <c r="X215" s="76"/>
      <c r="Y215" s="76"/>
      <c r="Z215" s="76"/>
      <c r="AA215" s="76"/>
      <c r="AB215" s="76"/>
      <c r="AC215" s="76"/>
      <c r="AD215" s="76"/>
      <c r="AE215" s="76"/>
      <c r="AF215" s="76"/>
      <c r="AG215" s="76"/>
      <c r="AH215" s="76"/>
      <c r="AI215" s="76"/>
      <c r="AJ215" s="76"/>
      <c r="AK215" s="76"/>
      <c r="AL215" s="76"/>
      <c r="AM215" s="76"/>
      <c r="AN215" s="76"/>
      <c r="AO215" s="76"/>
      <c r="AP215" s="76"/>
      <c r="AQ215" s="76"/>
      <c r="AR215" s="76"/>
      <c r="AS215" s="76"/>
      <c r="AT215" s="76"/>
      <c r="AU215" s="76"/>
      <c r="AV215" s="76"/>
      <c r="AW215" s="76"/>
      <c r="AX215" s="76"/>
      <c r="AY215" s="76"/>
      <c r="AZ215" s="76"/>
      <c r="BA215" s="76"/>
      <c r="BB215" s="76"/>
      <c r="BC215" s="76"/>
      <c r="BD215" s="76"/>
    </row>
    <row r="216" spans="1:56" s="67" customFormat="1" ht="132" customHeight="1" thickTop="1" thickBot="1">
      <c r="A216" s="477" t="s">
        <v>297</v>
      </c>
      <c r="B216" s="379"/>
      <c r="C216" s="379"/>
      <c r="D216" s="379"/>
      <c r="E216" s="379"/>
      <c r="F216" s="379"/>
      <c r="G216" s="379"/>
      <c r="H216" s="379"/>
      <c r="I216" s="379"/>
      <c r="J216" s="379"/>
      <c r="K216" s="379"/>
      <c r="L216" s="379"/>
      <c r="M216" s="576"/>
      <c r="N216" s="135" t="s">
        <v>24</v>
      </c>
      <c r="O216" s="75" t="s">
        <v>20</v>
      </c>
      <c r="P216" s="136" t="s">
        <v>21</v>
      </c>
      <c r="Q216" s="139"/>
      <c r="R216" s="138"/>
      <c r="S216" s="137"/>
      <c r="T216" s="76"/>
      <c r="U216" s="77"/>
      <c r="V216" s="77"/>
      <c r="W216" s="77"/>
      <c r="X216" s="77"/>
      <c r="Y216" s="77"/>
      <c r="Z216" s="77"/>
      <c r="AA216" s="77"/>
      <c r="AB216" s="77"/>
      <c r="AC216" s="77"/>
      <c r="AD216" s="77"/>
      <c r="AE216" s="77"/>
      <c r="AF216" s="77"/>
      <c r="AG216" s="77"/>
      <c r="AH216" s="77"/>
      <c r="AI216" s="77"/>
      <c r="AJ216" s="77"/>
      <c r="AK216" s="77"/>
      <c r="AL216" s="77"/>
      <c r="AM216" s="77"/>
      <c r="AN216" s="77"/>
      <c r="AO216" s="77"/>
      <c r="AP216" s="77"/>
      <c r="AQ216" s="77"/>
      <c r="AR216" s="77"/>
      <c r="AS216" s="77"/>
      <c r="AT216" s="77"/>
      <c r="AU216" s="77"/>
      <c r="AV216" s="77"/>
      <c r="AW216" s="77"/>
      <c r="AX216" s="77"/>
      <c r="AY216" s="77"/>
      <c r="AZ216" s="77"/>
      <c r="BA216" s="77"/>
      <c r="BB216" s="77"/>
      <c r="BC216" s="77"/>
      <c r="BD216" s="77"/>
    </row>
    <row r="217" spans="1:56" s="64" customFormat="1" ht="69" customHeight="1" thickTop="1">
      <c r="A217" s="468" t="s">
        <v>52</v>
      </c>
      <c r="B217" s="574"/>
      <c r="C217" s="574"/>
      <c r="D217" s="574"/>
      <c r="E217" s="574"/>
      <c r="F217" s="574"/>
      <c r="G217" s="574"/>
      <c r="H217" s="574"/>
      <c r="I217" s="574"/>
      <c r="J217" s="574"/>
      <c r="K217" s="574"/>
      <c r="L217" s="454"/>
      <c r="M217" s="574"/>
      <c r="N217" s="574"/>
      <c r="O217" s="574"/>
      <c r="P217" s="575"/>
      <c r="Q217" s="122"/>
      <c r="R217" s="138"/>
      <c r="S217" s="162"/>
    </row>
    <row r="218" spans="1:56" s="67" customFormat="1" ht="69" customHeight="1">
      <c r="A218" s="488" t="s">
        <v>124</v>
      </c>
      <c r="B218" s="489"/>
      <c r="C218" s="489"/>
      <c r="D218" s="489"/>
      <c r="E218" s="489"/>
      <c r="F218" s="489"/>
      <c r="G218" s="489"/>
      <c r="H218" s="489"/>
      <c r="I218" s="489"/>
      <c r="J218" s="490"/>
      <c r="K218" s="492"/>
      <c r="L218" s="491"/>
      <c r="M218" s="492"/>
      <c r="N218" s="492"/>
      <c r="O218" s="492"/>
      <c r="P218" s="493"/>
      <c r="Q218" s="139"/>
      <c r="R218" s="138"/>
      <c r="S218" s="78"/>
      <c r="T218" s="193"/>
      <c r="U218" s="77"/>
      <c r="V218" s="77"/>
      <c r="W218" s="77"/>
      <c r="X218" s="77"/>
      <c r="Y218" s="77"/>
      <c r="Z218" s="77"/>
      <c r="AA218" s="77"/>
      <c r="AB218" s="77"/>
      <c r="AC218" s="77"/>
      <c r="AD218" s="77"/>
      <c r="AE218" s="77"/>
      <c r="AF218" s="77"/>
      <c r="AG218" s="77"/>
      <c r="AH218" s="77"/>
      <c r="AI218" s="77"/>
      <c r="AJ218" s="77"/>
      <c r="AK218" s="77"/>
      <c r="AL218" s="77"/>
      <c r="AM218" s="77"/>
      <c r="AN218" s="77"/>
      <c r="AO218" s="77"/>
      <c r="AP218" s="77"/>
      <c r="AQ218" s="77"/>
      <c r="AR218" s="77"/>
      <c r="AS218" s="77"/>
      <c r="AT218" s="77"/>
      <c r="AU218" s="77"/>
      <c r="AV218" s="77"/>
      <c r="AW218" s="77"/>
      <c r="AX218" s="77"/>
      <c r="AY218" s="77"/>
      <c r="AZ218" s="77"/>
      <c r="BA218" s="77"/>
      <c r="BB218" s="77"/>
      <c r="BC218" s="77"/>
      <c r="BD218" s="77"/>
    </row>
    <row r="219" spans="1:56" s="67" customFormat="1" ht="69" customHeight="1">
      <c r="A219" s="372" t="s">
        <v>125</v>
      </c>
      <c r="B219" s="373"/>
      <c r="C219" s="373"/>
      <c r="D219" s="373"/>
      <c r="E219" s="373"/>
      <c r="F219" s="373"/>
      <c r="G219" s="373"/>
      <c r="H219" s="373"/>
      <c r="I219" s="373"/>
      <c r="J219" s="374"/>
      <c r="K219" s="451" t="s">
        <v>126</v>
      </c>
      <c r="L219" s="610"/>
      <c r="M219" s="610"/>
      <c r="N219" s="610"/>
      <c r="O219" s="610"/>
      <c r="P219" s="611"/>
      <c r="Q219" s="139"/>
      <c r="R219" s="138"/>
      <c r="S219" s="78"/>
      <c r="T219" s="76"/>
      <c r="U219" s="77"/>
      <c r="V219" s="77"/>
      <c r="W219" s="77"/>
      <c r="X219" s="77"/>
      <c r="Y219" s="77"/>
      <c r="Z219" s="77"/>
      <c r="AA219" s="77"/>
      <c r="AB219" s="77"/>
      <c r="AC219" s="77"/>
      <c r="AD219" s="77"/>
      <c r="AE219" s="77"/>
      <c r="AF219" s="77"/>
      <c r="AG219" s="77"/>
      <c r="AH219" s="77"/>
      <c r="AI219" s="77"/>
      <c r="AJ219" s="77"/>
      <c r="AK219" s="77"/>
      <c r="AL219" s="77"/>
      <c r="AM219" s="77"/>
      <c r="AN219" s="77"/>
      <c r="AO219" s="77"/>
      <c r="AP219" s="77"/>
      <c r="AQ219" s="77"/>
      <c r="AR219" s="77"/>
      <c r="AS219" s="77"/>
      <c r="AT219" s="77"/>
      <c r="AU219" s="77"/>
      <c r="AV219" s="77"/>
      <c r="AW219" s="77"/>
      <c r="AX219" s="77"/>
      <c r="AY219" s="77"/>
      <c r="AZ219" s="77"/>
      <c r="BA219" s="77"/>
      <c r="BB219" s="77"/>
      <c r="BC219" s="77"/>
      <c r="BD219" s="77"/>
    </row>
    <row r="220" spans="1:56" s="52" customFormat="1" ht="69" customHeight="1">
      <c r="A220" s="375"/>
      <c r="B220" s="376"/>
      <c r="C220" s="376"/>
      <c r="D220" s="376"/>
      <c r="E220" s="376"/>
      <c r="F220" s="376"/>
      <c r="G220" s="376"/>
      <c r="H220" s="376"/>
      <c r="I220" s="376"/>
      <c r="J220" s="377"/>
      <c r="K220" s="478" t="s">
        <v>127</v>
      </c>
      <c r="L220" s="379"/>
      <c r="M220" s="629"/>
      <c r="N220" s="629"/>
      <c r="O220" s="629"/>
      <c r="P220" s="630"/>
      <c r="Q220" s="161"/>
      <c r="R220" s="133"/>
      <c r="S220" s="162"/>
    </row>
    <row r="221" spans="1:56" s="64" customFormat="1" ht="69.900000000000006" customHeight="1">
      <c r="A221" s="468" t="s">
        <v>25</v>
      </c>
      <c r="B221" s="574"/>
      <c r="C221" s="574"/>
      <c r="D221" s="574"/>
      <c r="E221" s="574"/>
      <c r="F221" s="574"/>
      <c r="G221" s="574"/>
      <c r="H221" s="574"/>
      <c r="I221" s="574"/>
      <c r="J221" s="574"/>
      <c r="K221" s="574"/>
      <c r="L221" s="454"/>
      <c r="M221" s="574"/>
      <c r="N221" s="574"/>
      <c r="O221" s="574"/>
      <c r="P221" s="575"/>
      <c r="Q221" s="122"/>
      <c r="R221" s="138"/>
      <c r="S221" s="162"/>
    </row>
    <row r="222" spans="1:56" s="67" customFormat="1" ht="75" customHeight="1">
      <c r="A222" s="456"/>
      <c r="B222" s="457"/>
      <c r="C222" s="457"/>
      <c r="D222" s="457"/>
      <c r="E222" s="457"/>
      <c r="F222" s="457"/>
      <c r="G222" s="457"/>
      <c r="H222" s="457"/>
      <c r="I222" s="457"/>
      <c r="J222" s="457"/>
      <c r="K222" s="457"/>
      <c r="L222" s="458"/>
      <c r="M222" s="457"/>
      <c r="N222" s="457"/>
      <c r="O222" s="457"/>
      <c r="P222" s="459"/>
      <c r="Q222" s="139"/>
      <c r="R222" s="138"/>
      <c r="S222" s="141"/>
      <c r="T222" s="64"/>
    </row>
    <row r="223" spans="1:56" s="67" customFormat="1" ht="75" customHeight="1" thickBot="1">
      <c r="A223" s="460"/>
      <c r="B223" s="461"/>
      <c r="C223" s="461"/>
      <c r="D223" s="461"/>
      <c r="E223" s="461"/>
      <c r="F223" s="461"/>
      <c r="G223" s="461"/>
      <c r="H223" s="461"/>
      <c r="I223" s="461"/>
      <c r="J223" s="461"/>
      <c r="K223" s="461"/>
      <c r="L223" s="462"/>
      <c r="M223" s="461"/>
      <c r="N223" s="461"/>
      <c r="O223" s="461"/>
      <c r="P223" s="463"/>
      <c r="Q223" s="139"/>
      <c r="R223" s="138"/>
      <c r="S223" s="141"/>
      <c r="T223" s="64"/>
    </row>
    <row r="224" spans="1:56" s="64" customFormat="1" ht="69.900000000000006" customHeight="1" thickBot="1">
      <c r="A224" s="443" t="s">
        <v>298</v>
      </c>
      <c r="B224" s="475"/>
      <c r="C224" s="475"/>
      <c r="D224" s="475"/>
      <c r="E224" s="475"/>
      <c r="F224" s="475"/>
      <c r="G224" s="475"/>
      <c r="H224" s="475"/>
      <c r="I224" s="475"/>
      <c r="J224" s="475"/>
      <c r="K224" s="475"/>
      <c r="L224" s="445"/>
      <c r="M224" s="475"/>
      <c r="N224" s="475"/>
      <c r="O224" s="475"/>
      <c r="P224" s="476"/>
      <c r="Q224" s="139"/>
      <c r="R224" s="138"/>
      <c r="S224" s="78"/>
      <c r="T224" s="76"/>
      <c r="U224" s="76"/>
      <c r="V224" s="76"/>
      <c r="W224" s="76"/>
      <c r="X224" s="76"/>
      <c r="Y224" s="76"/>
      <c r="Z224" s="76"/>
      <c r="AA224" s="76"/>
      <c r="AB224" s="76"/>
      <c r="AC224" s="76"/>
      <c r="AD224" s="76"/>
      <c r="AE224" s="76"/>
      <c r="AF224" s="76"/>
      <c r="AG224" s="76"/>
      <c r="AH224" s="76"/>
      <c r="AI224" s="76"/>
      <c r="AJ224" s="76"/>
      <c r="AK224" s="76"/>
      <c r="AL224" s="76"/>
      <c r="AM224" s="76"/>
      <c r="AN224" s="76"/>
      <c r="AO224" s="76"/>
      <c r="AP224" s="76"/>
      <c r="AQ224" s="76"/>
      <c r="AR224" s="76"/>
      <c r="AS224" s="76"/>
      <c r="AT224" s="76"/>
      <c r="AU224" s="76"/>
      <c r="AV224" s="76"/>
      <c r="AW224" s="76"/>
      <c r="AX224" s="76"/>
      <c r="AY224" s="76"/>
      <c r="AZ224" s="76"/>
      <c r="BA224" s="76"/>
      <c r="BB224" s="76"/>
      <c r="BC224" s="76"/>
      <c r="BD224" s="76"/>
    </row>
    <row r="225" spans="1:258" s="67" customFormat="1" ht="199.95" customHeight="1" thickTop="1" thickBot="1">
      <c r="A225" s="485" t="s">
        <v>299</v>
      </c>
      <c r="B225" s="598"/>
      <c r="C225" s="598"/>
      <c r="D225" s="598"/>
      <c r="E225" s="598"/>
      <c r="F225" s="598"/>
      <c r="G225" s="598"/>
      <c r="H225" s="598"/>
      <c r="I225" s="598"/>
      <c r="J225" s="598"/>
      <c r="K225" s="598"/>
      <c r="L225" s="352"/>
      <c r="M225" s="638"/>
      <c r="N225" s="80" t="s">
        <v>24</v>
      </c>
      <c r="O225" s="68" t="s">
        <v>20</v>
      </c>
      <c r="P225" s="69" t="s">
        <v>21</v>
      </c>
      <c r="Q225" s="139"/>
      <c r="R225" s="138"/>
      <c r="S225" s="137"/>
      <c r="T225" s="76"/>
      <c r="U225" s="77"/>
      <c r="V225" s="77"/>
      <c r="W225" s="77"/>
      <c r="X225" s="76"/>
      <c r="Y225" s="76"/>
      <c r="Z225" s="76"/>
      <c r="AA225" s="76"/>
      <c r="AB225" s="76"/>
      <c r="AC225" s="76"/>
      <c r="AD225" s="76"/>
      <c r="AE225" s="76"/>
      <c r="AF225" s="76"/>
      <c r="AG225" s="76"/>
      <c r="AH225" s="76"/>
      <c r="AI225" s="76"/>
      <c r="AJ225" s="76"/>
      <c r="AK225" s="76"/>
      <c r="AL225" s="76"/>
      <c r="AM225" s="76"/>
      <c r="AN225" s="77"/>
      <c r="AO225" s="77"/>
      <c r="AP225" s="77"/>
      <c r="AQ225" s="77"/>
      <c r="AR225" s="77"/>
      <c r="AS225" s="77"/>
      <c r="AT225" s="77"/>
      <c r="AU225" s="77"/>
      <c r="AV225" s="77"/>
      <c r="AW225" s="77"/>
      <c r="AX225" s="77"/>
      <c r="AY225" s="77"/>
      <c r="AZ225" s="77"/>
      <c r="BA225" s="77"/>
      <c r="BB225" s="77"/>
      <c r="BC225" s="77"/>
      <c r="BD225" s="77"/>
    </row>
    <row r="226" spans="1:258" s="64" customFormat="1" ht="69.599999999999994" customHeight="1" thickTop="1">
      <c r="A226" s="503" t="s">
        <v>52</v>
      </c>
      <c r="B226" s="577"/>
      <c r="C226" s="577"/>
      <c r="D226" s="577"/>
      <c r="E226" s="577"/>
      <c r="F226" s="577"/>
      <c r="G226" s="577"/>
      <c r="H226" s="577"/>
      <c r="I226" s="577"/>
      <c r="J226" s="577"/>
      <c r="K226" s="577"/>
      <c r="L226" s="505"/>
      <c r="M226" s="577"/>
      <c r="N226" s="577"/>
      <c r="O226" s="577"/>
      <c r="P226" s="578"/>
      <c r="Q226" s="122"/>
      <c r="R226" s="138"/>
      <c r="S226" s="162"/>
    </row>
    <row r="227" spans="1:258" s="64" customFormat="1" ht="69.599999999999994" customHeight="1">
      <c r="A227" s="507" t="s">
        <v>300</v>
      </c>
      <c r="B227" s="508"/>
      <c r="C227" s="508"/>
      <c r="D227" s="508"/>
      <c r="E227" s="508"/>
      <c r="F227" s="508"/>
      <c r="G227" s="508"/>
      <c r="H227" s="508"/>
      <c r="I227" s="508"/>
      <c r="J227" s="508"/>
      <c r="K227" s="508"/>
      <c r="L227" s="508"/>
      <c r="M227" s="508"/>
      <c r="N227" s="508"/>
      <c r="O227" s="508"/>
      <c r="P227" s="509"/>
      <c r="Q227" s="161"/>
      <c r="R227" s="133"/>
      <c r="S227" s="162"/>
      <c r="T227" s="52"/>
      <c r="U227" s="52"/>
      <c r="V227" s="52"/>
      <c r="W227" s="52"/>
      <c r="X227" s="52"/>
      <c r="Y227" s="52"/>
      <c r="Z227" s="52"/>
      <c r="AA227" s="52"/>
      <c r="AB227" s="52"/>
      <c r="AC227" s="52"/>
      <c r="AD227" s="52"/>
      <c r="AE227" s="52"/>
      <c r="AF227" s="52"/>
      <c r="AG227" s="52"/>
      <c r="AH227" s="52"/>
      <c r="AI227" s="52"/>
      <c r="AJ227" s="52"/>
      <c r="AK227" s="52"/>
      <c r="AL227" s="52"/>
      <c r="AM227" s="52"/>
      <c r="AN227" s="52"/>
      <c r="AO227" s="52"/>
      <c r="AP227" s="52"/>
      <c r="AQ227" s="52"/>
      <c r="AR227" s="52"/>
      <c r="AS227" s="52"/>
      <c r="AT227" s="52"/>
      <c r="AU227" s="52"/>
      <c r="AV227" s="52"/>
      <c r="AW227" s="52"/>
      <c r="AX227" s="52"/>
      <c r="AY227" s="52"/>
      <c r="AZ227" s="52"/>
      <c r="BA227" s="52"/>
      <c r="BB227" s="52"/>
      <c r="BC227" s="52"/>
      <c r="BD227" s="52"/>
      <c r="BE227" s="52"/>
      <c r="BF227" s="52"/>
      <c r="BG227" s="52"/>
      <c r="BH227" s="52"/>
      <c r="BI227" s="52"/>
      <c r="BJ227" s="52"/>
      <c r="BK227" s="52"/>
      <c r="BL227" s="52"/>
      <c r="BM227" s="52"/>
      <c r="BN227" s="52"/>
      <c r="BO227" s="52"/>
      <c r="BP227" s="52"/>
      <c r="BQ227" s="52"/>
      <c r="BR227" s="52"/>
      <c r="BS227" s="52"/>
      <c r="BT227" s="52"/>
      <c r="BU227" s="52"/>
      <c r="BV227" s="52"/>
      <c r="BW227" s="52"/>
      <c r="BX227" s="52"/>
      <c r="BY227" s="52"/>
      <c r="BZ227" s="52"/>
      <c r="CA227" s="52"/>
      <c r="CB227" s="52"/>
      <c r="CC227" s="52"/>
      <c r="CD227" s="52"/>
      <c r="CE227" s="52"/>
      <c r="CF227" s="52"/>
      <c r="CG227" s="52"/>
      <c r="CH227" s="52"/>
      <c r="CI227" s="52"/>
      <c r="CJ227" s="52"/>
      <c r="CK227" s="52"/>
      <c r="CL227" s="52"/>
      <c r="CM227" s="52"/>
      <c r="CN227" s="52"/>
      <c r="CO227" s="52"/>
      <c r="CP227" s="52"/>
      <c r="CQ227" s="52"/>
      <c r="CR227" s="52"/>
      <c r="CS227" s="52"/>
      <c r="CT227" s="52"/>
      <c r="CU227" s="52"/>
      <c r="CV227" s="52"/>
      <c r="CW227" s="52"/>
      <c r="CX227" s="52"/>
      <c r="CY227" s="52"/>
      <c r="CZ227" s="52"/>
      <c r="DA227" s="52"/>
      <c r="DB227" s="52"/>
      <c r="DC227" s="52"/>
      <c r="DD227" s="52"/>
      <c r="DE227" s="52"/>
      <c r="DF227" s="52"/>
      <c r="DG227" s="52"/>
      <c r="DH227" s="52"/>
      <c r="DI227" s="52"/>
      <c r="DJ227" s="52"/>
      <c r="DK227" s="52"/>
      <c r="DL227" s="52"/>
      <c r="DM227" s="52"/>
      <c r="DN227" s="52"/>
      <c r="DO227" s="52"/>
      <c r="DP227" s="52"/>
      <c r="DQ227" s="52"/>
      <c r="DR227" s="52"/>
      <c r="DS227" s="52"/>
      <c r="DT227" s="52"/>
      <c r="DU227" s="52"/>
      <c r="DV227" s="52"/>
      <c r="DW227" s="52"/>
      <c r="DX227" s="52"/>
      <c r="DY227" s="52"/>
      <c r="DZ227" s="52"/>
      <c r="EA227" s="52"/>
      <c r="EB227" s="52"/>
      <c r="EC227" s="52"/>
      <c r="ED227" s="52"/>
      <c r="EE227" s="52"/>
      <c r="EF227" s="52"/>
      <c r="EG227" s="52"/>
      <c r="EH227" s="52"/>
      <c r="EI227" s="52"/>
      <c r="EJ227" s="52"/>
      <c r="EK227" s="52"/>
      <c r="EL227" s="52"/>
      <c r="EM227" s="52"/>
      <c r="EN227" s="52"/>
      <c r="EO227" s="52"/>
      <c r="EP227" s="52"/>
      <c r="EQ227" s="52"/>
      <c r="ER227" s="52"/>
      <c r="ES227" s="52"/>
      <c r="ET227" s="52"/>
      <c r="EU227" s="52"/>
      <c r="EV227" s="52"/>
      <c r="EW227" s="52"/>
      <c r="EX227" s="52"/>
      <c r="EY227" s="52"/>
      <c r="EZ227" s="52"/>
      <c r="FA227" s="52"/>
      <c r="FB227" s="52"/>
      <c r="FC227" s="52"/>
      <c r="FD227" s="52"/>
      <c r="FE227" s="52"/>
      <c r="FF227" s="52"/>
      <c r="FG227" s="52"/>
      <c r="FH227" s="52"/>
      <c r="FI227" s="52"/>
      <c r="FJ227" s="52"/>
      <c r="FK227" s="52"/>
      <c r="FL227" s="52"/>
      <c r="FM227" s="52"/>
      <c r="FN227" s="52"/>
      <c r="FO227" s="52"/>
      <c r="FP227" s="52"/>
      <c r="FQ227" s="52"/>
      <c r="FR227" s="52"/>
      <c r="FS227" s="52"/>
      <c r="FT227" s="52"/>
      <c r="FU227" s="52"/>
      <c r="FV227" s="52"/>
      <c r="FW227" s="52"/>
      <c r="FX227" s="52"/>
      <c r="FY227" s="52"/>
      <c r="FZ227" s="52"/>
      <c r="GA227" s="52"/>
      <c r="GB227" s="52"/>
      <c r="GC227" s="52"/>
      <c r="GD227" s="52"/>
      <c r="GE227" s="52"/>
      <c r="GF227" s="52"/>
      <c r="GG227" s="52"/>
      <c r="GH227" s="52"/>
      <c r="GI227" s="52"/>
      <c r="GJ227" s="52"/>
      <c r="GK227" s="52"/>
      <c r="GL227" s="52"/>
      <c r="GM227" s="52"/>
      <c r="GN227" s="52"/>
      <c r="GO227" s="52"/>
      <c r="GP227" s="52"/>
      <c r="GQ227" s="52"/>
      <c r="GR227" s="52"/>
      <c r="GS227" s="52"/>
      <c r="GT227" s="52"/>
      <c r="GU227" s="52"/>
      <c r="GV227" s="52"/>
      <c r="GW227" s="52"/>
      <c r="GX227" s="52"/>
      <c r="GY227" s="52"/>
      <c r="GZ227" s="52"/>
      <c r="HA227" s="52"/>
      <c r="HB227" s="52"/>
      <c r="HC227" s="52"/>
      <c r="HD227" s="52"/>
      <c r="HE227" s="52"/>
      <c r="HF227" s="52"/>
      <c r="HG227" s="52"/>
      <c r="HH227" s="52"/>
      <c r="HI227" s="52"/>
      <c r="HJ227" s="52"/>
      <c r="HK227" s="52"/>
      <c r="HL227" s="52"/>
      <c r="HM227" s="52"/>
      <c r="HN227" s="52"/>
      <c r="HO227" s="52"/>
      <c r="HP227" s="52"/>
      <c r="HQ227" s="52"/>
      <c r="HR227" s="52"/>
      <c r="HS227" s="52"/>
      <c r="HT227" s="52"/>
      <c r="HU227" s="52"/>
      <c r="HV227" s="52"/>
      <c r="HW227" s="52"/>
      <c r="HX227" s="52"/>
      <c r="HY227" s="52"/>
      <c r="HZ227" s="52"/>
      <c r="IA227" s="52"/>
      <c r="IB227" s="52"/>
      <c r="IC227" s="52"/>
      <c r="ID227" s="52"/>
      <c r="IE227" s="52"/>
      <c r="IF227" s="52"/>
      <c r="IG227" s="52"/>
      <c r="IH227" s="52"/>
      <c r="II227" s="52"/>
      <c r="IJ227" s="52"/>
      <c r="IK227" s="52"/>
      <c r="IL227" s="52"/>
      <c r="IM227" s="52"/>
      <c r="IN227" s="52"/>
      <c r="IO227" s="52"/>
      <c r="IP227" s="52"/>
      <c r="IQ227" s="52"/>
      <c r="IR227" s="52"/>
      <c r="IS227" s="52"/>
      <c r="IT227" s="52"/>
      <c r="IU227" s="52"/>
      <c r="IV227" s="52"/>
      <c r="IW227" s="52"/>
      <c r="IX227" s="52"/>
    </row>
    <row r="228" spans="1:258" s="67" customFormat="1" ht="69.599999999999994" customHeight="1">
      <c r="A228" s="639" t="s">
        <v>301</v>
      </c>
      <c r="B228" s="640"/>
      <c r="C228" s="640"/>
      <c r="D228" s="640"/>
      <c r="E228" s="640"/>
      <c r="F228" s="640"/>
      <c r="G228" s="640"/>
      <c r="H228" s="640"/>
      <c r="I228" s="640"/>
      <c r="J228" s="640"/>
      <c r="K228" s="640"/>
      <c r="L228" s="640"/>
      <c r="M228" s="640"/>
      <c r="N228" s="640"/>
      <c r="O228" s="640"/>
      <c r="P228" s="641"/>
      <c r="Q228" s="139"/>
      <c r="R228" s="138"/>
      <c r="S228" s="78"/>
      <c r="T228" s="193"/>
      <c r="U228" s="77"/>
      <c r="V228" s="77"/>
      <c r="W228" s="77"/>
      <c r="X228" s="77"/>
      <c r="Y228" s="77"/>
      <c r="Z228" s="77"/>
      <c r="AA228" s="77"/>
      <c r="AB228" s="77"/>
      <c r="AC228" s="77"/>
      <c r="AD228" s="77"/>
      <c r="AE228" s="77"/>
      <c r="AF228" s="77"/>
      <c r="AG228" s="77"/>
      <c r="AH228" s="77"/>
      <c r="AI228" s="77"/>
      <c r="AJ228" s="77"/>
      <c r="AK228" s="77"/>
      <c r="AL228" s="77"/>
      <c r="AM228" s="77"/>
      <c r="AN228" s="77"/>
      <c r="AO228" s="77"/>
      <c r="AP228" s="77"/>
      <c r="AQ228" s="77"/>
      <c r="AR228" s="77"/>
      <c r="AS228" s="77"/>
      <c r="AT228" s="77"/>
      <c r="AU228" s="77"/>
      <c r="AV228" s="77"/>
      <c r="AW228" s="77"/>
      <c r="AX228" s="77"/>
      <c r="AY228" s="77"/>
      <c r="AZ228" s="77"/>
      <c r="BA228" s="77"/>
      <c r="BB228" s="77"/>
      <c r="BC228" s="77"/>
      <c r="BD228" s="77"/>
    </row>
    <row r="229" spans="1:258" s="67" customFormat="1" ht="69.599999999999994" customHeight="1" thickBot="1">
      <c r="A229" s="642" t="s">
        <v>148</v>
      </c>
      <c r="B229" s="643"/>
      <c r="C229" s="643"/>
      <c r="D229" s="643"/>
      <c r="E229" s="643"/>
      <c r="F229" s="643"/>
      <c r="G229" s="643"/>
      <c r="H229" s="643"/>
      <c r="I229" s="643"/>
      <c r="J229" s="643"/>
      <c r="K229" s="643"/>
      <c r="L229" s="643"/>
      <c r="M229" s="643"/>
      <c r="N229" s="643"/>
      <c r="O229" s="643"/>
      <c r="P229" s="644"/>
      <c r="Q229" s="139"/>
      <c r="R229" s="138"/>
      <c r="S229" s="78"/>
      <c r="T229" s="104"/>
      <c r="U229" s="77"/>
      <c r="V229" s="77"/>
      <c r="W229" s="77"/>
      <c r="X229" s="77"/>
      <c r="Y229" s="77"/>
      <c r="Z229" s="77"/>
      <c r="AA229" s="77"/>
      <c r="AB229" s="77"/>
      <c r="AC229" s="77"/>
      <c r="AD229" s="77"/>
      <c r="AE229" s="77"/>
      <c r="AF229" s="77"/>
      <c r="AG229" s="77"/>
      <c r="AH229" s="77"/>
      <c r="AI229" s="77"/>
      <c r="AJ229" s="77"/>
      <c r="AK229" s="77"/>
      <c r="AL229" s="77"/>
      <c r="AM229" s="77"/>
      <c r="AN229" s="77"/>
      <c r="AO229" s="77"/>
      <c r="AP229" s="77"/>
      <c r="AQ229" s="77"/>
      <c r="AR229" s="77"/>
      <c r="AS229" s="77"/>
      <c r="AT229" s="77"/>
      <c r="AU229" s="77"/>
      <c r="AV229" s="77"/>
      <c r="AW229" s="77"/>
      <c r="AX229" s="77"/>
      <c r="AY229" s="77"/>
      <c r="AZ229" s="77"/>
      <c r="BA229" s="77"/>
      <c r="BB229" s="77"/>
      <c r="BC229" s="77"/>
      <c r="BD229" s="77"/>
    </row>
    <row r="230" spans="1:258" s="67" customFormat="1" ht="241.95" customHeight="1" thickTop="1" thickBot="1">
      <c r="A230" s="477" t="s">
        <v>302</v>
      </c>
      <c r="B230" s="629"/>
      <c r="C230" s="629"/>
      <c r="D230" s="629"/>
      <c r="E230" s="629"/>
      <c r="F230" s="629"/>
      <c r="G230" s="629"/>
      <c r="H230" s="629"/>
      <c r="I230" s="629"/>
      <c r="J230" s="629"/>
      <c r="K230" s="629"/>
      <c r="L230" s="379"/>
      <c r="M230" s="576"/>
      <c r="N230" s="135" t="s">
        <v>24</v>
      </c>
      <c r="O230" s="68" t="s">
        <v>20</v>
      </c>
      <c r="P230" s="69" t="s">
        <v>21</v>
      </c>
      <c r="Q230" s="139"/>
      <c r="R230" s="138"/>
      <c r="S230" s="137"/>
      <c r="T230" s="76"/>
      <c r="U230" s="77"/>
      <c r="V230" s="77"/>
      <c r="W230" s="77"/>
      <c r="X230" s="76"/>
      <c r="Y230" s="76"/>
      <c r="Z230" s="76"/>
      <c r="AA230" s="76"/>
      <c r="AB230" s="76"/>
      <c r="AC230" s="76"/>
      <c r="AD230" s="76"/>
      <c r="AE230" s="76"/>
      <c r="AF230" s="76"/>
      <c r="AG230" s="76"/>
      <c r="AH230" s="76"/>
      <c r="AI230" s="76"/>
      <c r="AJ230" s="76"/>
      <c r="AK230" s="76"/>
      <c r="AL230" s="76"/>
      <c r="AM230" s="76"/>
      <c r="AN230" s="77"/>
      <c r="AO230" s="77"/>
      <c r="AP230" s="77"/>
      <c r="AQ230" s="77"/>
      <c r="AR230" s="77"/>
      <c r="AS230" s="77"/>
      <c r="AT230" s="77"/>
      <c r="AU230" s="77"/>
      <c r="AV230" s="77"/>
      <c r="AW230" s="77"/>
      <c r="AX230" s="77"/>
      <c r="AY230" s="77"/>
      <c r="AZ230" s="77"/>
      <c r="BA230" s="77"/>
      <c r="BB230" s="77"/>
      <c r="BC230" s="77"/>
      <c r="BD230" s="77"/>
    </row>
    <row r="231" spans="1:258" s="67" customFormat="1" ht="210" customHeight="1" thickTop="1" thickBot="1">
      <c r="A231" s="636" t="s">
        <v>303</v>
      </c>
      <c r="B231" s="497"/>
      <c r="C231" s="497"/>
      <c r="D231" s="497"/>
      <c r="E231" s="497"/>
      <c r="F231" s="497"/>
      <c r="G231" s="497"/>
      <c r="H231" s="497"/>
      <c r="I231" s="497"/>
      <c r="J231" s="497"/>
      <c r="K231" s="497"/>
      <c r="L231" s="307"/>
      <c r="M231" s="497"/>
      <c r="N231" s="103" t="s">
        <v>24</v>
      </c>
      <c r="O231" s="95" t="s">
        <v>20</v>
      </c>
      <c r="P231" s="96" t="s">
        <v>21</v>
      </c>
      <c r="Q231" s="139"/>
      <c r="R231" s="138"/>
      <c r="S231" s="137"/>
      <c r="T231" s="76"/>
      <c r="U231" s="77"/>
      <c r="V231" s="77"/>
      <c r="W231" s="77"/>
      <c r="X231" s="77"/>
      <c r="Y231" s="77"/>
      <c r="Z231" s="77"/>
      <c r="AA231" s="77"/>
      <c r="AB231" s="77"/>
      <c r="AC231" s="77"/>
      <c r="AD231" s="77"/>
      <c r="AE231" s="77"/>
      <c r="AF231" s="77"/>
      <c r="AG231" s="77"/>
      <c r="AH231" s="77"/>
      <c r="AI231" s="77"/>
      <c r="AJ231" s="77"/>
      <c r="AK231" s="77"/>
      <c r="AL231" s="77"/>
      <c r="AM231" s="77"/>
      <c r="AN231" s="77"/>
      <c r="AO231" s="77"/>
      <c r="AP231" s="77"/>
      <c r="AQ231" s="77"/>
      <c r="AR231" s="77"/>
      <c r="AS231" s="77"/>
      <c r="AT231" s="77"/>
      <c r="AU231" s="77"/>
      <c r="AV231" s="77"/>
      <c r="AW231" s="77"/>
      <c r="AX231" s="77"/>
      <c r="AY231" s="77"/>
      <c r="AZ231" s="77"/>
      <c r="BA231" s="77"/>
      <c r="BB231" s="77"/>
      <c r="BC231" s="77"/>
      <c r="BD231" s="77"/>
    </row>
    <row r="232" spans="1:258" s="64" customFormat="1" ht="69.900000000000006" customHeight="1" thickTop="1">
      <c r="A232" s="468" t="s">
        <v>25</v>
      </c>
      <c r="B232" s="574"/>
      <c r="C232" s="574"/>
      <c r="D232" s="574"/>
      <c r="E232" s="574"/>
      <c r="F232" s="574"/>
      <c r="G232" s="574"/>
      <c r="H232" s="574"/>
      <c r="I232" s="574"/>
      <c r="J232" s="574"/>
      <c r="K232" s="574"/>
      <c r="L232" s="454"/>
      <c r="M232" s="574"/>
      <c r="N232" s="574"/>
      <c r="O232" s="574"/>
      <c r="P232" s="575"/>
      <c r="Q232" s="122"/>
      <c r="R232" s="138"/>
      <c r="S232" s="162"/>
    </row>
    <row r="233" spans="1:258" s="67" customFormat="1" ht="75" customHeight="1">
      <c r="A233" s="456"/>
      <c r="B233" s="457"/>
      <c r="C233" s="457"/>
      <c r="D233" s="457"/>
      <c r="E233" s="457"/>
      <c r="F233" s="457"/>
      <c r="G233" s="457"/>
      <c r="H233" s="457"/>
      <c r="I233" s="457"/>
      <c r="J233" s="457"/>
      <c r="K233" s="457"/>
      <c r="L233" s="458"/>
      <c r="M233" s="457"/>
      <c r="N233" s="457"/>
      <c r="O233" s="457"/>
      <c r="P233" s="459"/>
      <c r="Q233" s="139"/>
      <c r="R233" s="138"/>
      <c r="S233" s="141"/>
      <c r="T233" s="64"/>
    </row>
    <row r="234" spans="1:258" s="67" customFormat="1" ht="75" customHeight="1" thickBot="1">
      <c r="A234" s="471"/>
      <c r="B234" s="472"/>
      <c r="C234" s="472"/>
      <c r="D234" s="472"/>
      <c r="E234" s="472"/>
      <c r="F234" s="472"/>
      <c r="G234" s="472"/>
      <c r="H234" s="472"/>
      <c r="I234" s="472"/>
      <c r="J234" s="472"/>
      <c r="K234" s="472"/>
      <c r="L234" s="473"/>
      <c r="M234" s="472"/>
      <c r="N234" s="472"/>
      <c r="O234" s="472"/>
      <c r="P234" s="474"/>
      <c r="Q234" s="139"/>
      <c r="R234" s="138"/>
      <c r="S234" s="141"/>
      <c r="T234" s="64"/>
    </row>
    <row r="235" spans="1:258" s="64" customFormat="1" ht="69.900000000000006" customHeight="1" thickBot="1">
      <c r="A235" s="443" t="s">
        <v>304</v>
      </c>
      <c r="B235" s="475"/>
      <c r="C235" s="475"/>
      <c r="D235" s="475"/>
      <c r="E235" s="475"/>
      <c r="F235" s="475"/>
      <c r="G235" s="475"/>
      <c r="H235" s="475"/>
      <c r="I235" s="475"/>
      <c r="J235" s="475"/>
      <c r="K235" s="475"/>
      <c r="L235" s="445"/>
      <c r="M235" s="475"/>
      <c r="N235" s="475"/>
      <c r="O235" s="475"/>
      <c r="P235" s="476"/>
      <c r="Q235" s="139"/>
      <c r="R235" s="138"/>
      <c r="S235" s="209" t="s">
        <v>305</v>
      </c>
      <c r="T235" s="76"/>
      <c r="U235" s="76"/>
      <c r="V235" s="76"/>
      <c r="W235" s="76"/>
      <c r="X235" s="76"/>
      <c r="Y235" s="76"/>
      <c r="Z235" s="76"/>
      <c r="AA235" s="76"/>
      <c r="AB235" s="76"/>
      <c r="AC235" s="76"/>
      <c r="AD235" s="76"/>
      <c r="AE235" s="76"/>
      <c r="AF235" s="76"/>
      <c r="AG235" s="76"/>
      <c r="AH235" s="76"/>
      <c r="AI235" s="76"/>
      <c r="AJ235" s="76"/>
      <c r="AK235" s="76"/>
      <c r="AL235" s="76"/>
      <c r="AM235" s="76"/>
      <c r="AN235" s="76"/>
      <c r="AO235" s="76"/>
      <c r="AP235" s="76"/>
      <c r="AQ235" s="76"/>
      <c r="AR235" s="76"/>
      <c r="AS235" s="76"/>
      <c r="AT235" s="76"/>
      <c r="AU235" s="76"/>
      <c r="AV235" s="76"/>
      <c r="AW235" s="76"/>
      <c r="AX235" s="76"/>
      <c r="AY235" s="76"/>
      <c r="AZ235" s="76"/>
      <c r="BA235" s="76"/>
      <c r="BB235" s="76"/>
      <c r="BC235" s="76"/>
      <c r="BD235" s="76"/>
    </row>
    <row r="236" spans="1:258" s="67" customFormat="1" ht="199.95" customHeight="1" thickTop="1" thickBot="1">
      <c r="A236" s="485" t="s">
        <v>306</v>
      </c>
      <c r="B236" s="598"/>
      <c r="C236" s="598"/>
      <c r="D236" s="598"/>
      <c r="E236" s="598"/>
      <c r="F236" s="598"/>
      <c r="G236" s="598"/>
      <c r="H236" s="598"/>
      <c r="I236" s="598"/>
      <c r="J236" s="598"/>
      <c r="K236" s="598"/>
      <c r="L236" s="352"/>
      <c r="M236" s="638"/>
      <c r="N236" s="80" t="s">
        <v>24</v>
      </c>
      <c r="O236" s="68" t="s">
        <v>20</v>
      </c>
      <c r="P236" s="69" t="s">
        <v>21</v>
      </c>
      <c r="Q236" s="139"/>
      <c r="R236" s="138"/>
      <c r="S236" s="137"/>
      <c r="T236" s="76"/>
      <c r="U236" s="77"/>
      <c r="V236" s="77"/>
      <c r="W236" s="77"/>
      <c r="X236" s="76"/>
      <c r="Y236" s="76"/>
      <c r="Z236" s="76"/>
      <c r="AA236" s="76"/>
      <c r="AB236" s="76"/>
      <c r="AC236" s="76"/>
      <c r="AD236" s="76"/>
      <c r="AE236" s="76"/>
      <c r="AF236" s="76"/>
      <c r="AG236" s="76"/>
      <c r="AH236" s="76"/>
      <c r="AI236" s="76"/>
      <c r="AJ236" s="76"/>
      <c r="AK236" s="76"/>
      <c r="AL236" s="76"/>
      <c r="AM236" s="76"/>
      <c r="AN236" s="77"/>
      <c r="AO236" s="77"/>
      <c r="AP236" s="77"/>
      <c r="AQ236" s="77"/>
      <c r="AR236" s="77"/>
      <c r="AS236" s="77"/>
      <c r="AT236" s="77"/>
      <c r="AU236" s="77"/>
      <c r="AV236" s="77"/>
      <c r="AW236" s="77"/>
      <c r="AX236" s="77"/>
      <c r="AY236" s="77"/>
      <c r="AZ236" s="77"/>
      <c r="BA236" s="77"/>
      <c r="BB236" s="77"/>
      <c r="BC236" s="77"/>
      <c r="BD236" s="77"/>
    </row>
    <row r="237" spans="1:258" s="67" customFormat="1" ht="210" customHeight="1" thickTop="1" thickBot="1">
      <c r="A237" s="636" t="s">
        <v>307</v>
      </c>
      <c r="B237" s="497"/>
      <c r="C237" s="497"/>
      <c r="D237" s="497"/>
      <c r="E237" s="497"/>
      <c r="F237" s="497"/>
      <c r="G237" s="497"/>
      <c r="H237" s="497"/>
      <c r="I237" s="497"/>
      <c r="J237" s="497"/>
      <c r="K237" s="497"/>
      <c r="L237" s="307"/>
      <c r="M237" s="497"/>
      <c r="N237" s="103" t="s">
        <v>24</v>
      </c>
      <c r="O237" s="95" t="s">
        <v>20</v>
      </c>
      <c r="P237" s="96" t="s">
        <v>21</v>
      </c>
      <c r="Q237" s="139"/>
      <c r="R237" s="138"/>
      <c r="S237" s="137"/>
      <c r="T237" s="76"/>
      <c r="U237" s="77"/>
      <c r="V237" s="77"/>
      <c r="W237" s="77"/>
      <c r="X237" s="77"/>
      <c r="Y237" s="77"/>
      <c r="Z237" s="77"/>
      <c r="AA237" s="77"/>
      <c r="AB237" s="77"/>
      <c r="AC237" s="77"/>
      <c r="AD237" s="77"/>
      <c r="AE237" s="77"/>
      <c r="AF237" s="77"/>
      <c r="AG237" s="77"/>
      <c r="AH237" s="77"/>
      <c r="AI237" s="77"/>
      <c r="AJ237" s="77"/>
      <c r="AK237" s="77"/>
      <c r="AL237" s="77"/>
      <c r="AM237" s="77"/>
      <c r="AN237" s="77"/>
      <c r="AO237" s="77"/>
      <c r="AP237" s="77"/>
      <c r="AQ237" s="77"/>
      <c r="AR237" s="77"/>
      <c r="AS237" s="77"/>
      <c r="AT237" s="77"/>
      <c r="AU237" s="77"/>
      <c r="AV237" s="77"/>
      <c r="AW237" s="77"/>
      <c r="AX237" s="77"/>
      <c r="AY237" s="77"/>
      <c r="AZ237" s="77"/>
      <c r="BA237" s="77"/>
      <c r="BB237" s="77"/>
      <c r="BC237" s="77"/>
      <c r="BD237" s="77"/>
    </row>
    <row r="238" spans="1:258" s="64" customFormat="1" ht="69.900000000000006" customHeight="1" thickTop="1">
      <c r="A238" s="468" t="s">
        <v>25</v>
      </c>
      <c r="B238" s="574"/>
      <c r="C238" s="574"/>
      <c r="D238" s="574"/>
      <c r="E238" s="574"/>
      <c r="F238" s="574"/>
      <c r="G238" s="574"/>
      <c r="H238" s="574"/>
      <c r="I238" s="574"/>
      <c r="J238" s="574"/>
      <c r="K238" s="574"/>
      <c r="L238" s="454"/>
      <c r="M238" s="574"/>
      <c r="N238" s="574"/>
      <c r="O238" s="574"/>
      <c r="P238" s="575"/>
      <c r="Q238" s="122"/>
      <c r="R238" s="138"/>
      <c r="S238" s="162"/>
    </row>
    <row r="239" spans="1:258" s="67" customFormat="1" ht="75" customHeight="1">
      <c r="A239" s="456"/>
      <c r="B239" s="457"/>
      <c r="C239" s="457"/>
      <c r="D239" s="457"/>
      <c r="E239" s="457"/>
      <c r="F239" s="457"/>
      <c r="G239" s="457"/>
      <c r="H239" s="457"/>
      <c r="I239" s="457"/>
      <c r="J239" s="457"/>
      <c r="K239" s="457"/>
      <c r="L239" s="458"/>
      <c r="M239" s="457"/>
      <c r="N239" s="457"/>
      <c r="O239" s="457"/>
      <c r="P239" s="459"/>
      <c r="Q239" s="139"/>
      <c r="R239" s="138"/>
      <c r="S239" s="141"/>
      <c r="T239" s="64"/>
    </row>
    <row r="240" spans="1:258" s="67" customFormat="1" ht="75" customHeight="1" thickBot="1">
      <c r="A240" s="460"/>
      <c r="B240" s="461"/>
      <c r="C240" s="461"/>
      <c r="D240" s="461"/>
      <c r="E240" s="461"/>
      <c r="F240" s="461"/>
      <c r="G240" s="461"/>
      <c r="H240" s="461"/>
      <c r="I240" s="461"/>
      <c r="J240" s="461"/>
      <c r="K240" s="461"/>
      <c r="L240" s="462"/>
      <c r="M240" s="461"/>
      <c r="N240" s="461"/>
      <c r="O240" s="461"/>
      <c r="P240" s="463"/>
      <c r="Q240" s="139"/>
      <c r="R240" s="138"/>
      <c r="S240" s="141"/>
      <c r="T240" s="64"/>
    </row>
    <row r="241" spans="1:258" s="64" customFormat="1" ht="69.599999999999994" customHeight="1" thickBot="1">
      <c r="A241" s="436" t="s">
        <v>308</v>
      </c>
      <c r="B241" s="437"/>
      <c r="C241" s="437"/>
      <c r="D241" s="437"/>
      <c r="E241" s="437"/>
      <c r="F241" s="437"/>
      <c r="G241" s="437"/>
      <c r="H241" s="437"/>
      <c r="I241" s="437"/>
      <c r="J241" s="437"/>
      <c r="K241" s="437"/>
      <c r="L241" s="437"/>
      <c r="M241" s="437"/>
      <c r="N241" s="437"/>
      <c r="O241" s="437"/>
      <c r="P241" s="438"/>
      <c r="Q241" s="139"/>
      <c r="R241" s="138"/>
      <c r="S241" s="78"/>
      <c r="T241" s="76"/>
      <c r="U241" s="76"/>
      <c r="V241" s="76"/>
      <c r="W241" s="76"/>
      <c r="X241" s="77"/>
      <c r="Y241" s="77"/>
      <c r="Z241" s="77"/>
      <c r="AA241" s="77"/>
      <c r="AB241" s="77"/>
      <c r="AC241" s="77"/>
      <c r="AD241" s="77"/>
      <c r="AE241" s="77"/>
      <c r="AF241" s="77"/>
      <c r="AG241" s="77"/>
      <c r="AH241" s="77"/>
      <c r="AI241" s="77"/>
      <c r="AJ241" s="77"/>
      <c r="AK241" s="77"/>
      <c r="AL241" s="77"/>
      <c r="AM241" s="77"/>
      <c r="AN241" s="76"/>
      <c r="AO241" s="76"/>
      <c r="AP241" s="76"/>
      <c r="AQ241" s="76"/>
      <c r="AR241" s="76"/>
      <c r="AS241" s="76"/>
      <c r="AT241" s="76"/>
      <c r="AU241" s="76"/>
      <c r="AV241" s="76"/>
      <c r="AW241" s="76"/>
      <c r="AX241" s="76"/>
      <c r="AY241" s="76"/>
      <c r="AZ241" s="76"/>
      <c r="BA241" s="76"/>
      <c r="BB241" s="76"/>
      <c r="BC241" s="76"/>
      <c r="BD241" s="76"/>
    </row>
    <row r="242" spans="1:258" s="64" customFormat="1" ht="69.900000000000006" customHeight="1" thickBot="1">
      <c r="A242" s="443" t="s">
        <v>309</v>
      </c>
      <c r="B242" s="475"/>
      <c r="C242" s="475"/>
      <c r="D242" s="475"/>
      <c r="E242" s="475"/>
      <c r="F242" s="475"/>
      <c r="G242" s="475"/>
      <c r="H242" s="475"/>
      <c r="I242" s="475"/>
      <c r="J242" s="475"/>
      <c r="K242" s="475"/>
      <c r="L242" s="445"/>
      <c r="M242" s="475"/>
      <c r="N242" s="475"/>
      <c r="O242" s="475"/>
      <c r="P242" s="476"/>
      <c r="Q242" s="139"/>
      <c r="R242" s="138"/>
      <c r="S242" s="78"/>
      <c r="T242" s="76"/>
      <c r="U242" s="76"/>
      <c r="V242" s="76"/>
      <c r="W242" s="76"/>
      <c r="X242" s="76"/>
      <c r="Y242" s="76"/>
      <c r="Z242" s="76"/>
      <c r="AA242" s="76"/>
      <c r="AB242" s="76"/>
      <c r="AC242" s="76"/>
      <c r="AD242" s="76"/>
      <c r="AE242" s="76"/>
      <c r="AF242" s="76"/>
      <c r="AG242" s="76"/>
      <c r="AH242" s="76"/>
      <c r="AI242" s="76"/>
      <c r="AJ242" s="76"/>
      <c r="AK242" s="76"/>
      <c r="AL242" s="76"/>
      <c r="AM242" s="76"/>
      <c r="AN242" s="76"/>
      <c r="AO242" s="76"/>
      <c r="AP242" s="76"/>
      <c r="AQ242" s="76"/>
      <c r="AR242" s="76"/>
      <c r="AS242" s="76"/>
      <c r="AT242" s="76"/>
      <c r="AU242" s="76"/>
      <c r="AV242" s="76"/>
      <c r="AW242" s="76"/>
      <c r="AX242" s="76"/>
      <c r="AY242" s="76"/>
      <c r="AZ242" s="76"/>
      <c r="BA242" s="76"/>
      <c r="BB242" s="76"/>
      <c r="BC242" s="76"/>
      <c r="BD242" s="76"/>
    </row>
    <row r="243" spans="1:258" s="67" customFormat="1" ht="242.4" customHeight="1" thickTop="1" thickBot="1">
      <c r="A243" s="544" t="s">
        <v>310</v>
      </c>
      <c r="B243" s="649"/>
      <c r="C243" s="649"/>
      <c r="D243" s="649"/>
      <c r="E243" s="649"/>
      <c r="F243" s="649"/>
      <c r="G243" s="649"/>
      <c r="H243" s="649"/>
      <c r="I243" s="649"/>
      <c r="J243" s="649"/>
      <c r="K243" s="649"/>
      <c r="L243" s="546"/>
      <c r="M243" s="649"/>
      <c r="N243" s="650"/>
      <c r="O243" s="95" t="s">
        <v>20</v>
      </c>
      <c r="P243" s="96" t="s">
        <v>21</v>
      </c>
      <c r="Q243" s="139"/>
      <c r="R243" s="138"/>
      <c r="S243" s="137"/>
      <c r="T243" s="76"/>
      <c r="U243" s="77"/>
      <c r="V243" s="77"/>
      <c r="W243" s="77"/>
      <c r="X243" s="76"/>
      <c r="Y243" s="76"/>
      <c r="Z243" s="76"/>
      <c r="AA243" s="76"/>
      <c r="AB243" s="76"/>
      <c r="AC243" s="76"/>
      <c r="AD243" s="76"/>
      <c r="AE243" s="76"/>
      <c r="AF243" s="76"/>
      <c r="AG243" s="76"/>
      <c r="AH243" s="76"/>
      <c r="AI243" s="76"/>
      <c r="AJ243" s="76"/>
      <c r="AK243" s="76"/>
      <c r="AL243" s="76"/>
      <c r="AM243" s="76"/>
      <c r="AN243" s="77"/>
      <c r="AO243" s="77"/>
      <c r="AP243" s="77"/>
      <c r="AQ243" s="77"/>
      <c r="AR243" s="77"/>
      <c r="AS243" s="77"/>
      <c r="AT243" s="77"/>
      <c r="AU243" s="77"/>
      <c r="AV243" s="77"/>
      <c r="AW243" s="77"/>
      <c r="AX243" s="77"/>
      <c r="AY243" s="77"/>
      <c r="AZ243" s="77"/>
      <c r="BA243" s="77"/>
      <c r="BB243" s="77"/>
      <c r="BC243" s="77"/>
      <c r="BD243" s="77"/>
    </row>
    <row r="244" spans="1:258" s="64" customFormat="1" ht="69.900000000000006" customHeight="1" thickTop="1">
      <c r="A244" s="559" t="s">
        <v>25</v>
      </c>
      <c r="B244" s="606"/>
      <c r="C244" s="606"/>
      <c r="D244" s="606"/>
      <c r="E244" s="606"/>
      <c r="F244" s="606"/>
      <c r="G244" s="606"/>
      <c r="H244" s="606"/>
      <c r="I244" s="606"/>
      <c r="J244" s="606"/>
      <c r="K244" s="606"/>
      <c r="L244" s="376"/>
      <c r="M244" s="606"/>
      <c r="N244" s="606"/>
      <c r="O244" s="606"/>
      <c r="P244" s="637"/>
      <c r="Q244" s="122"/>
      <c r="R244" s="138"/>
      <c r="S244" s="162"/>
    </row>
    <row r="245" spans="1:258" s="67" customFormat="1" ht="75" customHeight="1">
      <c r="A245" s="456"/>
      <c r="B245" s="457"/>
      <c r="C245" s="457"/>
      <c r="D245" s="457"/>
      <c r="E245" s="457"/>
      <c r="F245" s="457"/>
      <c r="G245" s="457"/>
      <c r="H245" s="457"/>
      <c r="I245" s="457"/>
      <c r="J245" s="457"/>
      <c r="K245" s="457"/>
      <c r="L245" s="458"/>
      <c r="M245" s="457"/>
      <c r="N245" s="457"/>
      <c r="O245" s="457"/>
      <c r="P245" s="459"/>
      <c r="Q245" s="139"/>
      <c r="R245" s="138"/>
      <c r="S245" s="141"/>
      <c r="T245" s="64"/>
    </row>
    <row r="246" spans="1:258" s="67" customFormat="1" ht="75" customHeight="1" thickBot="1">
      <c r="A246" s="460"/>
      <c r="B246" s="461"/>
      <c r="C246" s="461"/>
      <c r="D246" s="461"/>
      <c r="E246" s="461"/>
      <c r="F246" s="461"/>
      <c r="G246" s="461"/>
      <c r="H246" s="461"/>
      <c r="I246" s="461"/>
      <c r="J246" s="461"/>
      <c r="K246" s="461"/>
      <c r="L246" s="462"/>
      <c r="M246" s="461"/>
      <c r="N246" s="461"/>
      <c r="O246" s="461"/>
      <c r="P246" s="463"/>
      <c r="Q246" s="139"/>
      <c r="R246" s="138"/>
      <c r="S246" s="141"/>
      <c r="T246" s="64"/>
    </row>
    <row r="247" spans="1:258" s="64" customFormat="1" ht="69.599999999999994" customHeight="1" thickBot="1">
      <c r="A247" s="651" t="s">
        <v>311</v>
      </c>
      <c r="B247" s="652"/>
      <c r="C247" s="652"/>
      <c r="D247" s="652"/>
      <c r="E247" s="652"/>
      <c r="F247" s="652"/>
      <c r="G247" s="652"/>
      <c r="H247" s="652"/>
      <c r="I247" s="652"/>
      <c r="J247" s="652"/>
      <c r="K247" s="652"/>
      <c r="L247" s="653"/>
      <c r="M247" s="652"/>
      <c r="N247" s="652"/>
      <c r="O247" s="652"/>
      <c r="P247" s="654"/>
      <c r="Q247" s="139"/>
      <c r="R247" s="138"/>
      <c r="S247" s="78"/>
      <c r="T247" s="76"/>
      <c r="U247" s="76"/>
      <c r="V247" s="76"/>
      <c r="W247" s="76"/>
      <c r="X247" s="77"/>
      <c r="Y247" s="77"/>
      <c r="Z247" s="77"/>
      <c r="AA247" s="77"/>
      <c r="AB247" s="77"/>
      <c r="AC247" s="77"/>
      <c r="AD247" s="77"/>
      <c r="AE247" s="77"/>
      <c r="AF247" s="77"/>
      <c r="AG247" s="77"/>
      <c r="AH247" s="77"/>
      <c r="AI247" s="77"/>
      <c r="AJ247" s="77"/>
      <c r="AK247" s="77"/>
      <c r="AL247" s="77"/>
      <c r="AM247" s="77"/>
      <c r="AN247" s="76"/>
      <c r="AO247" s="76"/>
      <c r="AP247" s="76"/>
      <c r="AQ247" s="76"/>
      <c r="AR247" s="76"/>
      <c r="AS247" s="76"/>
      <c r="AT247" s="76"/>
      <c r="AU247" s="76"/>
      <c r="AV247" s="76"/>
      <c r="AW247" s="76"/>
      <c r="AX247" s="76"/>
      <c r="AY247" s="76"/>
      <c r="AZ247" s="76"/>
      <c r="BA247" s="76"/>
      <c r="BB247" s="76"/>
      <c r="BC247" s="76"/>
      <c r="BD247" s="76"/>
    </row>
    <row r="248" spans="1:258" s="67" customFormat="1" ht="263.39999999999998" customHeight="1" thickTop="1" thickBot="1">
      <c r="A248" s="645" t="s">
        <v>312</v>
      </c>
      <c r="B248" s="646"/>
      <c r="C248" s="646"/>
      <c r="D248" s="646"/>
      <c r="E248" s="646"/>
      <c r="F248" s="646"/>
      <c r="G248" s="646"/>
      <c r="H248" s="646"/>
      <c r="I248" s="646"/>
      <c r="J248" s="646"/>
      <c r="K248" s="646"/>
      <c r="L248" s="646"/>
      <c r="M248" s="646"/>
      <c r="N248" s="647"/>
      <c r="O248" s="105" t="s">
        <v>20</v>
      </c>
      <c r="P248" s="140" t="s">
        <v>21</v>
      </c>
      <c r="Q248" s="139"/>
      <c r="R248" s="138"/>
      <c r="S248" s="137"/>
      <c r="T248" s="76"/>
      <c r="U248" s="77"/>
      <c r="V248" s="77"/>
      <c r="W248" s="77"/>
      <c r="X248" s="77"/>
      <c r="Y248" s="77"/>
      <c r="Z248" s="77"/>
      <c r="AA248" s="77"/>
      <c r="AB248" s="77"/>
      <c r="AC248" s="77"/>
      <c r="AD248" s="77"/>
      <c r="AE248" s="77"/>
      <c r="AF248" s="77"/>
      <c r="AG248" s="77"/>
      <c r="AH248" s="77"/>
      <c r="AI248" s="77"/>
      <c r="AJ248" s="77"/>
      <c r="AK248" s="77"/>
      <c r="AL248" s="77"/>
      <c r="AM248" s="77"/>
      <c r="AN248" s="77"/>
      <c r="AO248" s="77"/>
      <c r="AP248" s="77"/>
      <c r="AQ248" s="77"/>
      <c r="AR248" s="77"/>
      <c r="AS248" s="77"/>
      <c r="AT248" s="77"/>
      <c r="AU248" s="77"/>
      <c r="AV248" s="77"/>
      <c r="AW248" s="77"/>
      <c r="AX248" s="77"/>
      <c r="AY248" s="77"/>
      <c r="AZ248" s="77"/>
      <c r="BA248" s="77"/>
      <c r="BB248" s="77"/>
      <c r="BC248" s="77"/>
      <c r="BD248" s="77"/>
    </row>
    <row r="249" spans="1:258" s="67" customFormat="1" ht="201.6" customHeight="1" thickTop="1" thickBot="1">
      <c r="A249" s="448" t="s">
        <v>313</v>
      </c>
      <c r="B249" s="295"/>
      <c r="C249" s="295"/>
      <c r="D249" s="295"/>
      <c r="E249" s="295"/>
      <c r="F249" s="295"/>
      <c r="G249" s="295"/>
      <c r="H249" s="295"/>
      <c r="I249" s="295"/>
      <c r="J249" s="295"/>
      <c r="K249" s="295"/>
      <c r="L249" s="295"/>
      <c r="M249" s="295"/>
      <c r="N249" s="648"/>
      <c r="O249" s="73" t="s">
        <v>20</v>
      </c>
      <c r="P249" s="74" t="s">
        <v>21</v>
      </c>
      <c r="Q249" s="139"/>
      <c r="R249" s="138"/>
      <c r="S249" s="137"/>
      <c r="T249" s="76"/>
      <c r="U249" s="77"/>
      <c r="V249" s="77"/>
      <c r="W249" s="77"/>
      <c r="X249" s="77"/>
      <c r="Y249" s="77"/>
      <c r="Z249" s="77"/>
      <c r="AA249" s="77"/>
      <c r="AB249" s="77"/>
      <c r="AC249" s="77"/>
      <c r="AD249" s="77"/>
      <c r="AE249" s="77"/>
      <c r="AF249" s="77"/>
      <c r="AG249" s="77"/>
      <c r="AH249" s="77"/>
      <c r="AI249" s="77"/>
      <c r="AJ249" s="77"/>
      <c r="AK249" s="77"/>
      <c r="AL249" s="77"/>
      <c r="AM249" s="77"/>
      <c r="AN249" s="77"/>
      <c r="AO249" s="77"/>
      <c r="AP249" s="77"/>
      <c r="AQ249" s="77"/>
      <c r="AR249" s="77"/>
      <c r="AS249" s="77"/>
      <c r="AT249" s="77"/>
      <c r="AU249" s="77"/>
      <c r="AV249" s="77"/>
      <c r="AW249" s="77"/>
      <c r="AX249" s="77"/>
      <c r="AY249" s="77"/>
      <c r="AZ249" s="77"/>
      <c r="BA249" s="77"/>
      <c r="BB249" s="77"/>
      <c r="BC249" s="77"/>
      <c r="BD249" s="77"/>
    </row>
    <row r="250" spans="1:258" s="64" customFormat="1" ht="69.599999999999994" customHeight="1" thickTop="1">
      <c r="A250" s="503" t="s">
        <v>52</v>
      </c>
      <c r="B250" s="577"/>
      <c r="C250" s="577"/>
      <c r="D250" s="577"/>
      <c r="E250" s="577"/>
      <c r="F250" s="577"/>
      <c r="G250" s="577"/>
      <c r="H250" s="577"/>
      <c r="I250" s="577"/>
      <c r="J250" s="577"/>
      <c r="K250" s="577"/>
      <c r="L250" s="505"/>
      <c r="M250" s="577"/>
      <c r="N250" s="577"/>
      <c r="O250" s="577"/>
      <c r="P250" s="578"/>
      <c r="Q250" s="122"/>
      <c r="R250" s="138"/>
      <c r="S250" s="162"/>
    </row>
    <row r="251" spans="1:258" s="64" customFormat="1" ht="69.599999999999994" customHeight="1">
      <c r="A251" s="507" t="s">
        <v>314</v>
      </c>
      <c r="B251" s="508"/>
      <c r="C251" s="508"/>
      <c r="D251" s="508"/>
      <c r="E251" s="508"/>
      <c r="F251" s="508"/>
      <c r="G251" s="508"/>
      <c r="H251" s="508"/>
      <c r="I251" s="508"/>
      <c r="J251" s="508"/>
      <c r="K251" s="508"/>
      <c r="L251" s="508"/>
      <c r="M251" s="508"/>
      <c r="N251" s="508"/>
      <c r="O251" s="508"/>
      <c r="P251" s="509"/>
      <c r="Q251" s="161"/>
      <c r="R251" s="133"/>
      <c r="S251" s="162"/>
      <c r="T251" s="52"/>
      <c r="U251" s="52"/>
      <c r="V251" s="52"/>
      <c r="W251" s="52"/>
      <c r="X251" s="52"/>
      <c r="Y251" s="52"/>
      <c r="Z251" s="52"/>
      <c r="AA251" s="52"/>
      <c r="AB251" s="52"/>
      <c r="AC251" s="52"/>
      <c r="AD251" s="52"/>
      <c r="AE251" s="52"/>
      <c r="AF251" s="52"/>
      <c r="AG251" s="52"/>
      <c r="AH251" s="52"/>
      <c r="AI251" s="52"/>
      <c r="AJ251" s="52"/>
      <c r="AK251" s="52"/>
      <c r="AL251" s="52"/>
      <c r="AM251" s="52"/>
      <c r="AN251" s="52"/>
      <c r="AO251" s="52"/>
      <c r="AP251" s="52"/>
      <c r="AQ251" s="52"/>
      <c r="AR251" s="52"/>
      <c r="AS251" s="52"/>
      <c r="AT251" s="52"/>
      <c r="AU251" s="52"/>
      <c r="AV251" s="52"/>
      <c r="AW251" s="52"/>
      <c r="AX251" s="52"/>
      <c r="AY251" s="52"/>
      <c r="AZ251" s="52"/>
      <c r="BA251" s="52"/>
      <c r="BB251" s="52"/>
      <c r="BC251" s="52"/>
      <c r="BD251" s="52"/>
      <c r="BE251" s="52"/>
      <c r="BF251" s="52"/>
      <c r="BG251" s="52"/>
      <c r="BH251" s="52"/>
      <c r="BI251" s="52"/>
      <c r="BJ251" s="52"/>
      <c r="BK251" s="52"/>
      <c r="BL251" s="52"/>
      <c r="BM251" s="52"/>
      <c r="BN251" s="52"/>
      <c r="BO251" s="52"/>
      <c r="BP251" s="52"/>
      <c r="BQ251" s="52"/>
      <c r="BR251" s="52"/>
      <c r="BS251" s="52"/>
      <c r="BT251" s="52"/>
      <c r="BU251" s="52"/>
      <c r="BV251" s="52"/>
      <c r="BW251" s="52"/>
      <c r="BX251" s="52"/>
      <c r="BY251" s="52"/>
      <c r="BZ251" s="52"/>
      <c r="CA251" s="52"/>
      <c r="CB251" s="52"/>
      <c r="CC251" s="52"/>
      <c r="CD251" s="52"/>
      <c r="CE251" s="52"/>
      <c r="CF251" s="52"/>
      <c r="CG251" s="52"/>
      <c r="CH251" s="52"/>
      <c r="CI251" s="52"/>
      <c r="CJ251" s="52"/>
      <c r="CK251" s="52"/>
      <c r="CL251" s="52"/>
      <c r="CM251" s="52"/>
      <c r="CN251" s="52"/>
      <c r="CO251" s="52"/>
      <c r="CP251" s="52"/>
      <c r="CQ251" s="52"/>
      <c r="CR251" s="52"/>
      <c r="CS251" s="52"/>
      <c r="CT251" s="52"/>
      <c r="CU251" s="52"/>
      <c r="CV251" s="52"/>
      <c r="CW251" s="52"/>
      <c r="CX251" s="52"/>
      <c r="CY251" s="52"/>
      <c r="CZ251" s="52"/>
      <c r="DA251" s="52"/>
      <c r="DB251" s="52"/>
      <c r="DC251" s="52"/>
      <c r="DD251" s="52"/>
      <c r="DE251" s="52"/>
      <c r="DF251" s="52"/>
      <c r="DG251" s="52"/>
      <c r="DH251" s="52"/>
      <c r="DI251" s="52"/>
      <c r="DJ251" s="52"/>
      <c r="DK251" s="52"/>
      <c r="DL251" s="52"/>
      <c r="DM251" s="52"/>
      <c r="DN251" s="52"/>
      <c r="DO251" s="52"/>
      <c r="DP251" s="52"/>
      <c r="DQ251" s="52"/>
      <c r="DR251" s="52"/>
      <c r="DS251" s="52"/>
      <c r="DT251" s="52"/>
      <c r="DU251" s="52"/>
      <c r="DV251" s="52"/>
      <c r="DW251" s="52"/>
      <c r="DX251" s="52"/>
      <c r="DY251" s="52"/>
      <c r="DZ251" s="52"/>
      <c r="EA251" s="52"/>
      <c r="EB251" s="52"/>
      <c r="EC251" s="52"/>
      <c r="ED251" s="52"/>
      <c r="EE251" s="52"/>
      <c r="EF251" s="52"/>
      <c r="EG251" s="52"/>
      <c r="EH251" s="52"/>
      <c r="EI251" s="52"/>
      <c r="EJ251" s="52"/>
      <c r="EK251" s="52"/>
      <c r="EL251" s="52"/>
      <c r="EM251" s="52"/>
      <c r="EN251" s="52"/>
      <c r="EO251" s="52"/>
      <c r="EP251" s="52"/>
      <c r="EQ251" s="52"/>
      <c r="ER251" s="52"/>
      <c r="ES251" s="52"/>
      <c r="ET251" s="52"/>
      <c r="EU251" s="52"/>
      <c r="EV251" s="52"/>
      <c r="EW251" s="52"/>
      <c r="EX251" s="52"/>
      <c r="EY251" s="52"/>
      <c r="EZ251" s="52"/>
      <c r="FA251" s="52"/>
      <c r="FB251" s="52"/>
      <c r="FC251" s="52"/>
      <c r="FD251" s="52"/>
      <c r="FE251" s="52"/>
      <c r="FF251" s="52"/>
      <c r="FG251" s="52"/>
      <c r="FH251" s="52"/>
      <c r="FI251" s="52"/>
      <c r="FJ251" s="52"/>
      <c r="FK251" s="52"/>
      <c r="FL251" s="52"/>
      <c r="FM251" s="52"/>
      <c r="FN251" s="52"/>
      <c r="FO251" s="52"/>
      <c r="FP251" s="52"/>
      <c r="FQ251" s="52"/>
      <c r="FR251" s="52"/>
      <c r="FS251" s="52"/>
      <c r="FT251" s="52"/>
      <c r="FU251" s="52"/>
      <c r="FV251" s="52"/>
      <c r="FW251" s="52"/>
      <c r="FX251" s="52"/>
      <c r="FY251" s="52"/>
      <c r="FZ251" s="52"/>
      <c r="GA251" s="52"/>
      <c r="GB251" s="52"/>
      <c r="GC251" s="52"/>
      <c r="GD251" s="52"/>
      <c r="GE251" s="52"/>
      <c r="GF251" s="52"/>
      <c r="GG251" s="52"/>
      <c r="GH251" s="52"/>
      <c r="GI251" s="52"/>
      <c r="GJ251" s="52"/>
      <c r="GK251" s="52"/>
      <c r="GL251" s="52"/>
      <c r="GM251" s="52"/>
      <c r="GN251" s="52"/>
      <c r="GO251" s="52"/>
      <c r="GP251" s="52"/>
      <c r="GQ251" s="52"/>
      <c r="GR251" s="52"/>
      <c r="GS251" s="52"/>
      <c r="GT251" s="52"/>
      <c r="GU251" s="52"/>
      <c r="GV251" s="52"/>
      <c r="GW251" s="52"/>
      <c r="GX251" s="52"/>
      <c r="GY251" s="52"/>
      <c r="GZ251" s="52"/>
      <c r="HA251" s="52"/>
      <c r="HB251" s="52"/>
      <c r="HC251" s="52"/>
      <c r="HD251" s="52"/>
      <c r="HE251" s="52"/>
      <c r="HF251" s="52"/>
      <c r="HG251" s="52"/>
      <c r="HH251" s="52"/>
      <c r="HI251" s="52"/>
      <c r="HJ251" s="52"/>
      <c r="HK251" s="52"/>
      <c r="HL251" s="52"/>
      <c r="HM251" s="52"/>
      <c r="HN251" s="52"/>
      <c r="HO251" s="52"/>
      <c r="HP251" s="52"/>
      <c r="HQ251" s="52"/>
      <c r="HR251" s="52"/>
      <c r="HS251" s="52"/>
      <c r="HT251" s="52"/>
      <c r="HU251" s="52"/>
      <c r="HV251" s="52"/>
      <c r="HW251" s="52"/>
      <c r="HX251" s="52"/>
      <c r="HY251" s="52"/>
      <c r="HZ251" s="52"/>
      <c r="IA251" s="52"/>
      <c r="IB251" s="52"/>
      <c r="IC251" s="52"/>
      <c r="ID251" s="52"/>
      <c r="IE251" s="52"/>
      <c r="IF251" s="52"/>
      <c r="IG251" s="52"/>
      <c r="IH251" s="52"/>
      <c r="II251" s="52"/>
      <c r="IJ251" s="52"/>
      <c r="IK251" s="52"/>
      <c r="IL251" s="52"/>
      <c r="IM251" s="52"/>
      <c r="IN251" s="52"/>
      <c r="IO251" s="52"/>
      <c r="IP251" s="52"/>
      <c r="IQ251" s="52"/>
      <c r="IR251" s="52"/>
      <c r="IS251" s="52"/>
      <c r="IT251" s="52"/>
      <c r="IU251" s="52"/>
      <c r="IV251" s="52"/>
      <c r="IW251" s="52"/>
      <c r="IX251" s="52"/>
    </row>
    <row r="252" spans="1:258" s="67" customFormat="1" ht="69.599999999999994" customHeight="1">
      <c r="A252" s="553" t="s">
        <v>315</v>
      </c>
      <c r="B252" s="554"/>
      <c r="C252" s="554"/>
      <c r="D252" s="554"/>
      <c r="E252" s="554"/>
      <c r="F252" s="554"/>
      <c r="G252" s="554"/>
      <c r="H252" s="554"/>
      <c r="I252" s="554"/>
      <c r="J252" s="554"/>
      <c r="K252" s="554"/>
      <c r="L252" s="554"/>
      <c r="M252" s="554"/>
      <c r="N252" s="554"/>
      <c r="O252" s="554"/>
      <c r="P252" s="555"/>
      <c r="Q252" s="139"/>
      <c r="R252" s="138"/>
      <c r="S252" s="78"/>
      <c r="T252" s="76"/>
      <c r="U252" s="77"/>
      <c r="V252" s="77"/>
      <c r="W252" s="77"/>
      <c r="X252" s="77"/>
      <c r="Y252" s="77"/>
      <c r="Z252" s="77"/>
      <c r="AA252" s="77"/>
      <c r="AB252" s="77"/>
      <c r="AC252" s="77"/>
      <c r="AD252" s="77"/>
      <c r="AE252" s="77"/>
      <c r="AF252" s="77"/>
      <c r="AG252" s="77"/>
      <c r="AH252" s="77"/>
      <c r="AI252" s="77"/>
      <c r="AJ252" s="77"/>
      <c r="AK252" s="77"/>
      <c r="AL252" s="77"/>
      <c r="AM252" s="77"/>
      <c r="AN252" s="77"/>
      <c r="AO252" s="77"/>
      <c r="AP252" s="77"/>
      <c r="AQ252" s="77"/>
      <c r="AR252" s="77"/>
      <c r="AS252" s="77"/>
      <c r="AT252" s="77"/>
      <c r="AU252" s="77"/>
      <c r="AV252" s="77"/>
      <c r="AW252" s="77"/>
      <c r="AX252" s="77"/>
      <c r="AY252" s="77"/>
      <c r="AZ252" s="77"/>
      <c r="BA252" s="77"/>
      <c r="BB252" s="77"/>
      <c r="BC252" s="77"/>
      <c r="BD252" s="77"/>
    </row>
    <row r="253" spans="1:258" s="67" customFormat="1" ht="69.599999999999994" customHeight="1">
      <c r="A253" s="556" t="s">
        <v>85</v>
      </c>
      <c r="B253" s="557"/>
      <c r="C253" s="557"/>
      <c r="D253" s="557"/>
      <c r="E253" s="557"/>
      <c r="F253" s="557"/>
      <c r="G253" s="557"/>
      <c r="H253" s="557"/>
      <c r="I253" s="557"/>
      <c r="J253" s="557"/>
      <c r="K253" s="557"/>
      <c r="L253" s="557"/>
      <c r="M253" s="557"/>
      <c r="N253" s="557"/>
      <c r="O253" s="557"/>
      <c r="P253" s="558"/>
      <c r="Q253" s="139"/>
      <c r="R253" s="138"/>
      <c r="S253" s="78"/>
      <c r="T253" s="76"/>
      <c r="U253" s="77"/>
      <c r="V253" s="77"/>
      <c r="W253" s="77"/>
      <c r="X253" s="77"/>
      <c r="Y253" s="77"/>
      <c r="Z253" s="77"/>
      <c r="AA253" s="77"/>
      <c r="AB253" s="77"/>
      <c r="AC253" s="77"/>
      <c r="AD253" s="77"/>
      <c r="AE253" s="77"/>
      <c r="AF253" s="77"/>
      <c r="AG253" s="77"/>
      <c r="AH253" s="77"/>
      <c r="AI253" s="77"/>
      <c r="AJ253" s="77"/>
      <c r="AK253" s="77"/>
      <c r="AL253" s="77"/>
      <c r="AM253" s="77"/>
      <c r="AN253" s="77"/>
      <c r="AO253" s="77"/>
      <c r="AP253" s="77"/>
      <c r="AQ253" s="77"/>
      <c r="AR253" s="77"/>
      <c r="AS253" s="77"/>
      <c r="AT253" s="77"/>
      <c r="AU253" s="77"/>
      <c r="AV253" s="77"/>
      <c r="AW253" s="77"/>
      <c r="AX253" s="77"/>
      <c r="AY253" s="77"/>
      <c r="AZ253" s="77"/>
      <c r="BA253" s="77"/>
      <c r="BB253" s="77"/>
      <c r="BC253" s="77"/>
      <c r="BD253" s="77"/>
    </row>
    <row r="254" spans="1:258" s="67" customFormat="1" ht="69" customHeight="1" thickBot="1">
      <c r="A254" s="655" t="s">
        <v>316</v>
      </c>
      <c r="B254" s="656"/>
      <c r="C254" s="656"/>
      <c r="D254" s="656"/>
      <c r="E254" s="656"/>
      <c r="F254" s="656"/>
      <c r="G254" s="656"/>
      <c r="H254" s="656"/>
      <c r="I254" s="656"/>
      <c r="J254" s="656"/>
      <c r="K254" s="657"/>
      <c r="L254" s="106"/>
      <c r="M254" s="106"/>
      <c r="N254" s="106"/>
      <c r="O254" s="106"/>
      <c r="P254" s="107"/>
      <c r="Q254" s="139"/>
      <c r="R254" s="138"/>
      <c r="S254" s="91"/>
      <c r="T254" s="92"/>
      <c r="U254" s="93"/>
      <c r="V254" s="93"/>
      <c r="W254" s="93"/>
      <c r="X254" s="93"/>
      <c r="Y254" s="93"/>
      <c r="Z254" s="93"/>
      <c r="AA254" s="93"/>
      <c r="AB254" s="93"/>
      <c r="AC254" s="93"/>
      <c r="AD254" s="93"/>
      <c r="AE254" s="93"/>
      <c r="AF254" s="93"/>
      <c r="AG254" s="93"/>
      <c r="AH254" s="93"/>
      <c r="AI254" s="93"/>
      <c r="AJ254" s="93"/>
      <c r="AK254" s="93"/>
      <c r="AL254" s="93"/>
      <c r="AM254" s="93"/>
      <c r="AN254" s="93"/>
      <c r="AO254" s="93"/>
      <c r="AP254" s="93"/>
      <c r="AQ254" s="93"/>
      <c r="AR254" s="93"/>
      <c r="AS254" s="93"/>
      <c r="AT254" s="93"/>
      <c r="AU254" s="93"/>
      <c r="AV254" s="93"/>
      <c r="AW254" s="93"/>
      <c r="AX254" s="93"/>
      <c r="AY254" s="93"/>
      <c r="AZ254" s="93"/>
      <c r="BA254" s="93"/>
      <c r="BB254" s="93"/>
      <c r="BC254" s="93"/>
      <c r="BD254" s="93"/>
    </row>
    <row r="255" spans="1:258" s="67" customFormat="1" ht="201.6" customHeight="1" thickTop="1" thickBot="1">
      <c r="A255" s="448" t="s">
        <v>317</v>
      </c>
      <c r="B255" s="295"/>
      <c r="C255" s="295"/>
      <c r="D255" s="295"/>
      <c r="E255" s="295"/>
      <c r="F255" s="295"/>
      <c r="G255" s="295"/>
      <c r="H255" s="295"/>
      <c r="I255" s="295"/>
      <c r="J255" s="295"/>
      <c r="K255" s="295"/>
      <c r="L255" s="295"/>
      <c r="M255" s="295"/>
      <c r="N255" s="648"/>
      <c r="O255" s="73" t="s">
        <v>20</v>
      </c>
      <c r="P255" s="74" t="s">
        <v>21</v>
      </c>
      <c r="Q255" s="139"/>
      <c r="R255" s="138"/>
      <c r="S255" s="137"/>
      <c r="T255" s="76"/>
      <c r="U255" s="77"/>
      <c r="V255" s="77"/>
      <c r="W255" s="77"/>
      <c r="X255" s="77"/>
      <c r="Y255" s="77"/>
      <c r="Z255" s="77"/>
      <c r="AA255" s="77"/>
      <c r="AB255" s="77"/>
      <c r="AC255" s="77"/>
      <c r="AD255" s="77"/>
      <c r="AE255" s="77"/>
      <c r="AF255" s="77"/>
      <c r="AG255" s="77"/>
      <c r="AH255" s="77"/>
      <c r="AI255" s="77"/>
      <c r="AJ255" s="77"/>
      <c r="AK255" s="77"/>
      <c r="AL255" s="77"/>
      <c r="AM255" s="77"/>
      <c r="AN255" s="77"/>
      <c r="AO255" s="77"/>
      <c r="AP255" s="77"/>
      <c r="AQ255" s="77"/>
      <c r="AR255" s="77"/>
      <c r="AS255" s="77"/>
      <c r="AT255" s="77"/>
      <c r="AU255" s="77"/>
      <c r="AV255" s="77"/>
      <c r="AW255" s="77"/>
      <c r="AX255" s="77"/>
      <c r="AY255" s="77"/>
      <c r="AZ255" s="77"/>
      <c r="BA255" s="77"/>
      <c r="BB255" s="77"/>
      <c r="BC255" s="77"/>
      <c r="BD255" s="77"/>
    </row>
    <row r="256" spans="1:258" s="64" customFormat="1" ht="69.599999999999994" customHeight="1" thickTop="1">
      <c r="A256" s="503" t="s">
        <v>52</v>
      </c>
      <c r="B256" s="577"/>
      <c r="C256" s="577"/>
      <c r="D256" s="577"/>
      <c r="E256" s="577"/>
      <c r="F256" s="577"/>
      <c r="G256" s="577"/>
      <c r="H256" s="577"/>
      <c r="I256" s="577"/>
      <c r="J256" s="577"/>
      <c r="K256" s="577"/>
      <c r="L256" s="505"/>
      <c r="M256" s="577"/>
      <c r="N256" s="577"/>
      <c r="O256" s="577"/>
      <c r="P256" s="578"/>
      <c r="Q256" s="122"/>
      <c r="R256" s="138"/>
      <c r="S256" s="162"/>
    </row>
    <row r="257" spans="1:258" s="64" customFormat="1" ht="69.599999999999994" customHeight="1">
      <c r="A257" s="507" t="s">
        <v>64</v>
      </c>
      <c r="B257" s="508"/>
      <c r="C257" s="508"/>
      <c r="D257" s="508"/>
      <c r="E257" s="508"/>
      <c r="F257" s="508"/>
      <c r="G257" s="508"/>
      <c r="H257" s="508"/>
      <c r="I257" s="508"/>
      <c r="J257" s="508"/>
      <c r="K257" s="508"/>
      <c r="L257" s="508"/>
      <c r="M257" s="508"/>
      <c r="N257" s="508"/>
      <c r="O257" s="508"/>
      <c r="P257" s="509"/>
      <c r="Q257" s="161"/>
      <c r="R257" s="133"/>
      <c r="S257" s="162"/>
      <c r="T257" s="52"/>
      <c r="U257" s="52"/>
      <c r="V257" s="52"/>
      <c r="W257" s="52"/>
      <c r="X257" s="52"/>
      <c r="Y257" s="52"/>
      <c r="Z257" s="52"/>
      <c r="AA257" s="52"/>
      <c r="AB257" s="52"/>
      <c r="AC257" s="52"/>
      <c r="AD257" s="52"/>
      <c r="AE257" s="52"/>
      <c r="AF257" s="52"/>
      <c r="AG257" s="52"/>
      <c r="AH257" s="52"/>
      <c r="AI257" s="52"/>
      <c r="AJ257" s="52"/>
      <c r="AK257" s="52"/>
      <c r="AL257" s="52"/>
      <c r="AM257" s="52"/>
      <c r="AN257" s="52"/>
      <c r="AO257" s="52"/>
      <c r="AP257" s="52"/>
      <c r="AQ257" s="52"/>
      <c r="AR257" s="52"/>
      <c r="AS257" s="52"/>
      <c r="AT257" s="52"/>
      <c r="AU257" s="52"/>
      <c r="AV257" s="52"/>
      <c r="AW257" s="52"/>
      <c r="AX257" s="52"/>
      <c r="AY257" s="52"/>
      <c r="AZ257" s="52"/>
      <c r="BA257" s="52"/>
      <c r="BB257" s="52"/>
      <c r="BC257" s="52"/>
      <c r="BD257" s="52"/>
      <c r="BE257" s="52"/>
      <c r="BF257" s="52"/>
      <c r="BG257" s="52"/>
      <c r="BH257" s="52"/>
      <c r="BI257" s="52"/>
      <c r="BJ257" s="52"/>
      <c r="BK257" s="52"/>
      <c r="BL257" s="52"/>
      <c r="BM257" s="52"/>
      <c r="BN257" s="52"/>
      <c r="BO257" s="52"/>
      <c r="BP257" s="52"/>
      <c r="BQ257" s="52"/>
      <c r="BR257" s="52"/>
      <c r="BS257" s="52"/>
      <c r="BT257" s="52"/>
      <c r="BU257" s="52"/>
      <c r="BV257" s="52"/>
      <c r="BW257" s="52"/>
      <c r="BX257" s="52"/>
      <c r="BY257" s="52"/>
      <c r="BZ257" s="52"/>
      <c r="CA257" s="52"/>
      <c r="CB257" s="52"/>
      <c r="CC257" s="52"/>
      <c r="CD257" s="52"/>
      <c r="CE257" s="52"/>
      <c r="CF257" s="52"/>
      <c r="CG257" s="52"/>
      <c r="CH257" s="52"/>
      <c r="CI257" s="52"/>
      <c r="CJ257" s="52"/>
      <c r="CK257" s="52"/>
      <c r="CL257" s="52"/>
      <c r="CM257" s="52"/>
      <c r="CN257" s="52"/>
      <c r="CO257" s="52"/>
      <c r="CP257" s="52"/>
      <c r="CQ257" s="52"/>
      <c r="CR257" s="52"/>
      <c r="CS257" s="52"/>
      <c r="CT257" s="52"/>
      <c r="CU257" s="52"/>
      <c r="CV257" s="52"/>
      <c r="CW257" s="52"/>
      <c r="CX257" s="52"/>
      <c r="CY257" s="52"/>
      <c r="CZ257" s="52"/>
      <c r="DA257" s="52"/>
      <c r="DB257" s="52"/>
      <c r="DC257" s="52"/>
      <c r="DD257" s="52"/>
      <c r="DE257" s="52"/>
      <c r="DF257" s="52"/>
      <c r="DG257" s="52"/>
      <c r="DH257" s="52"/>
      <c r="DI257" s="52"/>
      <c r="DJ257" s="52"/>
      <c r="DK257" s="52"/>
      <c r="DL257" s="52"/>
      <c r="DM257" s="52"/>
      <c r="DN257" s="52"/>
      <c r="DO257" s="52"/>
      <c r="DP257" s="52"/>
      <c r="DQ257" s="52"/>
      <c r="DR257" s="52"/>
      <c r="DS257" s="52"/>
      <c r="DT257" s="52"/>
      <c r="DU257" s="52"/>
      <c r="DV257" s="52"/>
      <c r="DW257" s="52"/>
      <c r="DX257" s="52"/>
      <c r="DY257" s="52"/>
      <c r="DZ257" s="52"/>
      <c r="EA257" s="52"/>
      <c r="EB257" s="52"/>
      <c r="EC257" s="52"/>
      <c r="ED257" s="52"/>
      <c r="EE257" s="52"/>
      <c r="EF257" s="52"/>
      <c r="EG257" s="52"/>
      <c r="EH257" s="52"/>
      <c r="EI257" s="52"/>
      <c r="EJ257" s="52"/>
      <c r="EK257" s="52"/>
      <c r="EL257" s="52"/>
      <c r="EM257" s="52"/>
      <c r="EN257" s="52"/>
      <c r="EO257" s="52"/>
      <c r="EP257" s="52"/>
      <c r="EQ257" s="52"/>
      <c r="ER257" s="52"/>
      <c r="ES257" s="52"/>
      <c r="ET257" s="52"/>
      <c r="EU257" s="52"/>
      <c r="EV257" s="52"/>
      <c r="EW257" s="52"/>
      <c r="EX257" s="52"/>
      <c r="EY257" s="52"/>
      <c r="EZ257" s="52"/>
      <c r="FA257" s="52"/>
      <c r="FB257" s="52"/>
      <c r="FC257" s="52"/>
      <c r="FD257" s="52"/>
      <c r="FE257" s="52"/>
      <c r="FF257" s="52"/>
      <c r="FG257" s="52"/>
      <c r="FH257" s="52"/>
      <c r="FI257" s="52"/>
      <c r="FJ257" s="52"/>
      <c r="FK257" s="52"/>
      <c r="FL257" s="52"/>
      <c r="FM257" s="52"/>
      <c r="FN257" s="52"/>
      <c r="FO257" s="52"/>
      <c r="FP257" s="52"/>
      <c r="FQ257" s="52"/>
      <c r="FR257" s="52"/>
      <c r="FS257" s="52"/>
      <c r="FT257" s="52"/>
      <c r="FU257" s="52"/>
      <c r="FV257" s="52"/>
      <c r="FW257" s="52"/>
      <c r="FX257" s="52"/>
      <c r="FY257" s="52"/>
      <c r="FZ257" s="52"/>
      <c r="GA257" s="52"/>
      <c r="GB257" s="52"/>
      <c r="GC257" s="52"/>
      <c r="GD257" s="52"/>
      <c r="GE257" s="52"/>
      <c r="GF257" s="52"/>
      <c r="GG257" s="52"/>
      <c r="GH257" s="52"/>
      <c r="GI257" s="52"/>
      <c r="GJ257" s="52"/>
      <c r="GK257" s="52"/>
      <c r="GL257" s="52"/>
      <c r="GM257" s="52"/>
      <c r="GN257" s="52"/>
      <c r="GO257" s="52"/>
      <c r="GP257" s="52"/>
      <c r="GQ257" s="52"/>
      <c r="GR257" s="52"/>
      <c r="GS257" s="52"/>
      <c r="GT257" s="52"/>
      <c r="GU257" s="52"/>
      <c r="GV257" s="52"/>
      <c r="GW257" s="52"/>
      <c r="GX257" s="52"/>
      <c r="GY257" s="52"/>
      <c r="GZ257" s="52"/>
      <c r="HA257" s="52"/>
      <c r="HB257" s="52"/>
      <c r="HC257" s="52"/>
      <c r="HD257" s="52"/>
      <c r="HE257" s="52"/>
      <c r="HF257" s="52"/>
      <c r="HG257" s="52"/>
      <c r="HH257" s="52"/>
      <c r="HI257" s="52"/>
      <c r="HJ257" s="52"/>
      <c r="HK257" s="52"/>
      <c r="HL257" s="52"/>
      <c r="HM257" s="52"/>
      <c r="HN257" s="52"/>
      <c r="HO257" s="52"/>
      <c r="HP257" s="52"/>
      <c r="HQ257" s="52"/>
      <c r="HR257" s="52"/>
      <c r="HS257" s="52"/>
      <c r="HT257" s="52"/>
      <c r="HU257" s="52"/>
      <c r="HV257" s="52"/>
      <c r="HW257" s="52"/>
      <c r="HX257" s="52"/>
      <c r="HY257" s="52"/>
      <c r="HZ257" s="52"/>
      <c r="IA257" s="52"/>
      <c r="IB257" s="52"/>
      <c r="IC257" s="52"/>
      <c r="ID257" s="52"/>
      <c r="IE257" s="52"/>
      <c r="IF257" s="52"/>
      <c r="IG257" s="52"/>
      <c r="IH257" s="52"/>
      <c r="II257" s="52"/>
      <c r="IJ257" s="52"/>
      <c r="IK257" s="52"/>
      <c r="IL257" s="52"/>
      <c r="IM257" s="52"/>
      <c r="IN257" s="52"/>
      <c r="IO257" s="52"/>
      <c r="IP257" s="52"/>
      <c r="IQ257" s="52"/>
      <c r="IR257" s="52"/>
      <c r="IS257" s="52"/>
      <c r="IT257" s="52"/>
      <c r="IU257" s="52"/>
      <c r="IV257" s="52"/>
      <c r="IW257" s="52"/>
      <c r="IX257" s="52"/>
    </row>
    <row r="258" spans="1:258" s="67" customFormat="1" ht="69.599999999999994" customHeight="1">
      <c r="A258" s="658" t="s">
        <v>318</v>
      </c>
      <c r="B258" s="659"/>
      <c r="C258" s="659"/>
      <c r="D258" s="659"/>
      <c r="E258" s="659"/>
      <c r="F258" s="659"/>
      <c r="G258" s="659"/>
      <c r="H258" s="659"/>
      <c r="I258" s="659"/>
      <c r="J258" s="659"/>
      <c r="K258" s="659"/>
      <c r="L258" s="659"/>
      <c r="M258" s="659"/>
      <c r="N258" s="659"/>
      <c r="O258" s="659"/>
      <c r="P258" s="660"/>
      <c r="Q258" s="139"/>
      <c r="R258" s="138"/>
      <c r="S258" s="78"/>
      <c r="T258" s="104"/>
      <c r="U258" s="77"/>
      <c r="V258" s="77"/>
      <c r="W258" s="77"/>
      <c r="X258" s="77"/>
      <c r="Y258" s="77"/>
      <c r="Z258" s="77"/>
      <c r="AA258" s="77"/>
      <c r="AB258" s="77"/>
      <c r="AC258" s="77"/>
      <c r="AD258" s="77"/>
      <c r="AE258" s="77"/>
      <c r="AF258" s="77"/>
      <c r="AG258" s="77"/>
      <c r="AH258" s="77"/>
      <c r="AI258" s="77"/>
      <c r="AJ258" s="77"/>
      <c r="AK258" s="77"/>
      <c r="AL258" s="77"/>
      <c r="AM258" s="77"/>
      <c r="AN258" s="77"/>
      <c r="AO258" s="77"/>
      <c r="AP258" s="77"/>
      <c r="AQ258" s="77"/>
      <c r="AR258" s="77"/>
      <c r="AS258" s="77"/>
      <c r="AT258" s="77"/>
      <c r="AU258" s="77"/>
      <c r="AV258" s="77"/>
      <c r="AW258" s="77"/>
      <c r="AX258" s="77"/>
      <c r="AY258" s="77"/>
      <c r="AZ258" s="77"/>
      <c r="BA258" s="77"/>
      <c r="BB258" s="77"/>
      <c r="BC258" s="77"/>
      <c r="BD258" s="77"/>
    </row>
    <row r="259" spans="1:258" s="67" customFormat="1" ht="69.599999999999994" customHeight="1" thickBot="1">
      <c r="A259" s="642" t="s">
        <v>148</v>
      </c>
      <c r="B259" s="643"/>
      <c r="C259" s="643"/>
      <c r="D259" s="643"/>
      <c r="E259" s="643"/>
      <c r="F259" s="643"/>
      <c r="G259" s="643"/>
      <c r="H259" s="643"/>
      <c r="I259" s="643"/>
      <c r="J259" s="643"/>
      <c r="K259" s="643"/>
      <c r="L259" s="643"/>
      <c r="M259" s="643"/>
      <c r="N259" s="643"/>
      <c r="O259" s="643"/>
      <c r="P259" s="644"/>
      <c r="Q259" s="139"/>
      <c r="R259" s="138"/>
      <c r="S259" s="78"/>
      <c r="T259" s="104"/>
      <c r="U259" s="77"/>
      <c r="V259" s="77"/>
      <c r="W259" s="77"/>
      <c r="X259" s="77"/>
      <c r="Y259" s="77"/>
      <c r="Z259" s="77"/>
      <c r="AA259" s="77"/>
      <c r="AB259" s="77"/>
      <c r="AC259" s="77"/>
      <c r="AD259" s="77"/>
      <c r="AE259" s="77"/>
      <c r="AF259" s="77"/>
      <c r="AG259" s="77"/>
      <c r="AH259" s="77"/>
      <c r="AI259" s="77"/>
      <c r="AJ259" s="77"/>
      <c r="AK259" s="77"/>
      <c r="AL259" s="77"/>
      <c r="AM259" s="77"/>
      <c r="AN259" s="77"/>
      <c r="AO259" s="77"/>
      <c r="AP259" s="77"/>
      <c r="AQ259" s="77"/>
      <c r="AR259" s="77"/>
      <c r="AS259" s="77"/>
      <c r="AT259" s="77"/>
      <c r="AU259" s="77"/>
      <c r="AV259" s="77"/>
      <c r="AW259" s="77"/>
      <c r="AX259" s="77"/>
      <c r="AY259" s="77"/>
      <c r="AZ259" s="77"/>
      <c r="BA259" s="77"/>
      <c r="BB259" s="77"/>
      <c r="BC259" s="77"/>
      <c r="BD259" s="77"/>
    </row>
    <row r="260" spans="1:258" s="100" customFormat="1" ht="139.94999999999999" customHeight="1" thickTop="1" thickBot="1">
      <c r="A260" s="477" t="s">
        <v>319</v>
      </c>
      <c r="B260" s="478"/>
      <c r="C260" s="478"/>
      <c r="D260" s="478"/>
      <c r="E260" s="478"/>
      <c r="F260" s="478"/>
      <c r="G260" s="478"/>
      <c r="H260" s="478"/>
      <c r="I260" s="478"/>
      <c r="J260" s="478"/>
      <c r="K260" s="478"/>
      <c r="L260" s="379"/>
      <c r="M260" s="478"/>
      <c r="N260" s="478"/>
      <c r="O260" s="75" t="s">
        <v>20</v>
      </c>
      <c r="P260" s="136" t="s">
        <v>21</v>
      </c>
      <c r="Q260" s="139"/>
      <c r="R260" s="98"/>
      <c r="S260" s="137"/>
      <c r="T260" s="99"/>
      <c r="U260" s="97"/>
      <c r="V260" s="97"/>
      <c r="W260" s="97"/>
      <c r="X260" s="77"/>
      <c r="Y260" s="77"/>
      <c r="Z260" s="77"/>
      <c r="AA260" s="77"/>
      <c r="AB260" s="77"/>
      <c r="AC260" s="77"/>
      <c r="AD260" s="77"/>
      <c r="AE260" s="77"/>
      <c r="AF260" s="77"/>
      <c r="AG260" s="77"/>
      <c r="AH260" s="77"/>
      <c r="AI260" s="77"/>
      <c r="AJ260" s="77"/>
      <c r="AK260" s="77"/>
      <c r="AL260" s="77"/>
      <c r="AM260" s="77"/>
      <c r="AN260" s="97"/>
      <c r="AO260" s="97"/>
      <c r="AP260" s="97"/>
      <c r="AQ260" s="97"/>
      <c r="AR260" s="97"/>
      <c r="AS260" s="97"/>
      <c r="AT260" s="97"/>
      <c r="AU260" s="97"/>
      <c r="AV260" s="97"/>
      <c r="AW260" s="97"/>
      <c r="AX260" s="97"/>
      <c r="AY260" s="97"/>
      <c r="AZ260" s="97"/>
      <c r="BA260" s="97"/>
      <c r="BB260" s="97"/>
      <c r="BC260" s="97"/>
      <c r="BD260" s="97"/>
    </row>
    <row r="261" spans="1:258" s="64" customFormat="1" ht="69.900000000000006" customHeight="1" thickTop="1">
      <c r="A261" s="468" t="s">
        <v>25</v>
      </c>
      <c r="B261" s="574"/>
      <c r="C261" s="574"/>
      <c r="D261" s="574"/>
      <c r="E261" s="574"/>
      <c r="F261" s="574"/>
      <c r="G261" s="574"/>
      <c r="H261" s="574"/>
      <c r="I261" s="574"/>
      <c r="J261" s="574"/>
      <c r="K261" s="574"/>
      <c r="L261" s="454"/>
      <c r="M261" s="574"/>
      <c r="N261" s="574"/>
      <c r="O261" s="574"/>
      <c r="P261" s="575"/>
      <c r="Q261" s="122"/>
      <c r="R261" s="138"/>
      <c r="S261" s="162"/>
    </row>
    <row r="262" spans="1:258" s="67" customFormat="1" ht="75" customHeight="1">
      <c r="A262" s="456"/>
      <c r="B262" s="457"/>
      <c r="C262" s="457"/>
      <c r="D262" s="457"/>
      <c r="E262" s="457"/>
      <c r="F262" s="457"/>
      <c r="G262" s="457"/>
      <c r="H262" s="457"/>
      <c r="I262" s="457"/>
      <c r="J262" s="457"/>
      <c r="K262" s="457"/>
      <c r="L262" s="458"/>
      <c r="M262" s="457"/>
      <c r="N262" s="457"/>
      <c r="O262" s="457"/>
      <c r="P262" s="459"/>
      <c r="Q262" s="139"/>
      <c r="R262" s="138"/>
      <c r="S262" s="141"/>
      <c r="T262" s="64"/>
    </row>
    <row r="263" spans="1:258" s="67" customFormat="1" ht="75" customHeight="1" thickBot="1">
      <c r="A263" s="460"/>
      <c r="B263" s="461"/>
      <c r="C263" s="461"/>
      <c r="D263" s="461"/>
      <c r="E263" s="461"/>
      <c r="F263" s="461"/>
      <c r="G263" s="461"/>
      <c r="H263" s="461"/>
      <c r="I263" s="461"/>
      <c r="J263" s="461"/>
      <c r="K263" s="461"/>
      <c r="L263" s="462"/>
      <c r="M263" s="461"/>
      <c r="N263" s="461"/>
      <c r="O263" s="461"/>
      <c r="P263" s="463"/>
      <c r="Q263" s="139"/>
      <c r="R263" s="138"/>
      <c r="S263" s="141"/>
      <c r="T263" s="64"/>
    </row>
    <row r="264" spans="1:258" s="64" customFormat="1" ht="69.900000000000006" customHeight="1" thickBot="1">
      <c r="A264" s="443" t="s">
        <v>320</v>
      </c>
      <c r="B264" s="475"/>
      <c r="C264" s="475"/>
      <c r="D264" s="475"/>
      <c r="E264" s="475"/>
      <c r="F264" s="475"/>
      <c r="G264" s="475"/>
      <c r="H264" s="475"/>
      <c r="I264" s="475"/>
      <c r="J264" s="475"/>
      <c r="K264" s="475"/>
      <c r="L264" s="445"/>
      <c r="M264" s="475"/>
      <c r="N264" s="475"/>
      <c r="O264" s="475"/>
      <c r="P264" s="476"/>
      <c r="Q264" s="139"/>
      <c r="R264" s="138"/>
      <c r="S264" s="78"/>
      <c r="T264" s="76"/>
      <c r="U264" s="76"/>
      <c r="V264" s="76"/>
      <c r="W264" s="76"/>
      <c r="X264" s="77"/>
      <c r="Y264" s="77"/>
      <c r="Z264" s="77"/>
      <c r="AA264" s="77"/>
      <c r="AB264" s="77"/>
      <c r="AC264" s="77"/>
      <c r="AD264" s="77"/>
      <c r="AE264" s="77"/>
      <c r="AF264" s="77"/>
      <c r="AG264" s="77"/>
      <c r="AH264" s="77"/>
      <c r="AI264" s="77"/>
      <c r="AJ264" s="77"/>
      <c r="AK264" s="77"/>
      <c r="AL264" s="77"/>
      <c r="AM264" s="77"/>
      <c r="AN264" s="76"/>
      <c r="AO264" s="76"/>
      <c r="AP264" s="76"/>
      <c r="AQ264" s="76"/>
      <c r="AR264" s="76"/>
      <c r="AS264" s="76"/>
      <c r="AT264" s="76"/>
      <c r="AU264" s="76"/>
      <c r="AV264" s="76"/>
      <c r="AW264" s="76"/>
      <c r="AX264" s="76"/>
      <c r="AY264" s="76"/>
      <c r="AZ264" s="76"/>
      <c r="BA264" s="76"/>
      <c r="BB264" s="76"/>
      <c r="BC264" s="76"/>
      <c r="BD264" s="76"/>
    </row>
    <row r="265" spans="1:258" s="67" customFormat="1" ht="140.1" customHeight="1" thickTop="1" thickBot="1">
      <c r="A265" s="485" t="s">
        <v>321</v>
      </c>
      <c r="B265" s="598"/>
      <c r="C265" s="598"/>
      <c r="D265" s="598"/>
      <c r="E265" s="598"/>
      <c r="F265" s="598"/>
      <c r="G265" s="598"/>
      <c r="H265" s="598"/>
      <c r="I265" s="598"/>
      <c r="J265" s="598"/>
      <c r="K265" s="598"/>
      <c r="L265" s="352"/>
      <c r="M265" s="598"/>
      <c r="N265" s="638"/>
      <c r="O265" s="68" t="s">
        <v>20</v>
      </c>
      <c r="P265" s="69" t="s">
        <v>21</v>
      </c>
      <c r="Q265" s="139"/>
      <c r="R265" s="138"/>
      <c r="S265" s="137"/>
      <c r="T265" s="76"/>
      <c r="U265" s="77"/>
      <c r="V265" s="77"/>
      <c r="W265" s="77"/>
      <c r="X265" s="76"/>
      <c r="Y265" s="76"/>
      <c r="Z265" s="76"/>
      <c r="AA265" s="76"/>
      <c r="AB265" s="76"/>
      <c r="AC265" s="76"/>
      <c r="AD265" s="76"/>
      <c r="AE265" s="76"/>
      <c r="AF265" s="76"/>
      <c r="AG265" s="76"/>
      <c r="AH265" s="76"/>
      <c r="AI265" s="76"/>
      <c r="AJ265" s="76"/>
      <c r="AK265" s="76"/>
      <c r="AL265" s="76"/>
      <c r="AM265" s="76"/>
      <c r="AN265" s="77"/>
      <c r="AO265" s="77"/>
      <c r="AP265" s="77"/>
      <c r="AQ265" s="77"/>
      <c r="AR265" s="77"/>
      <c r="AS265" s="77"/>
      <c r="AT265" s="77"/>
      <c r="AU265" s="77"/>
      <c r="AV265" s="77"/>
      <c r="AW265" s="77"/>
      <c r="AX265" s="77"/>
      <c r="AY265" s="77"/>
      <c r="AZ265" s="77"/>
      <c r="BA265" s="77"/>
      <c r="BB265" s="77"/>
      <c r="BC265" s="77"/>
      <c r="BD265" s="77"/>
    </row>
    <row r="266" spans="1:258" s="67" customFormat="1" ht="202.2" customHeight="1" thickTop="1" thickBot="1">
      <c r="A266" s="467" t="s">
        <v>322</v>
      </c>
      <c r="B266" s="610"/>
      <c r="C266" s="610"/>
      <c r="D266" s="610"/>
      <c r="E266" s="610"/>
      <c r="F266" s="610"/>
      <c r="G266" s="610"/>
      <c r="H266" s="610"/>
      <c r="I266" s="610"/>
      <c r="J266" s="610"/>
      <c r="K266" s="610"/>
      <c r="L266" s="349"/>
      <c r="M266" s="661"/>
      <c r="N266" s="87" t="s">
        <v>24</v>
      </c>
      <c r="O266" s="75" t="s">
        <v>20</v>
      </c>
      <c r="P266" s="136" t="s">
        <v>21</v>
      </c>
      <c r="Q266" s="139"/>
      <c r="R266" s="138"/>
      <c r="S266" s="137"/>
      <c r="T266" s="76"/>
      <c r="U266" s="77"/>
      <c r="V266" s="77"/>
      <c r="W266" s="77"/>
      <c r="X266" s="77"/>
      <c r="Y266" s="77"/>
      <c r="Z266" s="77"/>
      <c r="AA266" s="77"/>
      <c r="AB266" s="77"/>
      <c r="AC266" s="77"/>
      <c r="AD266" s="77"/>
      <c r="AE266" s="77"/>
      <c r="AF266" s="77"/>
      <c r="AG266" s="77"/>
      <c r="AH266" s="77"/>
      <c r="AI266" s="77"/>
      <c r="AJ266" s="77"/>
      <c r="AK266" s="77"/>
      <c r="AL266" s="77"/>
      <c r="AM266" s="77"/>
      <c r="AN266" s="77"/>
      <c r="AO266" s="77"/>
      <c r="AP266" s="77"/>
      <c r="AQ266" s="77"/>
      <c r="AR266" s="77"/>
      <c r="AS266" s="77"/>
      <c r="AT266" s="77"/>
      <c r="AU266" s="77"/>
      <c r="AV266" s="77"/>
      <c r="AW266" s="77"/>
      <c r="AX266" s="77"/>
      <c r="AY266" s="77"/>
      <c r="AZ266" s="77"/>
      <c r="BA266" s="77"/>
      <c r="BB266" s="77"/>
      <c r="BC266" s="77"/>
      <c r="BD266" s="77"/>
    </row>
    <row r="267" spans="1:258" s="64" customFormat="1" ht="69.900000000000006" customHeight="1" thickTop="1">
      <c r="A267" s="468" t="s">
        <v>25</v>
      </c>
      <c r="B267" s="574"/>
      <c r="C267" s="574"/>
      <c r="D267" s="574"/>
      <c r="E267" s="574"/>
      <c r="F267" s="574"/>
      <c r="G267" s="574"/>
      <c r="H267" s="574"/>
      <c r="I267" s="574"/>
      <c r="J267" s="574"/>
      <c r="K267" s="574"/>
      <c r="L267" s="454"/>
      <c r="M267" s="574"/>
      <c r="N267" s="574"/>
      <c r="O267" s="574"/>
      <c r="P267" s="575"/>
      <c r="Q267" s="122"/>
      <c r="R267" s="138"/>
      <c r="S267" s="162"/>
    </row>
    <row r="268" spans="1:258" s="67" customFormat="1" ht="75" customHeight="1">
      <c r="A268" s="456"/>
      <c r="B268" s="457"/>
      <c r="C268" s="457"/>
      <c r="D268" s="457"/>
      <c r="E268" s="457"/>
      <c r="F268" s="457"/>
      <c r="G268" s="457"/>
      <c r="H268" s="457"/>
      <c r="I268" s="457"/>
      <c r="J268" s="457"/>
      <c r="K268" s="457"/>
      <c r="L268" s="458"/>
      <c r="M268" s="457"/>
      <c r="N268" s="457"/>
      <c r="O268" s="457"/>
      <c r="P268" s="459"/>
      <c r="Q268" s="139"/>
      <c r="R268" s="138"/>
      <c r="S268" s="141"/>
      <c r="T268" s="64"/>
    </row>
    <row r="269" spans="1:258" s="67" customFormat="1" ht="75" customHeight="1" thickBot="1">
      <c r="A269" s="471"/>
      <c r="B269" s="472"/>
      <c r="C269" s="472"/>
      <c r="D269" s="472"/>
      <c r="E269" s="472"/>
      <c r="F269" s="472"/>
      <c r="G269" s="472"/>
      <c r="H269" s="472"/>
      <c r="I269" s="472"/>
      <c r="J269" s="472"/>
      <c r="K269" s="472"/>
      <c r="L269" s="473"/>
      <c r="M269" s="472"/>
      <c r="N269" s="472"/>
      <c r="O269" s="472"/>
      <c r="P269" s="474"/>
      <c r="Q269" s="139"/>
      <c r="R269" s="138"/>
      <c r="S269" s="141"/>
      <c r="T269" s="64"/>
    </row>
    <row r="270" spans="1:258" s="64" customFormat="1" ht="69.900000000000006" customHeight="1" thickBot="1">
      <c r="A270" s="443" t="s">
        <v>323</v>
      </c>
      <c r="B270" s="475"/>
      <c r="C270" s="475"/>
      <c r="D270" s="475"/>
      <c r="E270" s="475"/>
      <c r="F270" s="475"/>
      <c r="G270" s="475"/>
      <c r="H270" s="475"/>
      <c r="I270" s="475"/>
      <c r="J270" s="475"/>
      <c r="K270" s="475"/>
      <c r="L270" s="445"/>
      <c r="M270" s="475"/>
      <c r="N270" s="475"/>
      <c r="O270" s="475"/>
      <c r="P270" s="476"/>
      <c r="Q270" s="139"/>
      <c r="R270" s="138"/>
      <c r="S270" s="209" t="s">
        <v>324</v>
      </c>
      <c r="T270" s="76"/>
      <c r="U270" s="76"/>
      <c r="V270" s="76"/>
      <c r="W270" s="76"/>
      <c r="X270" s="77"/>
      <c r="Y270" s="77"/>
      <c r="Z270" s="77"/>
      <c r="AA270" s="77"/>
      <c r="AB270" s="77"/>
      <c r="AC270" s="77"/>
      <c r="AD270" s="77"/>
      <c r="AE270" s="77"/>
      <c r="AF270" s="77"/>
      <c r="AG270" s="77"/>
      <c r="AH270" s="77"/>
      <c r="AI270" s="77"/>
      <c r="AJ270" s="77"/>
      <c r="AK270" s="77"/>
      <c r="AL270" s="77"/>
      <c r="AM270" s="77"/>
      <c r="AN270" s="76"/>
      <c r="AO270" s="76"/>
      <c r="AP270" s="76"/>
      <c r="AQ270" s="76"/>
      <c r="AR270" s="76"/>
      <c r="AS270" s="76"/>
      <c r="AT270" s="76"/>
      <c r="AU270" s="76"/>
      <c r="AV270" s="76"/>
      <c r="AW270" s="76"/>
      <c r="AX270" s="76"/>
      <c r="AY270" s="76"/>
      <c r="AZ270" s="76"/>
      <c r="BA270" s="76"/>
      <c r="BB270" s="76"/>
      <c r="BC270" s="76"/>
      <c r="BD270" s="76"/>
    </row>
    <row r="271" spans="1:258" s="67" customFormat="1" ht="132" customHeight="1" thickTop="1" thickBot="1">
      <c r="A271" s="477" t="s">
        <v>325</v>
      </c>
      <c r="B271" s="379"/>
      <c r="C271" s="379"/>
      <c r="D271" s="379"/>
      <c r="E271" s="379"/>
      <c r="F271" s="379"/>
      <c r="G271" s="379"/>
      <c r="H271" s="379"/>
      <c r="I271" s="379"/>
      <c r="J271" s="379"/>
      <c r="K271" s="379"/>
      <c r="L271" s="379"/>
      <c r="M271" s="379"/>
      <c r="N271" s="576"/>
      <c r="O271" s="75" t="s">
        <v>20</v>
      </c>
      <c r="P271" s="136" t="s">
        <v>21</v>
      </c>
      <c r="Q271" s="139"/>
      <c r="R271" s="138"/>
      <c r="S271" s="137"/>
      <c r="T271" s="76"/>
      <c r="U271" s="77"/>
      <c r="V271" s="77"/>
      <c r="W271" s="77"/>
      <c r="X271" s="77"/>
      <c r="Y271" s="77"/>
      <c r="Z271" s="77"/>
      <c r="AA271" s="77"/>
      <c r="AB271" s="77"/>
      <c r="AC271" s="77"/>
      <c r="AD271" s="77"/>
      <c r="AE271" s="77"/>
      <c r="AF271" s="77"/>
      <c r="AG271" s="77"/>
      <c r="AH271" s="77"/>
      <c r="AI271" s="77"/>
      <c r="AJ271" s="77"/>
      <c r="AK271" s="77"/>
      <c r="AL271" s="77"/>
      <c r="AM271" s="77"/>
      <c r="AN271" s="77"/>
      <c r="AO271" s="77"/>
      <c r="AP271" s="77"/>
      <c r="AQ271" s="77"/>
      <c r="AR271" s="77"/>
      <c r="AS271" s="77"/>
      <c r="AT271" s="77"/>
      <c r="AU271" s="77"/>
      <c r="AV271" s="77"/>
      <c r="AW271" s="77"/>
      <c r="AX271" s="77"/>
      <c r="AY271" s="77"/>
      <c r="AZ271" s="77"/>
      <c r="BA271" s="77"/>
      <c r="BB271" s="77"/>
      <c r="BC271" s="77"/>
      <c r="BD271" s="77"/>
    </row>
    <row r="272" spans="1:258" s="67" customFormat="1" ht="241.95" customHeight="1" thickTop="1" thickBot="1">
      <c r="A272" s="467" t="s">
        <v>326</v>
      </c>
      <c r="B272" s="610"/>
      <c r="C272" s="610"/>
      <c r="D272" s="610"/>
      <c r="E272" s="610"/>
      <c r="F272" s="610"/>
      <c r="G272" s="610"/>
      <c r="H272" s="610"/>
      <c r="I272" s="610"/>
      <c r="J272" s="610"/>
      <c r="K272" s="610"/>
      <c r="L272" s="349"/>
      <c r="M272" s="661"/>
      <c r="N272" s="87" t="s">
        <v>24</v>
      </c>
      <c r="O272" s="73" t="s">
        <v>20</v>
      </c>
      <c r="P272" s="74" t="s">
        <v>21</v>
      </c>
      <c r="Q272" s="139"/>
      <c r="R272" s="138"/>
      <c r="S272" s="137"/>
      <c r="T272" s="76"/>
      <c r="U272" s="77"/>
      <c r="V272" s="77"/>
      <c r="W272" s="77"/>
      <c r="X272" s="76"/>
      <c r="Y272" s="76"/>
      <c r="Z272" s="76"/>
      <c r="AA272" s="76"/>
      <c r="AB272" s="76"/>
      <c r="AC272" s="76"/>
      <c r="AD272" s="76"/>
      <c r="AE272" s="76"/>
      <c r="AF272" s="76"/>
      <c r="AG272" s="76"/>
      <c r="AH272" s="76"/>
      <c r="AI272" s="76"/>
      <c r="AJ272" s="76"/>
      <c r="AK272" s="76"/>
      <c r="AL272" s="76"/>
      <c r="AM272" s="76"/>
      <c r="AN272" s="77"/>
      <c r="AO272" s="77"/>
      <c r="AP272" s="77"/>
      <c r="AQ272" s="77"/>
      <c r="AR272" s="77"/>
      <c r="AS272" s="77"/>
      <c r="AT272" s="77"/>
      <c r="AU272" s="77"/>
      <c r="AV272" s="77"/>
      <c r="AW272" s="77"/>
      <c r="AX272" s="77"/>
      <c r="AY272" s="77"/>
      <c r="AZ272" s="77"/>
      <c r="BA272" s="77"/>
      <c r="BB272" s="77"/>
      <c r="BC272" s="77"/>
      <c r="BD272" s="77"/>
    </row>
    <row r="273" spans="1:258" s="64" customFormat="1" ht="69.599999999999994" customHeight="1" thickTop="1">
      <c r="A273" s="503" t="s">
        <v>52</v>
      </c>
      <c r="B273" s="577"/>
      <c r="C273" s="577"/>
      <c r="D273" s="577"/>
      <c r="E273" s="577"/>
      <c r="F273" s="577"/>
      <c r="G273" s="577"/>
      <c r="H273" s="577"/>
      <c r="I273" s="577"/>
      <c r="J273" s="577"/>
      <c r="K273" s="577"/>
      <c r="L273" s="505"/>
      <c r="M273" s="577"/>
      <c r="N273" s="577"/>
      <c r="O273" s="577"/>
      <c r="P273" s="578"/>
      <c r="Q273" s="122"/>
      <c r="R273" s="138"/>
      <c r="S273" s="162"/>
    </row>
    <row r="274" spans="1:258" s="64" customFormat="1" ht="69.599999999999994" customHeight="1">
      <c r="A274" s="507" t="s">
        <v>64</v>
      </c>
      <c r="B274" s="508"/>
      <c r="C274" s="508"/>
      <c r="D274" s="508"/>
      <c r="E274" s="508"/>
      <c r="F274" s="508"/>
      <c r="G274" s="508"/>
      <c r="H274" s="508"/>
      <c r="I274" s="508"/>
      <c r="J274" s="508"/>
      <c r="K274" s="508"/>
      <c r="L274" s="508"/>
      <c r="M274" s="508"/>
      <c r="N274" s="508"/>
      <c r="O274" s="508"/>
      <c r="P274" s="509"/>
      <c r="Q274" s="161"/>
      <c r="R274" s="133"/>
      <c r="S274" s="162"/>
      <c r="T274" s="52"/>
      <c r="U274" s="52"/>
      <c r="V274" s="52"/>
      <c r="W274" s="52"/>
      <c r="X274" s="52"/>
      <c r="Y274" s="52"/>
      <c r="Z274" s="52"/>
      <c r="AA274" s="52"/>
      <c r="AB274" s="52"/>
      <c r="AC274" s="52"/>
      <c r="AD274" s="52"/>
      <c r="AE274" s="52"/>
      <c r="AF274" s="52"/>
      <c r="AG274" s="52"/>
      <c r="AH274" s="52"/>
      <c r="AI274" s="52"/>
      <c r="AJ274" s="52"/>
      <c r="AK274" s="52"/>
      <c r="AL274" s="52"/>
      <c r="AM274" s="52"/>
      <c r="AN274" s="52"/>
      <c r="AO274" s="52"/>
      <c r="AP274" s="52"/>
      <c r="AQ274" s="52"/>
      <c r="AR274" s="52"/>
      <c r="AS274" s="52"/>
      <c r="AT274" s="52"/>
      <c r="AU274" s="52"/>
      <c r="AV274" s="52"/>
      <c r="AW274" s="52"/>
      <c r="AX274" s="52"/>
      <c r="AY274" s="52"/>
      <c r="AZ274" s="52"/>
      <c r="BA274" s="52"/>
      <c r="BB274" s="52"/>
      <c r="BC274" s="52"/>
      <c r="BD274" s="52"/>
      <c r="BE274" s="52"/>
      <c r="BF274" s="52"/>
      <c r="BG274" s="52"/>
      <c r="BH274" s="52"/>
      <c r="BI274" s="52"/>
      <c r="BJ274" s="52"/>
      <c r="BK274" s="52"/>
      <c r="BL274" s="52"/>
      <c r="BM274" s="52"/>
      <c r="BN274" s="52"/>
      <c r="BO274" s="52"/>
      <c r="BP274" s="52"/>
      <c r="BQ274" s="52"/>
      <c r="BR274" s="52"/>
      <c r="BS274" s="52"/>
      <c r="BT274" s="52"/>
      <c r="BU274" s="52"/>
      <c r="BV274" s="52"/>
      <c r="BW274" s="52"/>
      <c r="BX274" s="52"/>
      <c r="BY274" s="52"/>
      <c r="BZ274" s="52"/>
      <c r="CA274" s="52"/>
      <c r="CB274" s="52"/>
      <c r="CC274" s="52"/>
      <c r="CD274" s="52"/>
      <c r="CE274" s="52"/>
      <c r="CF274" s="52"/>
      <c r="CG274" s="52"/>
      <c r="CH274" s="52"/>
      <c r="CI274" s="52"/>
      <c r="CJ274" s="52"/>
      <c r="CK274" s="52"/>
      <c r="CL274" s="52"/>
      <c r="CM274" s="52"/>
      <c r="CN274" s="52"/>
      <c r="CO274" s="52"/>
      <c r="CP274" s="52"/>
      <c r="CQ274" s="52"/>
      <c r="CR274" s="52"/>
      <c r="CS274" s="52"/>
      <c r="CT274" s="52"/>
      <c r="CU274" s="52"/>
      <c r="CV274" s="52"/>
      <c r="CW274" s="52"/>
      <c r="CX274" s="52"/>
      <c r="CY274" s="52"/>
      <c r="CZ274" s="52"/>
      <c r="DA274" s="52"/>
      <c r="DB274" s="52"/>
      <c r="DC274" s="52"/>
      <c r="DD274" s="52"/>
      <c r="DE274" s="52"/>
      <c r="DF274" s="52"/>
      <c r="DG274" s="52"/>
      <c r="DH274" s="52"/>
      <c r="DI274" s="52"/>
      <c r="DJ274" s="52"/>
      <c r="DK274" s="52"/>
      <c r="DL274" s="52"/>
      <c r="DM274" s="52"/>
      <c r="DN274" s="52"/>
      <c r="DO274" s="52"/>
      <c r="DP274" s="52"/>
      <c r="DQ274" s="52"/>
      <c r="DR274" s="52"/>
      <c r="DS274" s="52"/>
      <c r="DT274" s="52"/>
      <c r="DU274" s="52"/>
      <c r="DV274" s="52"/>
      <c r="DW274" s="52"/>
      <c r="DX274" s="52"/>
      <c r="DY274" s="52"/>
      <c r="DZ274" s="52"/>
      <c r="EA274" s="52"/>
      <c r="EB274" s="52"/>
      <c r="EC274" s="52"/>
      <c r="ED274" s="52"/>
      <c r="EE274" s="52"/>
      <c r="EF274" s="52"/>
      <c r="EG274" s="52"/>
      <c r="EH274" s="52"/>
      <c r="EI274" s="52"/>
      <c r="EJ274" s="52"/>
      <c r="EK274" s="52"/>
      <c r="EL274" s="52"/>
      <c r="EM274" s="52"/>
      <c r="EN274" s="52"/>
      <c r="EO274" s="52"/>
      <c r="EP274" s="52"/>
      <c r="EQ274" s="52"/>
      <c r="ER274" s="52"/>
      <c r="ES274" s="52"/>
      <c r="ET274" s="52"/>
      <c r="EU274" s="52"/>
      <c r="EV274" s="52"/>
      <c r="EW274" s="52"/>
      <c r="EX274" s="52"/>
      <c r="EY274" s="52"/>
      <c r="EZ274" s="52"/>
      <c r="FA274" s="52"/>
      <c r="FB274" s="52"/>
      <c r="FC274" s="52"/>
      <c r="FD274" s="52"/>
      <c r="FE274" s="52"/>
      <c r="FF274" s="52"/>
      <c r="FG274" s="52"/>
      <c r="FH274" s="52"/>
      <c r="FI274" s="52"/>
      <c r="FJ274" s="52"/>
      <c r="FK274" s="52"/>
      <c r="FL274" s="52"/>
      <c r="FM274" s="52"/>
      <c r="FN274" s="52"/>
      <c r="FO274" s="52"/>
      <c r="FP274" s="52"/>
      <c r="FQ274" s="52"/>
      <c r="FR274" s="52"/>
      <c r="FS274" s="52"/>
      <c r="FT274" s="52"/>
      <c r="FU274" s="52"/>
      <c r="FV274" s="52"/>
      <c r="FW274" s="52"/>
      <c r="FX274" s="52"/>
      <c r="FY274" s="52"/>
      <c r="FZ274" s="52"/>
      <c r="GA274" s="52"/>
      <c r="GB274" s="52"/>
      <c r="GC274" s="52"/>
      <c r="GD274" s="52"/>
      <c r="GE274" s="52"/>
      <c r="GF274" s="52"/>
      <c r="GG274" s="52"/>
      <c r="GH274" s="52"/>
      <c r="GI274" s="52"/>
      <c r="GJ274" s="52"/>
      <c r="GK274" s="52"/>
      <c r="GL274" s="52"/>
      <c r="GM274" s="52"/>
      <c r="GN274" s="52"/>
      <c r="GO274" s="52"/>
      <c r="GP274" s="52"/>
      <c r="GQ274" s="52"/>
      <c r="GR274" s="52"/>
      <c r="GS274" s="52"/>
      <c r="GT274" s="52"/>
      <c r="GU274" s="52"/>
      <c r="GV274" s="52"/>
      <c r="GW274" s="52"/>
      <c r="GX274" s="52"/>
      <c r="GY274" s="52"/>
      <c r="GZ274" s="52"/>
      <c r="HA274" s="52"/>
      <c r="HB274" s="52"/>
      <c r="HC274" s="52"/>
      <c r="HD274" s="52"/>
      <c r="HE274" s="52"/>
      <c r="HF274" s="52"/>
      <c r="HG274" s="52"/>
      <c r="HH274" s="52"/>
      <c r="HI274" s="52"/>
      <c r="HJ274" s="52"/>
      <c r="HK274" s="52"/>
      <c r="HL274" s="52"/>
      <c r="HM274" s="52"/>
      <c r="HN274" s="52"/>
      <c r="HO274" s="52"/>
      <c r="HP274" s="52"/>
      <c r="HQ274" s="52"/>
      <c r="HR274" s="52"/>
      <c r="HS274" s="52"/>
      <c r="HT274" s="52"/>
      <c r="HU274" s="52"/>
      <c r="HV274" s="52"/>
      <c r="HW274" s="52"/>
      <c r="HX274" s="52"/>
      <c r="HY274" s="52"/>
      <c r="HZ274" s="52"/>
      <c r="IA274" s="52"/>
      <c r="IB274" s="52"/>
      <c r="IC274" s="52"/>
      <c r="ID274" s="52"/>
      <c r="IE274" s="52"/>
      <c r="IF274" s="52"/>
      <c r="IG274" s="52"/>
      <c r="IH274" s="52"/>
      <c r="II274" s="52"/>
      <c r="IJ274" s="52"/>
      <c r="IK274" s="52"/>
      <c r="IL274" s="52"/>
      <c r="IM274" s="52"/>
      <c r="IN274" s="52"/>
      <c r="IO274" s="52"/>
      <c r="IP274" s="52"/>
      <c r="IQ274" s="52"/>
      <c r="IR274" s="52"/>
      <c r="IS274" s="52"/>
      <c r="IT274" s="52"/>
      <c r="IU274" s="52"/>
      <c r="IV274" s="52"/>
      <c r="IW274" s="52"/>
      <c r="IX274" s="52"/>
    </row>
    <row r="275" spans="1:258" s="67" customFormat="1" ht="69.599999999999994" customHeight="1">
      <c r="A275" s="658" t="s">
        <v>327</v>
      </c>
      <c r="B275" s="659"/>
      <c r="C275" s="659"/>
      <c r="D275" s="659"/>
      <c r="E275" s="659"/>
      <c r="F275" s="659"/>
      <c r="G275" s="659"/>
      <c r="H275" s="659"/>
      <c r="I275" s="659"/>
      <c r="J275" s="659"/>
      <c r="K275" s="659"/>
      <c r="L275" s="659"/>
      <c r="M275" s="659"/>
      <c r="N275" s="659"/>
      <c r="O275" s="659"/>
      <c r="P275" s="660"/>
      <c r="Q275" s="139"/>
      <c r="R275" s="138"/>
      <c r="S275" s="78"/>
      <c r="T275" s="104"/>
      <c r="U275" s="77"/>
      <c r="V275" s="77"/>
      <c r="W275" s="77"/>
      <c r="X275" s="77"/>
      <c r="Y275" s="77"/>
      <c r="Z275" s="77"/>
      <c r="AA275" s="77"/>
      <c r="AB275" s="77"/>
      <c r="AC275" s="77"/>
      <c r="AD275" s="77"/>
      <c r="AE275" s="77"/>
      <c r="AF275" s="77"/>
      <c r="AG275" s="77"/>
      <c r="AH275" s="77"/>
      <c r="AI275" s="77"/>
      <c r="AJ275" s="77"/>
      <c r="AK275" s="77"/>
      <c r="AL275" s="77"/>
      <c r="AM275" s="77"/>
      <c r="AN275" s="77"/>
      <c r="AO275" s="77"/>
      <c r="AP275" s="77"/>
      <c r="AQ275" s="77"/>
      <c r="AR275" s="77"/>
      <c r="AS275" s="77"/>
      <c r="AT275" s="77"/>
      <c r="AU275" s="77"/>
      <c r="AV275" s="77"/>
      <c r="AW275" s="77"/>
      <c r="AX275" s="77"/>
      <c r="AY275" s="77"/>
      <c r="AZ275" s="77"/>
      <c r="BA275" s="77"/>
      <c r="BB275" s="77"/>
      <c r="BC275" s="77"/>
      <c r="BD275" s="77"/>
    </row>
    <row r="276" spans="1:258" s="67" customFormat="1" ht="69.599999999999994" customHeight="1" thickBot="1">
      <c r="A276" s="642" t="s">
        <v>148</v>
      </c>
      <c r="B276" s="643"/>
      <c r="C276" s="643"/>
      <c r="D276" s="643"/>
      <c r="E276" s="643"/>
      <c r="F276" s="643"/>
      <c r="G276" s="643"/>
      <c r="H276" s="643"/>
      <c r="I276" s="643"/>
      <c r="J276" s="643"/>
      <c r="K276" s="643"/>
      <c r="L276" s="643"/>
      <c r="M276" s="643"/>
      <c r="N276" s="643"/>
      <c r="O276" s="643"/>
      <c r="P276" s="644"/>
      <c r="Q276" s="139"/>
      <c r="R276" s="138"/>
      <c r="S276" s="78"/>
      <c r="T276" s="104"/>
      <c r="U276" s="77"/>
      <c r="V276" s="77"/>
      <c r="W276" s="77"/>
      <c r="X276" s="77"/>
      <c r="Y276" s="77"/>
      <c r="Z276" s="77"/>
      <c r="AA276" s="77"/>
      <c r="AB276" s="77"/>
      <c r="AC276" s="77"/>
      <c r="AD276" s="77"/>
      <c r="AE276" s="77"/>
      <c r="AF276" s="77"/>
      <c r="AG276" s="77"/>
      <c r="AH276" s="77"/>
      <c r="AI276" s="77"/>
      <c r="AJ276" s="77"/>
      <c r="AK276" s="77"/>
      <c r="AL276" s="77"/>
      <c r="AM276" s="77"/>
      <c r="AN276" s="77"/>
      <c r="AO276" s="77"/>
      <c r="AP276" s="77"/>
      <c r="AQ276" s="77"/>
      <c r="AR276" s="77"/>
      <c r="AS276" s="77"/>
      <c r="AT276" s="77"/>
      <c r="AU276" s="77"/>
      <c r="AV276" s="77"/>
      <c r="AW276" s="77"/>
      <c r="AX276" s="77"/>
      <c r="AY276" s="77"/>
      <c r="AZ276" s="77"/>
      <c r="BA276" s="77"/>
      <c r="BB276" s="77"/>
      <c r="BC276" s="77"/>
      <c r="BD276" s="77"/>
    </row>
    <row r="277" spans="1:258" s="67" customFormat="1" ht="139.94999999999999" customHeight="1" thickTop="1" thickBot="1">
      <c r="A277" s="636" t="s">
        <v>328</v>
      </c>
      <c r="B277" s="497"/>
      <c r="C277" s="497"/>
      <c r="D277" s="497"/>
      <c r="E277" s="497"/>
      <c r="F277" s="497"/>
      <c r="G277" s="497"/>
      <c r="H277" s="497"/>
      <c r="I277" s="497"/>
      <c r="J277" s="497"/>
      <c r="K277" s="497"/>
      <c r="L277" s="307"/>
      <c r="M277" s="497"/>
      <c r="N277" s="103" t="s">
        <v>24</v>
      </c>
      <c r="O277" s="95" t="s">
        <v>20</v>
      </c>
      <c r="P277" s="96" t="s">
        <v>21</v>
      </c>
      <c r="Q277" s="139"/>
      <c r="R277" s="138"/>
      <c r="S277" s="137"/>
      <c r="T277" s="76"/>
      <c r="U277" s="77"/>
      <c r="V277" s="77"/>
      <c r="W277" s="77"/>
      <c r="X277" s="77"/>
      <c r="Y277" s="77"/>
      <c r="Z277" s="77"/>
      <c r="AA277" s="77"/>
      <c r="AB277" s="77"/>
      <c r="AC277" s="77"/>
      <c r="AD277" s="77"/>
      <c r="AE277" s="77"/>
      <c r="AF277" s="77"/>
      <c r="AG277" s="77"/>
      <c r="AH277" s="77"/>
      <c r="AI277" s="77"/>
      <c r="AJ277" s="77"/>
      <c r="AK277" s="77"/>
      <c r="AL277" s="77"/>
      <c r="AM277" s="77"/>
      <c r="AN277" s="77"/>
      <c r="AO277" s="77"/>
      <c r="AP277" s="77"/>
      <c r="AQ277" s="77"/>
      <c r="AR277" s="77"/>
      <c r="AS277" s="77"/>
      <c r="AT277" s="77"/>
      <c r="AU277" s="77"/>
      <c r="AV277" s="77"/>
      <c r="AW277" s="77"/>
      <c r="AX277" s="77"/>
      <c r="AY277" s="77"/>
      <c r="AZ277" s="77"/>
      <c r="BA277" s="77"/>
      <c r="BB277" s="77"/>
      <c r="BC277" s="77"/>
      <c r="BD277" s="77"/>
    </row>
    <row r="278" spans="1:258" s="64" customFormat="1" ht="69.900000000000006" customHeight="1" thickTop="1">
      <c r="A278" s="468" t="s">
        <v>25</v>
      </c>
      <c r="B278" s="574"/>
      <c r="C278" s="574"/>
      <c r="D278" s="574"/>
      <c r="E278" s="574"/>
      <c r="F278" s="574"/>
      <c r="G278" s="574"/>
      <c r="H278" s="574"/>
      <c r="I278" s="574"/>
      <c r="J278" s="574"/>
      <c r="K278" s="574"/>
      <c r="L278" s="454"/>
      <c r="M278" s="574"/>
      <c r="N278" s="574"/>
      <c r="O278" s="574"/>
      <c r="P278" s="575"/>
      <c r="Q278" s="122"/>
      <c r="R278" s="138"/>
      <c r="S278" s="162"/>
    </row>
    <row r="279" spans="1:258" s="67" customFormat="1" ht="75" customHeight="1">
      <c r="A279" s="456"/>
      <c r="B279" s="457"/>
      <c r="C279" s="457"/>
      <c r="D279" s="457"/>
      <c r="E279" s="457"/>
      <c r="F279" s="457"/>
      <c r="G279" s="457"/>
      <c r="H279" s="457"/>
      <c r="I279" s="457"/>
      <c r="J279" s="457"/>
      <c r="K279" s="457"/>
      <c r="L279" s="458"/>
      <c r="M279" s="457"/>
      <c r="N279" s="457"/>
      <c r="O279" s="457"/>
      <c r="P279" s="459"/>
      <c r="Q279" s="139"/>
      <c r="R279" s="138"/>
      <c r="S279" s="141"/>
      <c r="T279" s="64"/>
    </row>
    <row r="280" spans="1:258" s="67" customFormat="1" ht="75" customHeight="1" thickBot="1">
      <c r="A280" s="460"/>
      <c r="B280" s="461"/>
      <c r="C280" s="461"/>
      <c r="D280" s="461"/>
      <c r="E280" s="461"/>
      <c r="F280" s="461"/>
      <c r="G280" s="461"/>
      <c r="H280" s="461"/>
      <c r="I280" s="461"/>
      <c r="J280" s="461"/>
      <c r="K280" s="461"/>
      <c r="L280" s="462"/>
      <c r="M280" s="461"/>
      <c r="N280" s="461"/>
      <c r="O280" s="461"/>
      <c r="P280" s="463"/>
      <c r="Q280" s="139"/>
      <c r="R280" s="138"/>
      <c r="S280" s="141"/>
      <c r="T280" s="64"/>
    </row>
    <row r="281" spans="1:258" s="64" customFormat="1" ht="69.900000000000006" customHeight="1" thickBot="1">
      <c r="A281" s="443" t="s">
        <v>329</v>
      </c>
      <c r="B281" s="475"/>
      <c r="C281" s="475"/>
      <c r="D281" s="475"/>
      <c r="E281" s="475"/>
      <c r="F281" s="475"/>
      <c r="G281" s="475"/>
      <c r="H281" s="475"/>
      <c r="I281" s="475"/>
      <c r="J281" s="475"/>
      <c r="K281" s="475"/>
      <c r="L281" s="445"/>
      <c r="M281" s="475"/>
      <c r="N281" s="475"/>
      <c r="O281" s="475"/>
      <c r="P281" s="476"/>
      <c r="Q281" s="139"/>
      <c r="R281" s="138"/>
      <c r="S281" s="78"/>
      <c r="T281" s="76"/>
      <c r="U281" s="76"/>
      <c r="V281" s="76"/>
      <c r="W281" s="76"/>
      <c r="X281" s="77"/>
      <c r="Y281" s="77"/>
      <c r="Z281" s="77"/>
      <c r="AA281" s="77"/>
      <c r="AB281" s="77"/>
      <c r="AC281" s="77"/>
      <c r="AD281" s="77"/>
      <c r="AE281" s="77"/>
      <c r="AF281" s="77"/>
      <c r="AG281" s="77"/>
      <c r="AH281" s="77"/>
      <c r="AI281" s="77"/>
      <c r="AJ281" s="77"/>
      <c r="AK281" s="77"/>
      <c r="AL281" s="77"/>
      <c r="AM281" s="77"/>
      <c r="AN281" s="76"/>
      <c r="AO281" s="76"/>
      <c r="AP281" s="76"/>
      <c r="AQ281" s="76"/>
      <c r="AR281" s="76"/>
      <c r="AS281" s="76"/>
      <c r="AT281" s="76"/>
      <c r="AU281" s="76"/>
      <c r="AV281" s="76"/>
      <c r="AW281" s="76"/>
      <c r="AX281" s="76"/>
      <c r="AY281" s="76"/>
      <c r="AZ281" s="76"/>
      <c r="BA281" s="76"/>
      <c r="BB281" s="76"/>
      <c r="BC281" s="76"/>
      <c r="BD281" s="76"/>
    </row>
    <row r="282" spans="1:258" s="67" customFormat="1" ht="132" customHeight="1" thickTop="1" thickBot="1">
      <c r="A282" s="663" t="s">
        <v>330</v>
      </c>
      <c r="B282" s="664"/>
      <c r="C282" s="664"/>
      <c r="D282" s="664"/>
      <c r="E282" s="664"/>
      <c r="F282" s="664"/>
      <c r="G282" s="664"/>
      <c r="H282" s="664"/>
      <c r="I282" s="664"/>
      <c r="J282" s="664"/>
      <c r="K282" s="664"/>
      <c r="L282" s="664"/>
      <c r="M282" s="664"/>
      <c r="N282" s="665"/>
      <c r="O282" s="75" t="s">
        <v>20</v>
      </c>
      <c r="P282" s="136" t="s">
        <v>21</v>
      </c>
      <c r="Q282" s="139"/>
      <c r="R282" s="138"/>
      <c r="S282" s="137"/>
      <c r="T282" s="76"/>
      <c r="U282" s="77"/>
      <c r="V282" s="77"/>
      <c r="W282" s="77"/>
      <c r="X282" s="77"/>
      <c r="Y282" s="77"/>
      <c r="Z282" s="77"/>
      <c r="AA282" s="77"/>
      <c r="AB282" s="77"/>
      <c r="AC282" s="77"/>
      <c r="AD282" s="77"/>
      <c r="AE282" s="77"/>
      <c r="AF282" s="77"/>
      <c r="AG282" s="77"/>
      <c r="AH282" s="77"/>
      <c r="AI282" s="77"/>
      <c r="AJ282" s="77"/>
      <c r="AK282" s="77"/>
      <c r="AL282" s="77"/>
      <c r="AM282" s="77"/>
      <c r="AN282" s="77"/>
      <c r="AO282" s="77"/>
      <c r="AP282" s="77"/>
      <c r="AQ282" s="77"/>
      <c r="AR282" s="77"/>
      <c r="AS282" s="77"/>
      <c r="AT282" s="77"/>
      <c r="AU282" s="77"/>
      <c r="AV282" s="77"/>
      <c r="AW282" s="77"/>
      <c r="AX282" s="77"/>
      <c r="AY282" s="77"/>
      <c r="AZ282" s="77"/>
      <c r="BA282" s="77"/>
      <c r="BB282" s="77"/>
      <c r="BC282" s="77"/>
      <c r="BD282" s="77"/>
    </row>
    <row r="283" spans="1:258" s="64" customFormat="1" ht="69.900000000000006" customHeight="1" thickTop="1">
      <c r="A283" s="503" t="s">
        <v>108</v>
      </c>
      <c r="B283" s="577"/>
      <c r="C283" s="577"/>
      <c r="D283" s="577"/>
      <c r="E283" s="577"/>
      <c r="F283" s="577"/>
      <c r="G283" s="577"/>
      <c r="H283" s="577"/>
      <c r="I283" s="577"/>
      <c r="J283" s="577"/>
      <c r="K283" s="577"/>
      <c r="L283" s="505"/>
      <c r="M283" s="577"/>
      <c r="N283" s="577"/>
      <c r="O283" s="577"/>
      <c r="P283" s="578"/>
      <c r="Q283" s="122"/>
      <c r="R283" s="138"/>
      <c r="S283" s="162"/>
      <c r="T283" s="193"/>
    </row>
    <row r="284" spans="1:258" s="64" customFormat="1" ht="69.900000000000006" customHeight="1">
      <c r="A284" s="507" t="s">
        <v>331</v>
      </c>
      <c r="B284" s="508"/>
      <c r="C284" s="508"/>
      <c r="D284" s="508"/>
      <c r="E284" s="508"/>
      <c r="F284" s="508"/>
      <c r="G284" s="508"/>
      <c r="H284" s="508"/>
      <c r="I284" s="508"/>
      <c r="J284" s="508"/>
      <c r="K284" s="508"/>
      <c r="L284" s="508"/>
      <c r="M284" s="508"/>
      <c r="N284" s="508"/>
      <c r="O284" s="508"/>
      <c r="P284" s="509"/>
      <c r="Q284" s="122"/>
      <c r="R284" s="138"/>
      <c r="S284" s="162"/>
    </row>
    <row r="285" spans="1:258" s="67" customFormat="1" ht="70.2" customHeight="1">
      <c r="A285" s="510" t="s">
        <v>150</v>
      </c>
      <c r="B285" s="511"/>
      <c r="C285" s="511"/>
      <c r="D285" s="511"/>
      <c r="E285" s="511"/>
      <c r="F285" s="511"/>
      <c r="G285" s="511"/>
      <c r="H285" s="511"/>
      <c r="I285" s="512"/>
      <c r="J285" s="596"/>
      <c r="K285" s="596"/>
      <c r="L285" s="596"/>
      <c r="M285" s="596"/>
      <c r="N285" s="596"/>
      <c r="O285" s="596"/>
      <c r="P285" s="662"/>
      <c r="Q285" s="139"/>
      <c r="R285" s="138"/>
      <c r="S285" s="78"/>
      <c r="T285" s="76"/>
      <c r="U285" s="77"/>
      <c r="V285" s="77"/>
      <c r="W285" s="77"/>
      <c r="X285" s="77"/>
      <c r="Y285" s="77"/>
      <c r="Z285" s="77"/>
      <c r="AA285" s="77"/>
      <c r="AB285" s="77"/>
      <c r="AC285" s="77"/>
      <c r="AD285" s="77"/>
      <c r="AE285" s="77"/>
      <c r="AF285" s="77"/>
      <c r="AG285" s="77"/>
      <c r="AH285" s="77"/>
      <c r="AI285" s="77"/>
      <c r="AJ285" s="77"/>
      <c r="AK285" s="77"/>
      <c r="AL285" s="77"/>
      <c r="AM285" s="77"/>
      <c r="AN285" s="77"/>
      <c r="AO285" s="77"/>
      <c r="AP285" s="77"/>
      <c r="AQ285" s="77"/>
      <c r="AR285" s="77"/>
      <c r="AS285" s="77"/>
      <c r="AT285" s="77"/>
      <c r="AU285" s="77"/>
      <c r="AV285" s="77"/>
      <c r="AW285" s="77"/>
      <c r="AX285" s="77"/>
      <c r="AY285" s="77"/>
      <c r="AZ285" s="77"/>
      <c r="BA285" s="77"/>
      <c r="BB285" s="77"/>
      <c r="BC285" s="77"/>
      <c r="BD285" s="77"/>
    </row>
    <row r="286" spans="1:258" s="67" customFormat="1" ht="70.2" customHeight="1">
      <c r="A286" s="528" t="s">
        <v>332</v>
      </c>
      <c r="B286" s="529"/>
      <c r="C286" s="529"/>
      <c r="D286" s="529"/>
      <c r="E286" s="529"/>
      <c r="F286" s="529"/>
      <c r="G286" s="529"/>
      <c r="H286" s="529"/>
      <c r="I286" s="530"/>
      <c r="J286" s="449" t="s">
        <v>152</v>
      </c>
      <c r="K286" s="537"/>
      <c r="L286" s="537"/>
      <c r="M286" s="537"/>
      <c r="N286" s="537"/>
      <c r="O286" s="537"/>
      <c r="P286" s="538"/>
      <c r="Q286" s="139"/>
      <c r="R286" s="138"/>
      <c r="S286" s="78"/>
      <c r="T286" s="76"/>
      <c r="U286" s="77"/>
      <c r="V286" s="77"/>
      <c r="W286" s="77"/>
      <c r="X286" s="77"/>
      <c r="Y286" s="77"/>
      <c r="Z286" s="77"/>
      <c r="AA286" s="77"/>
      <c r="AB286" s="77"/>
      <c r="AC286" s="77"/>
      <c r="AD286" s="77"/>
      <c r="AE286" s="77"/>
      <c r="AF286" s="77"/>
      <c r="AG286" s="77"/>
      <c r="AH286" s="77"/>
      <c r="AI286" s="77"/>
      <c r="AJ286" s="77"/>
      <c r="AK286" s="77"/>
      <c r="AL286" s="77"/>
      <c r="AM286" s="77"/>
      <c r="AN286" s="77"/>
      <c r="AO286" s="77"/>
      <c r="AP286" s="77"/>
      <c r="AQ286" s="77"/>
      <c r="AR286" s="77"/>
      <c r="AS286" s="77"/>
      <c r="AT286" s="77"/>
      <c r="AU286" s="77"/>
      <c r="AV286" s="77"/>
      <c r="AW286" s="77"/>
      <c r="AX286" s="77"/>
      <c r="AY286" s="77"/>
      <c r="AZ286" s="77"/>
      <c r="BA286" s="77"/>
      <c r="BB286" s="77"/>
      <c r="BC286" s="77"/>
      <c r="BD286" s="77"/>
    </row>
    <row r="287" spans="1:258" s="67" customFormat="1" ht="70.2" customHeight="1">
      <c r="A287" s="534"/>
      <c r="B287" s="535"/>
      <c r="C287" s="535"/>
      <c r="D287" s="535"/>
      <c r="E287" s="535"/>
      <c r="F287" s="535"/>
      <c r="G287" s="535"/>
      <c r="H287" s="535"/>
      <c r="I287" s="536"/>
      <c r="J287" s="598" t="s">
        <v>153</v>
      </c>
      <c r="K287" s="638"/>
      <c r="L287" s="108" t="s">
        <v>154</v>
      </c>
      <c r="M287" s="449"/>
      <c r="N287" s="537"/>
      <c r="O287" s="537"/>
      <c r="P287" s="538"/>
      <c r="Q287" s="139"/>
      <c r="R287" s="138"/>
      <c r="S287" s="78"/>
      <c r="T287" s="76"/>
      <c r="U287" s="77"/>
      <c r="V287" s="77"/>
      <c r="W287" s="77"/>
      <c r="X287" s="77"/>
      <c r="Y287" s="77"/>
      <c r="Z287" s="77"/>
      <c r="AA287" s="77"/>
      <c r="AB287" s="77"/>
      <c r="AC287" s="77"/>
      <c r="AD287" s="77"/>
      <c r="AE287" s="77"/>
      <c r="AF287" s="77"/>
      <c r="AG287" s="77"/>
      <c r="AH287" s="77"/>
      <c r="AI287" s="77"/>
      <c r="AJ287" s="77"/>
      <c r="AK287" s="77"/>
      <c r="AL287" s="77"/>
      <c r="AM287" s="77"/>
      <c r="AN287" s="77"/>
      <c r="AO287" s="77"/>
      <c r="AP287" s="77"/>
      <c r="AQ287" s="77"/>
      <c r="AR287" s="77"/>
      <c r="AS287" s="77"/>
      <c r="AT287" s="77"/>
      <c r="AU287" s="77"/>
      <c r="AV287" s="77"/>
      <c r="AW287" s="77"/>
      <c r="AX287" s="77"/>
      <c r="AY287" s="77"/>
      <c r="AZ287" s="77"/>
      <c r="BA287" s="77"/>
      <c r="BB287" s="77"/>
      <c r="BC287" s="77"/>
      <c r="BD287" s="77"/>
    </row>
    <row r="288" spans="1:258" s="67" customFormat="1" ht="70.2" customHeight="1">
      <c r="A288" s="531" t="s">
        <v>333</v>
      </c>
      <c r="B288" s="532"/>
      <c r="C288" s="532"/>
      <c r="D288" s="532"/>
      <c r="E288" s="532"/>
      <c r="F288" s="532"/>
      <c r="G288" s="532"/>
      <c r="H288" s="532"/>
      <c r="I288" s="533"/>
      <c r="J288" s="449" t="s">
        <v>160</v>
      </c>
      <c r="K288" s="537"/>
      <c r="L288" s="537"/>
      <c r="M288" s="537"/>
      <c r="N288" s="537"/>
      <c r="O288" s="537"/>
      <c r="P288" s="538"/>
      <c r="Q288" s="134"/>
      <c r="R288" s="133"/>
      <c r="S288" s="39"/>
      <c r="T288" s="40"/>
      <c r="U288" s="41"/>
      <c r="V288" s="41"/>
      <c r="W288" s="41"/>
      <c r="X288" s="41"/>
      <c r="Y288" s="41"/>
      <c r="Z288" s="41"/>
      <c r="AA288" s="41"/>
      <c r="AB288" s="41"/>
      <c r="AC288" s="41"/>
      <c r="AD288" s="41"/>
      <c r="AE288" s="41"/>
      <c r="AF288" s="41"/>
      <c r="AG288" s="41"/>
      <c r="AH288" s="41"/>
      <c r="AI288" s="41"/>
      <c r="AJ288" s="41"/>
      <c r="AK288" s="41"/>
      <c r="AL288" s="41"/>
      <c r="AM288" s="41"/>
      <c r="AN288" s="41"/>
      <c r="AO288" s="41"/>
      <c r="AP288" s="41"/>
      <c r="AQ288" s="41"/>
      <c r="AR288" s="41"/>
      <c r="AS288" s="41"/>
      <c r="AT288" s="41"/>
      <c r="AU288" s="41"/>
      <c r="AV288" s="41"/>
      <c r="AW288" s="41"/>
      <c r="AX288" s="41"/>
      <c r="AY288" s="41"/>
      <c r="AZ288" s="41"/>
      <c r="BA288" s="41"/>
      <c r="BB288" s="41"/>
      <c r="BC288" s="41"/>
      <c r="BD288" s="41"/>
      <c r="BE288" s="42"/>
      <c r="BF288" s="42"/>
      <c r="BG288" s="42"/>
      <c r="BH288" s="42"/>
      <c r="BI288" s="42"/>
      <c r="BJ288" s="42"/>
      <c r="BK288" s="42"/>
      <c r="BL288" s="42"/>
      <c r="BM288" s="42"/>
      <c r="BN288" s="42"/>
      <c r="BO288" s="42"/>
      <c r="BP288" s="42"/>
      <c r="BQ288" s="42"/>
      <c r="BR288" s="42"/>
      <c r="BS288" s="42"/>
      <c r="BT288" s="42"/>
      <c r="BU288" s="42"/>
      <c r="BV288" s="42"/>
      <c r="BW288" s="42"/>
      <c r="BX288" s="42"/>
      <c r="BY288" s="42"/>
      <c r="BZ288" s="42"/>
      <c r="CA288" s="42"/>
      <c r="CB288" s="42"/>
      <c r="CC288" s="42"/>
      <c r="CD288" s="42"/>
      <c r="CE288" s="42"/>
      <c r="CF288" s="42"/>
      <c r="CG288" s="42"/>
      <c r="CH288" s="42"/>
      <c r="CI288" s="42"/>
      <c r="CJ288" s="42"/>
      <c r="CK288" s="42"/>
      <c r="CL288" s="42"/>
      <c r="CM288" s="42"/>
      <c r="CN288" s="42"/>
      <c r="CO288" s="42"/>
      <c r="CP288" s="42"/>
      <c r="CQ288" s="42"/>
      <c r="CR288" s="42"/>
      <c r="CS288" s="42"/>
      <c r="CT288" s="42"/>
      <c r="CU288" s="42"/>
      <c r="CV288" s="42"/>
      <c r="CW288" s="42"/>
      <c r="CX288" s="42"/>
      <c r="CY288" s="42"/>
      <c r="CZ288" s="42"/>
      <c r="DA288" s="42"/>
      <c r="DB288" s="42"/>
      <c r="DC288" s="42"/>
      <c r="DD288" s="42"/>
      <c r="DE288" s="42"/>
      <c r="DF288" s="42"/>
      <c r="DG288" s="42"/>
      <c r="DH288" s="42"/>
      <c r="DI288" s="42"/>
      <c r="DJ288" s="42"/>
      <c r="DK288" s="42"/>
      <c r="DL288" s="42"/>
      <c r="DM288" s="42"/>
      <c r="DN288" s="42"/>
      <c r="DO288" s="42"/>
      <c r="DP288" s="42"/>
      <c r="DQ288" s="42"/>
      <c r="DR288" s="42"/>
      <c r="DS288" s="42"/>
      <c r="DT288" s="42"/>
      <c r="DU288" s="42"/>
      <c r="DV288" s="42"/>
      <c r="DW288" s="42"/>
      <c r="DX288" s="42"/>
      <c r="DY288" s="42"/>
      <c r="DZ288" s="42"/>
      <c r="EA288" s="42"/>
      <c r="EB288" s="42"/>
      <c r="EC288" s="42"/>
      <c r="ED288" s="42"/>
      <c r="EE288" s="42"/>
      <c r="EF288" s="42"/>
      <c r="EG288" s="42"/>
      <c r="EH288" s="42"/>
      <c r="EI288" s="42"/>
      <c r="EJ288" s="42"/>
      <c r="EK288" s="42"/>
      <c r="EL288" s="42"/>
      <c r="EM288" s="42"/>
      <c r="EN288" s="42"/>
      <c r="EO288" s="42"/>
      <c r="EP288" s="42"/>
      <c r="EQ288" s="42"/>
      <c r="ER288" s="42"/>
      <c r="ES288" s="42"/>
      <c r="ET288" s="42"/>
      <c r="EU288" s="42"/>
      <c r="EV288" s="42"/>
      <c r="EW288" s="42"/>
      <c r="EX288" s="42"/>
      <c r="EY288" s="42"/>
      <c r="EZ288" s="42"/>
      <c r="FA288" s="42"/>
      <c r="FB288" s="42"/>
      <c r="FC288" s="42"/>
      <c r="FD288" s="42"/>
      <c r="FE288" s="42"/>
      <c r="FF288" s="42"/>
      <c r="FG288" s="42"/>
      <c r="FH288" s="42"/>
      <c r="FI288" s="42"/>
      <c r="FJ288" s="42"/>
      <c r="FK288" s="42"/>
      <c r="FL288" s="42"/>
      <c r="FM288" s="42"/>
      <c r="FN288" s="42"/>
      <c r="FO288" s="42"/>
      <c r="FP288" s="42"/>
      <c r="FQ288" s="42"/>
      <c r="FR288" s="42"/>
      <c r="FS288" s="42"/>
      <c r="FT288" s="42"/>
      <c r="FU288" s="42"/>
      <c r="FV288" s="42"/>
      <c r="FW288" s="42"/>
      <c r="FX288" s="42"/>
      <c r="FY288" s="42"/>
      <c r="FZ288" s="42"/>
      <c r="GA288" s="42"/>
      <c r="GB288" s="42"/>
      <c r="GC288" s="42"/>
      <c r="GD288" s="42"/>
      <c r="GE288" s="42"/>
      <c r="GF288" s="42"/>
      <c r="GG288" s="42"/>
      <c r="GH288" s="42"/>
      <c r="GI288" s="42"/>
      <c r="GJ288" s="42"/>
      <c r="GK288" s="42"/>
      <c r="GL288" s="42"/>
      <c r="GM288" s="42"/>
      <c r="GN288" s="42"/>
      <c r="GO288" s="42"/>
      <c r="GP288" s="42"/>
      <c r="GQ288" s="42"/>
      <c r="GR288" s="42"/>
      <c r="GS288" s="42"/>
      <c r="GT288" s="42"/>
      <c r="GU288" s="42"/>
      <c r="GV288" s="42"/>
      <c r="GW288" s="42"/>
      <c r="GX288" s="42"/>
      <c r="GY288" s="42"/>
      <c r="GZ288" s="42"/>
      <c r="HA288" s="42"/>
      <c r="HB288" s="42"/>
      <c r="HC288" s="42"/>
      <c r="HD288" s="42"/>
      <c r="HE288" s="42"/>
      <c r="HF288" s="42"/>
      <c r="HG288" s="42"/>
      <c r="HH288" s="42"/>
      <c r="HI288" s="42"/>
      <c r="HJ288" s="42"/>
      <c r="HK288" s="42"/>
      <c r="HL288" s="42"/>
      <c r="HM288" s="42"/>
      <c r="HN288" s="42"/>
      <c r="HO288" s="42"/>
      <c r="HP288" s="42"/>
      <c r="HQ288" s="42"/>
      <c r="HR288" s="42"/>
      <c r="HS288" s="42"/>
      <c r="HT288" s="42"/>
      <c r="HU288" s="42"/>
      <c r="HV288" s="42"/>
      <c r="HW288" s="42"/>
      <c r="HX288" s="42"/>
      <c r="HY288" s="42"/>
      <c r="HZ288" s="42"/>
      <c r="IA288" s="42"/>
      <c r="IB288" s="42"/>
      <c r="IC288" s="42"/>
      <c r="ID288" s="42"/>
      <c r="IE288" s="42"/>
      <c r="IF288" s="42"/>
      <c r="IG288" s="42"/>
      <c r="IH288" s="42"/>
      <c r="II288" s="42"/>
      <c r="IJ288" s="42"/>
      <c r="IK288" s="42"/>
      <c r="IL288" s="42"/>
      <c r="IM288" s="42"/>
      <c r="IN288" s="42"/>
      <c r="IO288" s="42"/>
      <c r="IP288" s="42"/>
      <c r="IQ288" s="42"/>
      <c r="IR288" s="42"/>
      <c r="IS288" s="42"/>
      <c r="IT288" s="42"/>
      <c r="IU288" s="42"/>
      <c r="IV288" s="42"/>
      <c r="IW288" s="42"/>
      <c r="IX288" s="42"/>
    </row>
    <row r="289" spans="1:258" s="67" customFormat="1" ht="70.2" customHeight="1">
      <c r="A289" s="534"/>
      <c r="B289" s="535"/>
      <c r="C289" s="535"/>
      <c r="D289" s="535"/>
      <c r="E289" s="535"/>
      <c r="F289" s="535"/>
      <c r="G289" s="535"/>
      <c r="H289" s="535"/>
      <c r="I289" s="536"/>
      <c r="J289" s="598" t="s">
        <v>161</v>
      </c>
      <c r="K289" s="638"/>
      <c r="L289" s="108" t="s">
        <v>154</v>
      </c>
      <c r="M289" s="449"/>
      <c r="N289" s="537"/>
      <c r="O289" s="537"/>
      <c r="P289" s="538"/>
      <c r="Q289" s="134"/>
      <c r="R289" s="133"/>
      <c r="S289" s="39"/>
      <c r="T289" s="40"/>
      <c r="U289" s="41"/>
      <c r="V289" s="41"/>
      <c r="W289" s="41"/>
      <c r="X289" s="41"/>
      <c r="Y289" s="41"/>
      <c r="Z289" s="41"/>
      <c r="AA289" s="41"/>
      <c r="AB289" s="41"/>
      <c r="AC289" s="41"/>
      <c r="AD289" s="41"/>
      <c r="AE289" s="41"/>
      <c r="AF289" s="41"/>
      <c r="AG289" s="41"/>
      <c r="AH289" s="41"/>
      <c r="AI289" s="41"/>
      <c r="AJ289" s="41"/>
      <c r="AK289" s="41"/>
      <c r="AL289" s="41"/>
      <c r="AM289" s="41"/>
      <c r="AN289" s="41"/>
      <c r="AO289" s="41"/>
      <c r="AP289" s="41"/>
      <c r="AQ289" s="41"/>
      <c r="AR289" s="41"/>
      <c r="AS289" s="41"/>
      <c r="AT289" s="41"/>
      <c r="AU289" s="41"/>
      <c r="AV289" s="41"/>
      <c r="AW289" s="41"/>
      <c r="AX289" s="41"/>
      <c r="AY289" s="41"/>
      <c r="AZ289" s="41"/>
      <c r="BA289" s="41"/>
      <c r="BB289" s="41"/>
      <c r="BC289" s="41"/>
      <c r="BD289" s="41"/>
      <c r="BE289" s="42"/>
      <c r="BF289" s="42"/>
      <c r="BG289" s="42"/>
      <c r="BH289" s="42"/>
      <c r="BI289" s="42"/>
      <c r="BJ289" s="42"/>
      <c r="BK289" s="42"/>
      <c r="BL289" s="42"/>
      <c r="BM289" s="42"/>
      <c r="BN289" s="42"/>
      <c r="BO289" s="42"/>
      <c r="BP289" s="42"/>
      <c r="BQ289" s="42"/>
      <c r="BR289" s="42"/>
      <c r="BS289" s="42"/>
      <c r="BT289" s="42"/>
      <c r="BU289" s="42"/>
      <c r="BV289" s="42"/>
      <c r="BW289" s="42"/>
      <c r="BX289" s="42"/>
      <c r="BY289" s="42"/>
      <c r="BZ289" s="42"/>
      <c r="CA289" s="42"/>
      <c r="CB289" s="42"/>
      <c r="CC289" s="42"/>
      <c r="CD289" s="42"/>
      <c r="CE289" s="42"/>
      <c r="CF289" s="42"/>
      <c r="CG289" s="42"/>
      <c r="CH289" s="42"/>
      <c r="CI289" s="42"/>
      <c r="CJ289" s="42"/>
      <c r="CK289" s="42"/>
      <c r="CL289" s="42"/>
      <c r="CM289" s="42"/>
      <c r="CN289" s="42"/>
      <c r="CO289" s="42"/>
      <c r="CP289" s="42"/>
      <c r="CQ289" s="42"/>
      <c r="CR289" s="42"/>
      <c r="CS289" s="42"/>
      <c r="CT289" s="42"/>
      <c r="CU289" s="42"/>
      <c r="CV289" s="42"/>
      <c r="CW289" s="42"/>
      <c r="CX289" s="42"/>
      <c r="CY289" s="42"/>
      <c r="CZ289" s="42"/>
      <c r="DA289" s="42"/>
      <c r="DB289" s="42"/>
      <c r="DC289" s="42"/>
      <c r="DD289" s="42"/>
      <c r="DE289" s="42"/>
      <c r="DF289" s="42"/>
      <c r="DG289" s="42"/>
      <c r="DH289" s="42"/>
      <c r="DI289" s="42"/>
      <c r="DJ289" s="42"/>
      <c r="DK289" s="42"/>
      <c r="DL289" s="42"/>
      <c r="DM289" s="42"/>
      <c r="DN289" s="42"/>
      <c r="DO289" s="42"/>
      <c r="DP289" s="42"/>
      <c r="DQ289" s="42"/>
      <c r="DR289" s="42"/>
      <c r="DS289" s="42"/>
      <c r="DT289" s="42"/>
      <c r="DU289" s="42"/>
      <c r="DV289" s="42"/>
      <c r="DW289" s="42"/>
      <c r="DX289" s="42"/>
      <c r="DY289" s="42"/>
      <c r="DZ289" s="42"/>
      <c r="EA289" s="42"/>
      <c r="EB289" s="42"/>
      <c r="EC289" s="42"/>
      <c r="ED289" s="42"/>
      <c r="EE289" s="42"/>
      <c r="EF289" s="42"/>
      <c r="EG289" s="42"/>
      <c r="EH289" s="42"/>
      <c r="EI289" s="42"/>
      <c r="EJ289" s="42"/>
      <c r="EK289" s="42"/>
      <c r="EL289" s="42"/>
      <c r="EM289" s="42"/>
      <c r="EN289" s="42"/>
      <c r="EO289" s="42"/>
      <c r="EP289" s="42"/>
      <c r="EQ289" s="42"/>
      <c r="ER289" s="42"/>
      <c r="ES289" s="42"/>
      <c r="ET289" s="42"/>
      <c r="EU289" s="42"/>
      <c r="EV289" s="42"/>
      <c r="EW289" s="42"/>
      <c r="EX289" s="42"/>
      <c r="EY289" s="42"/>
      <c r="EZ289" s="42"/>
      <c r="FA289" s="42"/>
      <c r="FB289" s="42"/>
      <c r="FC289" s="42"/>
      <c r="FD289" s="42"/>
      <c r="FE289" s="42"/>
      <c r="FF289" s="42"/>
      <c r="FG289" s="42"/>
      <c r="FH289" s="42"/>
      <c r="FI289" s="42"/>
      <c r="FJ289" s="42"/>
      <c r="FK289" s="42"/>
      <c r="FL289" s="42"/>
      <c r="FM289" s="42"/>
      <c r="FN289" s="42"/>
      <c r="FO289" s="42"/>
      <c r="FP289" s="42"/>
      <c r="FQ289" s="42"/>
      <c r="FR289" s="42"/>
      <c r="FS289" s="42"/>
      <c r="FT289" s="42"/>
      <c r="FU289" s="42"/>
      <c r="FV289" s="42"/>
      <c r="FW289" s="42"/>
      <c r="FX289" s="42"/>
      <c r="FY289" s="42"/>
      <c r="FZ289" s="42"/>
      <c r="GA289" s="42"/>
      <c r="GB289" s="42"/>
      <c r="GC289" s="42"/>
      <c r="GD289" s="42"/>
      <c r="GE289" s="42"/>
      <c r="GF289" s="42"/>
      <c r="GG289" s="42"/>
      <c r="GH289" s="42"/>
      <c r="GI289" s="42"/>
      <c r="GJ289" s="42"/>
      <c r="GK289" s="42"/>
      <c r="GL289" s="42"/>
      <c r="GM289" s="42"/>
      <c r="GN289" s="42"/>
      <c r="GO289" s="42"/>
      <c r="GP289" s="42"/>
      <c r="GQ289" s="42"/>
      <c r="GR289" s="42"/>
      <c r="GS289" s="42"/>
      <c r="GT289" s="42"/>
      <c r="GU289" s="42"/>
      <c r="GV289" s="42"/>
      <c r="GW289" s="42"/>
      <c r="GX289" s="42"/>
      <c r="GY289" s="42"/>
      <c r="GZ289" s="42"/>
      <c r="HA289" s="42"/>
      <c r="HB289" s="42"/>
      <c r="HC289" s="42"/>
      <c r="HD289" s="42"/>
      <c r="HE289" s="42"/>
      <c r="HF289" s="42"/>
      <c r="HG289" s="42"/>
      <c r="HH289" s="42"/>
      <c r="HI289" s="42"/>
      <c r="HJ289" s="42"/>
      <c r="HK289" s="42"/>
      <c r="HL289" s="42"/>
      <c r="HM289" s="42"/>
      <c r="HN289" s="42"/>
      <c r="HO289" s="42"/>
      <c r="HP289" s="42"/>
      <c r="HQ289" s="42"/>
      <c r="HR289" s="42"/>
      <c r="HS289" s="42"/>
      <c r="HT289" s="42"/>
      <c r="HU289" s="42"/>
      <c r="HV289" s="42"/>
      <c r="HW289" s="42"/>
      <c r="HX289" s="42"/>
      <c r="HY289" s="42"/>
      <c r="HZ289" s="42"/>
      <c r="IA289" s="42"/>
      <c r="IB289" s="42"/>
      <c r="IC289" s="42"/>
      <c r="ID289" s="42"/>
      <c r="IE289" s="42"/>
      <c r="IF289" s="42"/>
      <c r="IG289" s="42"/>
      <c r="IH289" s="42"/>
      <c r="II289" s="42"/>
      <c r="IJ289" s="42"/>
      <c r="IK289" s="42"/>
      <c r="IL289" s="42"/>
      <c r="IM289" s="42"/>
      <c r="IN289" s="42"/>
      <c r="IO289" s="42"/>
      <c r="IP289" s="42"/>
      <c r="IQ289" s="42"/>
      <c r="IR289" s="42"/>
      <c r="IS289" s="42"/>
      <c r="IT289" s="42"/>
      <c r="IU289" s="42"/>
      <c r="IV289" s="42"/>
      <c r="IW289" s="42"/>
      <c r="IX289" s="42"/>
    </row>
    <row r="290" spans="1:258" s="67" customFormat="1" ht="70.2" customHeight="1">
      <c r="A290" s="528" t="s">
        <v>157</v>
      </c>
      <c r="B290" s="529"/>
      <c r="C290" s="529"/>
      <c r="D290" s="529"/>
      <c r="E290" s="529"/>
      <c r="F290" s="529"/>
      <c r="G290" s="529"/>
      <c r="H290" s="529"/>
      <c r="I290" s="530"/>
      <c r="J290" s="109" t="s">
        <v>158</v>
      </c>
      <c r="K290" s="449" t="s">
        <v>159</v>
      </c>
      <c r="L290" s="537"/>
      <c r="M290" s="537"/>
      <c r="N290" s="537"/>
      <c r="O290" s="537"/>
      <c r="P290" s="538"/>
      <c r="Q290" s="134"/>
      <c r="R290" s="133"/>
      <c r="S290" s="39"/>
      <c r="T290" s="40"/>
      <c r="U290" s="41"/>
      <c r="V290" s="41"/>
      <c r="W290" s="41"/>
      <c r="X290" s="41"/>
      <c r="Y290" s="41"/>
      <c r="Z290" s="41"/>
      <c r="AA290" s="41"/>
      <c r="AB290" s="41"/>
      <c r="AC290" s="41"/>
      <c r="AD290" s="41"/>
      <c r="AE290" s="41"/>
      <c r="AF290" s="41"/>
      <c r="AG290" s="41"/>
      <c r="AH290" s="41"/>
      <c r="AI290" s="41"/>
      <c r="AJ290" s="41"/>
      <c r="AK290" s="41"/>
      <c r="AL290" s="41"/>
      <c r="AM290" s="41"/>
      <c r="AN290" s="41"/>
      <c r="AO290" s="41"/>
      <c r="AP290" s="41"/>
      <c r="AQ290" s="41"/>
      <c r="AR290" s="41"/>
      <c r="AS290" s="41"/>
      <c r="AT290" s="41"/>
      <c r="AU290" s="41"/>
      <c r="AV290" s="41"/>
      <c r="AW290" s="41"/>
      <c r="AX290" s="41"/>
      <c r="AY290" s="41"/>
      <c r="AZ290" s="41"/>
      <c r="BA290" s="41"/>
      <c r="BB290" s="41"/>
      <c r="BC290" s="41"/>
      <c r="BD290" s="41"/>
      <c r="BE290" s="42"/>
      <c r="BF290" s="42"/>
      <c r="BG290" s="42"/>
      <c r="BH290" s="42"/>
      <c r="BI290" s="42"/>
      <c r="BJ290" s="42"/>
      <c r="BK290" s="42"/>
      <c r="BL290" s="42"/>
      <c r="BM290" s="42"/>
      <c r="BN290" s="42"/>
      <c r="BO290" s="42"/>
      <c r="BP290" s="42"/>
      <c r="BQ290" s="42"/>
      <c r="BR290" s="42"/>
      <c r="BS290" s="42"/>
      <c r="BT290" s="42"/>
      <c r="BU290" s="42"/>
      <c r="BV290" s="42"/>
      <c r="BW290" s="42"/>
      <c r="BX290" s="42"/>
      <c r="BY290" s="42"/>
      <c r="BZ290" s="42"/>
      <c r="CA290" s="42"/>
      <c r="CB290" s="42"/>
      <c r="CC290" s="42"/>
      <c r="CD290" s="42"/>
      <c r="CE290" s="42"/>
      <c r="CF290" s="42"/>
      <c r="CG290" s="42"/>
      <c r="CH290" s="42"/>
      <c r="CI290" s="42"/>
      <c r="CJ290" s="42"/>
      <c r="CK290" s="42"/>
      <c r="CL290" s="42"/>
      <c r="CM290" s="42"/>
      <c r="CN290" s="42"/>
      <c r="CO290" s="42"/>
      <c r="CP290" s="42"/>
      <c r="CQ290" s="42"/>
      <c r="CR290" s="42"/>
      <c r="CS290" s="42"/>
      <c r="CT290" s="42"/>
      <c r="CU290" s="42"/>
      <c r="CV290" s="42"/>
      <c r="CW290" s="42"/>
      <c r="CX290" s="42"/>
      <c r="CY290" s="42"/>
      <c r="CZ290" s="42"/>
      <c r="DA290" s="42"/>
      <c r="DB290" s="42"/>
      <c r="DC290" s="42"/>
      <c r="DD290" s="42"/>
      <c r="DE290" s="42"/>
      <c r="DF290" s="42"/>
      <c r="DG290" s="42"/>
      <c r="DH290" s="42"/>
      <c r="DI290" s="42"/>
      <c r="DJ290" s="42"/>
      <c r="DK290" s="42"/>
      <c r="DL290" s="42"/>
      <c r="DM290" s="42"/>
      <c r="DN290" s="42"/>
      <c r="DO290" s="42"/>
      <c r="DP290" s="42"/>
      <c r="DQ290" s="42"/>
      <c r="DR290" s="42"/>
      <c r="DS290" s="42"/>
      <c r="DT290" s="42"/>
      <c r="DU290" s="42"/>
      <c r="DV290" s="42"/>
      <c r="DW290" s="42"/>
      <c r="DX290" s="42"/>
      <c r="DY290" s="42"/>
      <c r="DZ290" s="42"/>
      <c r="EA290" s="42"/>
      <c r="EB290" s="42"/>
      <c r="EC290" s="42"/>
      <c r="ED290" s="42"/>
      <c r="EE290" s="42"/>
      <c r="EF290" s="42"/>
      <c r="EG290" s="42"/>
      <c r="EH290" s="42"/>
      <c r="EI290" s="42"/>
      <c r="EJ290" s="42"/>
      <c r="EK290" s="42"/>
      <c r="EL290" s="42"/>
      <c r="EM290" s="42"/>
      <c r="EN290" s="42"/>
      <c r="EO290" s="42"/>
      <c r="EP290" s="42"/>
      <c r="EQ290" s="42"/>
      <c r="ER290" s="42"/>
      <c r="ES290" s="42"/>
      <c r="ET290" s="42"/>
      <c r="EU290" s="42"/>
      <c r="EV290" s="42"/>
      <c r="EW290" s="42"/>
      <c r="EX290" s="42"/>
      <c r="EY290" s="42"/>
      <c r="EZ290" s="42"/>
      <c r="FA290" s="42"/>
      <c r="FB290" s="42"/>
      <c r="FC290" s="42"/>
      <c r="FD290" s="42"/>
      <c r="FE290" s="42"/>
      <c r="FF290" s="42"/>
      <c r="FG290" s="42"/>
      <c r="FH290" s="42"/>
      <c r="FI290" s="42"/>
      <c r="FJ290" s="42"/>
      <c r="FK290" s="42"/>
      <c r="FL290" s="42"/>
      <c r="FM290" s="42"/>
      <c r="FN290" s="42"/>
      <c r="FO290" s="42"/>
      <c r="FP290" s="42"/>
      <c r="FQ290" s="42"/>
      <c r="FR290" s="42"/>
      <c r="FS290" s="42"/>
      <c r="FT290" s="42"/>
      <c r="FU290" s="42"/>
      <c r="FV290" s="42"/>
      <c r="FW290" s="42"/>
      <c r="FX290" s="42"/>
      <c r="FY290" s="42"/>
      <c r="FZ290" s="42"/>
      <c r="GA290" s="42"/>
      <c r="GB290" s="42"/>
      <c r="GC290" s="42"/>
      <c r="GD290" s="42"/>
      <c r="GE290" s="42"/>
      <c r="GF290" s="42"/>
      <c r="GG290" s="42"/>
      <c r="GH290" s="42"/>
      <c r="GI290" s="42"/>
      <c r="GJ290" s="42"/>
      <c r="GK290" s="42"/>
      <c r="GL290" s="42"/>
      <c r="GM290" s="42"/>
      <c r="GN290" s="42"/>
      <c r="GO290" s="42"/>
      <c r="GP290" s="42"/>
      <c r="GQ290" s="42"/>
      <c r="GR290" s="42"/>
      <c r="GS290" s="42"/>
      <c r="GT290" s="42"/>
      <c r="GU290" s="42"/>
      <c r="GV290" s="42"/>
      <c r="GW290" s="42"/>
      <c r="GX290" s="42"/>
      <c r="GY290" s="42"/>
      <c r="GZ290" s="42"/>
      <c r="HA290" s="42"/>
      <c r="HB290" s="42"/>
      <c r="HC290" s="42"/>
      <c r="HD290" s="42"/>
      <c r="HE290" s="42"/>
      <c r="HF290" s="42"/>
      <c r="HG290" s="42"/>
      <c r="HH290" s="42"/>
      <c r="HI290" s="42"/>
      <c r="HJ290" s="42"/>
      <c r="HK290" s="42"/>
      <c r="HL290" s="42"/>
      <c r="HM290" s="42"/>
      <c r="HN290" s="42"/>
      <c r="HO290" s="42"/>
      <c r="HP290" s="42"/>
      <c r="HQ290" s="42"/>
      <c r="HR290" s="42"/>
      <c r="HS290" s="42"/>
      <c r="HT290" s="42"/>
      <c r="HU290" s="42"/>
      <c r="HV290" s="42"/>
      <c r="HW290" s="42"/>
      <c r="HX290" s="42"/>
      <c r="HY290" s="42"/>
      <c r="HZ290" s="42"/>
      <c r="IA290" s="42"/>
      <c r="IB290" s="42"/>
      <c r="IC290" s="42"/>
      <c r="ID290" s="42"/>
      <c r="IE290" s="42"/>
      <c r="IF290" s="42"/>
      <c r="IG290" s="42"/>
      <c r="IH290" s="42"/>
      <c r="II290" s="42"/>
      <c r="IJ290" s="42"/>
      <c r="IK290" s="42"/>
      <c r="IL290" s="42"/>
      <c r="IM290" s="42"/>
      <c r="IN290" s="42"/>
      <c r="IO290" s="42"/>
      <c r="IP290" s="42"/>
      <c r="IQ290" s="42"/>
      <c r="IR290" s="42"/>
      <c r="IS290" s="42"/>
      <c r="IT290" s="42"/>
      <c r="IU290" s="42"/>
      <c r="IV290" s="42"/>
      <c r="IW290" s="42"/>
      <c r="IX290" s="42"/>
    </row>
    <row r="291" spans="1:258" s="67" customFormat="1" ht="70.2" customHeight="1">
      <c r="A291" s="531"/>
      <c r="B291" s="532"/>
      <c r="C291" s="532"/>
      <c r="D291" s="532"/>
      <c r="E291" s="532"/>
      <c r="F291" s="532"/>
      <c r="G291" s="532"/>
      <c r="H291" s="532"/>
      <c r="I291" s="533"/>
      <c r="J291" s="449" t="s">
        <v>160</v>
      </c>
      <c r="K291" s="537"/>
      <c r="L291" s="537"/>
      <c r="M291" s="537"/>
      <c r="N291" s="537"/>
      <c r="O291" s="537"/>
      <c r="P291" s="538"/>
      <c r="Q291" s="134"/>
      <c r="R291" s="133"/>
      <c r="S291" s="39"/>
      <c r="T291" s="40"/>
      <c r="U291" s="41"/>
      <c r="V291" s="41"/>
      <c r="W291" s="41"/>
      <c r="X291" s="41"/>
      <c r="Y291" s="41"/>
      <c r="Z291" s="41"/>
      <c r="AA291" s="41"/>
      <c r="AB291" s="41"/>
      <c r="AC291" s="41"/>
      <c r="AD291" s="41"/>
      <c r="AE291" s="41"/>
      <c r="AF291" s="41"/>
      <c r="AG291" s="41"/>
      <c r="AH291" s="41"/>
      <c r="AI291" s="41"/>
      <c r="AJ291" s="41"/>
      <c r="AK291" s="41"/>
      <c r="AL291" s="41"/>
      <c r="AM291" s="41"/>
      <c r="AN291" s="41"/>
      <c r="AO291" s="41"/>
      <c r="AP291" s="41"/>
      <c r="AQ291" s="41"/>
      <c r="AR291" s="41"/>
      <c r="AS291" s="41"/>
      <c r="AT291" s="41"/>
      <c r="AU291" s="41"/>
      <c r="AV291" s="41"/>
      <c r="AW291" s="41"/>
      <c r="AX291" s="41"/>
      <c r="AY291" s="41"/>
      <c r="AZ291" s="41"/>
      <c r="BA291" s="41"/>
      <c r="BB291" s="41"/>
      <c r="BC291" s="41"/>
      <c r="BD291" s="41"/>
      <c r="BE291" s="42"/>
      <c r="BF291" s="42"/>
      <c r="BG291" s="42"/>
      <c r="BH291" s="42"/>
      <c r="BI291" s="42"/>
      <c r="BJ291" s="42"/>
      <c r="BK291" s="42"/>
      <c r="BL291" s="42"/>
      <c r="BM291" s="42"/>
      <c r="BN291" s="42"/>
      <c r="BO291" s="42"/>
      <c r="BP291" s="42"/>
      <c r="BQ291" s="42"/>
      <c r="BR291" s="42"/>
      <c r="BS291" s="42"/>
      <c r="BT291" s="42"/>
      <c r="BU291" s="42"/>
      <c r="BV291" s="42"/>
      <c r="BW291" s="42"/>
      <c r="BX291" s="42"/>
      <c r="BY291" s="42"/>
      <c r="BZ291" s="42"/>
      <c r="CA291" s="42"/>
      <c r="CB291" s="42"/>
      <c r="CC291" s="42"/>
      <c r="CD291" s="42"/>
      <c r="CE291" s="42"/>
      <c r="CF291" s="42"/>
      <c r="CG291" s="42"/>
      <c r="CH291" s="42"/>
      <c r="CI291" s="42"/>
      <c r="CJ291" s="42"/>
      <c r="CK291" s="42"/>
      <c r="CL291" s="42"/>
      <c r="CM291" s="42"/>
      <c r="CN291" s="42"/>
      <c r="CO291" s="42"/>
      <c r="CP291" s="42"/>
      <c r="CQ291" s="42"/>
      <c r="CR291" s="42"/>
      <c r="CS291" s="42"/>
      <c r="CT291" s="42"/>
      <c r="CU291" s="42"/>
      <c r="CV291" s="42"/>
      <c r="CW291" s="42"/>
      <c r="CX291" s="42"/>
      <c r="CY291" s="42"/>
      <c r="CZ291" s="42"/>
      <c r="DA291" s="42"/>
      <c r="DB291" s="42"/>
      <c r="DC291" s="42"/>
      <c r="DD291" s="42"/>
      <c r="DE291" s="42"/>
      <c r="DF291" s="42"/>
      <c r="DG291" s="42"/>
      <c r="DH291" s="42"/>
      <c r="DI291" s="42"/>
      <c r="DJ291" s="42"/>
      <c r="DK291" s="42"/>
      <c r="DL291" s="42"/>
      <c r="DM291" s="42"/>
      <c r="DN291" s="42"/>
      <c r="DO291" s="42"/>
      <c r="DP291" s="42"/>
      <c r="DQ291" s="42"/>
      <c r="DR291" s="42"/>
      <c r="DS291" s="42"/>
      <c r="DT291" s="42"/>
      <c r="DU291" s="42"/>
      <c r="DV291" s="42"/>
      <c r="DW291" s="42"/>
      <c r="DX291" s="42"/>
      <c r="DY291" s="42"/>
      <c r="DZ291" s="42"/>
      <c r="EA291" s="42"/>
      <c r="EB291" s="42"/>
      <c r="EC291" s="42"/>
      <c r="ED291" s="42"/>
      <c r="EE291" s="42"/>
      <c r="EF291" s="42"/>
      <c r="EG291" s="42"/>
      <c r="EH291" s="42"/>
      <c r="EI291" s="42"/>
      <c r="EJ291" s="42"/>
      <c r="EK291" s="42"/>
      <c r="EL291" s="42"/>
      <c r="EM291" s="42"/>
      <c r="EN291" s="42"/>
      <c r="EO291" s="42"/>
      <c r="EP291" s="42"/>
      <c r="EQ291" s="42"/>
      <c r="ER291" s="42"/>
      <c r="ES291" s="42"/>
      <c r="ET291" s="42"/>
      <c r="EU291" s="42"/>
      <c r="EV291" s="42"/>
      <c r="EW291" s="42"/>
      <c r="EX291" s="42"/>
      <c r="EY291" s="42"/>
      <c r="EZ291" s="42"/>
      <c r="FA291" s="42"/>
      <c r="FB291" s="42"/>
      <c r="FC291" s="42"/>
      <c r="FD291" s="42"/>
      <c r="FE291" s="42"/>
      <c r="FF291" s="42"/>
      <c r="FG291" s="42"/>
      <c r="FH291" s="42"/>
      <c r="FI291" s="42"/>
      <c r="FJ291" s="42"/>
      <c r="FK291" s="42"/>
      <c r="FL291" s="42"/>
      <c r="FM291" s="42"/>
      <c r="FN291" s="42"/>
      <c r="FO291" s="42"/>
      <c r="FP291" s="42"/>
      <c r="FQ291" s="42"/>
      <c r="FR291" s="42"/>
      <c r="FS291" s="42"/>
      <c r="FT291" s="42"/>
      <c r="FU291" s="42"/>
      <c r="FV291" s="42"/>
      <c r="FW291" s="42"/>
      <c r="FX291" s="42"/>
      <c r="FY291" s="42"/>
      <c r="FZ291" s="42"/>
      <c r="GA291" s="42"/>
      <c r="GB291" s="42"/>
      <c r="GC291" s="42"/>
      <c r="GD291" s="42"/>
      <c r="GE291" s="42"/>
      <c r="GF291" s="42"/>
      <c r="GG291" s="42"/>
      <c r="GH291" s="42"/>
      <c r="GI291" s="42"/>
      <c r="GJ291" s="42"/>
      <c r="GK291" s="42"/>
      <c r="GL291" s="42"/>
      <c r="GM291" s="42"/>
      <c r="GN291" s="42"/>
      <c r="GO291" s="42"/>
      <c r="GP291" s="42"/>
      <c r="GQ291" s="42"/>
      <c r="GR291" s="42"/>
      <c r="GS291" s="42"/>
      <c r="GT291" s="42"/>
      <c r="GU291" s="42"/>
      <c r="GV291" s="42"/>
      <c r="GW291" s="42"/>
      <c r="GX291" s="42"/>
      <c r="GY291" s="42"/>
      <c r="GZ291" s="42"/>
      <c r="HA291" s="42"/>
      <c r="HB291" s="42"/>
      <c r="HC291" s="42"/>
      <c r="HD291" s="42"/>
      <c r="HE291" s="42"/>
      <c r="HF291" s="42"/>
      <c r="HG291" s="42"/>
      <c r="HH291" s="42"/>
      <c r="HI291" s="42"/>
      <c r="HJ291" s="42"/>
      <c r="HK291" s="42"/>
      <c r="HL291" s="42"/>
      <c r="HM291" s="42"/>
      <c r="HN291" s="42"/>
      <c r="HO291" s="42"/>
      <c r="HP291" s="42"/>
      <c r="HQ291" s="42"/>
      <c r="HR291" s="42"/>
      <c r="HS291" s="42"/>
      <c r="HT291" s="42"/>
      <c r="HU291" s="42"/>
      <c r="HV291" s="42"/>
      <c r="HW291" s="42"/>
      <c r="HX291" s="42"/>
      <c r="HY291" s="42"/>
      <c r="HZ291" s="42"/>
      <c r="IA291" s="42"/>
      <c r="IB291" s="42"/>
      <c r="IC291" s="42"/>
      <c r="ID291" s="42"/>
      <c r="IE291" s="42"/>
      <c r="IF291" s="42"/>
      <c r="IG291" s="42"/>
      <c r="IH291" s="42"/>
      <c r="II291" s="42"/>
      <c r="IJ291" s="42"/>
      <c r="IK291" s="42"/>
      <c r="IL291" s="42"/>
      <c r="IM291" s="42"/>
      <c r="IN291" s="42"/>
      <c r="IO291" s="42"/>
      <c r="IP291" s="42"/>
      <c r="IQ291" s="42"/>
      <c r="IR291" s="42"/>
      <c r="IS291" s="42"/>
      <c r="IT291" s="42"/>
      <c r="IU291" s="42"/>
      <c r="IV291" s="42"/>
      <c r="IW291" s="42"/>
      <c r="IX291" s="42"/>
    </row>
    <row r="292" spans="1:258" s="67" customFormat="1" ht="70.2" customHeight="1">
      <c r="A292" s="534"/>
      <c r="B292" s="535"/>
      <c r="C292" s="535"/>
      <c r="D292" s="535"/>
      <c r="E292" s="535"/>
      <c r="F292" s="535"/>
      <c r="G292" s="535"/>
      <c r="H292" s="535"/>
      <c r="I292" s="536"/>
      <c r="J292" s="598" t="s">
        <v>161</v>
      </c>
      <c r="K292" s="638"/>
      <c r="L292" s="108" t="s">
        <v>154</v>
      </c>
      <c r="M292" s="449"/>
      <c r="N292" s="537"/>
      <c r="O292" s="537"/>
      <c r="P292" s="538"/>
      <c r="Q292" s="134"/>
      <c r="R292" s="133"/>
      <c r="S292" s="39"/>
      <c r="T292" s="40"/>
      <c r="U292" s="41"/>
      <c r="V292" s="41"/>
      <c r="W292" s="41"/>
      <c r="X292" s="41"/>
      <c r="Y292" s="41"/>
      <c r="Z292" s="41"/>
      <c r="AA292" s="41"/>
      <c r="AB292" s="41"/>
      <c r="AC292" s="41"/>
      <c r="AD292" s="41"/>
      <c r="AE292" s="41"/>
      <c r="AF292" s="41"/>
      <c r="AG292" s="41"/>
      <c r="AH292" s="41"/>
      <c r="AI292" s="41"/>
      <c r="AJ292" s="41"/>
      <c r="AK292" s="41"/>
      <c r="AL292" s="41"/>
      <c r="AM292" s="41"/>
      <c r="AN292" s="41"/>
      <c r="AO292" s="41"/>
      <c r="AP292" s="41"/>
      <c r="AQ292" s="41"/>
      <c r="AR292" s="41"/>
      <c r="AS292" s="41"/>
      <c r="AT292" s="41"/>
      <c r="AU292" s="41"/>
      <c r="AV292" s="41"/>
      <c r="AW292" s="41"/>
      <c r="AX292" s="41"/>
      <c r="AY292" s="41"/>
      <c r="AZ292" s="41"/>
      <c r="BA292" s="41"/>
      <c r="BB292" s="41"/>
      <c r="BC292" s="41"/>
      <c r="BD292" s="41"/>
      <c r="BE292" s="42"/>
      <c r="BF292" s="42"/>
      <c r="BG292" s="42"/>
      <c r="BH292" s="42"/>
      <c r="BI292" s="42"/>
      <c r="BJ292" s="42"/>
      <c r="BK292" s="42"/>
      <c r="BL292" s="42"/>
      <c r="BM292" s="42"/>
      <c r="BN292" s="42"/>
      <c r="BO292" s="42"/>
      <c r="BP292" s="42"/>
      <c r="BQ292" s="42"/>
      <c r="BR292" s="42"/>
      <c r="BS292" s="42"/>
      <c r="BT292" s="42"/>
      <c r="BU292" s="42"/>
      <c r="BV292" s="42"/>
      <c r="BW292" s="42"/>
      <c r="BX292" s="42"/>
      <c r="BY292" s="42"/>
      <c r="BZ292" s="42"/>
      <c r="CA292" s="42"/>
      <c r="CB292" s="42"/>
      <c r="CC292" s="42"/>
      <c r="CD292" s="42"/>
      <c r="CE292" s="42"/>
      <c r="CF292" s="42"/>
      <c r="CG292" s="42"/>
      <c r="CH292" s="42"/>
      <c r="CI292" s="42"/>
      <c r="CJ292" s="42"/>
      <c r="CK292" s="42"/>
      <c r="CL292" s="42"/>
      <c r="CM292" s="42"/>
      <c r="CN292" s="42"/>
      <c r="CO292" s="42"/>
      <c r="CP292" s="42"/>
      <c r="CQ292" s="42"/>
      <c r="CR292" s="42"/>
      <c r="CS292" s="42"/>
      <c r="CT292" s="42"/>
      <c r="CU292" s="42"/>
      <c r="CV292" s="42"/>
      <c r="CW292" s="42"/>
      <c r="CX292" s="42"/>
      <c r="CY292" s="42"/>
      <c r="CZ292" s="42"/>
      <c r="DA292" s="42"/>
      <c r="DB292" s="42"/>
      <c r="DC292" s="42"/>
      <c r="DD292" s="42"/>
      <c r="DE292" s="42"/>
      <c r="DF292" s="42"/>
      <c r="DG292" s="42"/>
      <c r="DH292" s="42"/>
      <c r="DI292" s="42"/>
      <c r="DJ292" s="42"/>
      <c r="DK292" s="42"/>
      <c r="DL292" s="42"/>
      <c r="DM292" s="42"/>
      <c r="DN292" s="42"/>
      <c r="DO292" s="42"/>
      <c r="DP292" s="42"/>
      <c r="DQ292" s="42"/>
      <c r="DR292" s="42"/>
      <c r="DS292" s="42"/>
      <c r="DT292" s="42"/>
      <c r="DU292" s="42"/>
      <c r="DV292" s="42"/>
      <c r="DW292" s="42"/>
      <c r="DX292" s="42"/>
      <c r="DY292" s="42"/>
      <c r="DZ292" s="42"/>
      <c r="EA292" s="42"/>
      <c r="EB292" s="42"/>
      <c r="EC292" s="42"/>
      <c r="ED292" s="42"/>
      <c r="EE292" s="42"/>
      <c r="EF292" s="42"/>
      <c r="EG292" s="42"/>
      <c r="EH292" s="42"/>
      <c r="EI292" s="42"/>
      <c r="EJ292" s="42"/>
      <c r="EK292" s="42"/>
      <c r="EL292" s="42"/>
      <c r="EM292" s="42"/>
      <c r="EN292" s="42"/>
      <c r="EO292" s="42"/>
      <c r="EP292" s="42"/>
      <c r="EQ292" s="42"/>
      <c r="ER292" s="42"/>
      <c r="ES292" s="42"/>
      <c r="ET292" s="42"/>
      <c r="EU292" s="42"/>
      <c r="EV292" s="42"/>
      <c r="EW292" s="42"/>
      <c r="EX292" s="42"/>
      <c r="EY292" s="42"/>
      <c r="EZ292" s="42"/>
      <c r="FA292" s="42"/>
      <c r="FB292" s="42"/>
      <c r="FC292" s="42"/>
      <c r="FD292" s="42"/>
      <c r="FE292" s="42"/>
      <c r="FF292" s="42"/>
      <c r="FG292" s="42"/>
      <c r="FH292" s="42"/>
      <c r="FI292" s="42"/>
      <c r="FJ292" s="42"/>
      <c r="FK292" s="42"/>
      <c r="FL292" s="42"/>
      <c r="FM292" s="42"/>
      <c r="FN292" s="42"/>
      <c r="FO292" s="42"/>
      <c r="FP292" s="42"/>
      <c r="FQ292" s="42"/>
      <c r="FR292" s="42"/>
      <c r="FS292" s="42"/>
      <c r="FT292" s="42"/>
      <c r="FU292" s="42"/>
      <c r="FV292" s="42"/>
      <c r="FW292" s="42"/>
      <c r="FX292" s="42"/>
      <c r="FY292" s="42"/>
      <c r="FZ292" s="42"/>
      <c r="GA292" s="42"/>
      <c r="GB292" s="42"/>
      <c r="GC292" s="42"/>
      <c r="GD292" s="42"/>
      <c r="GE292" s="42"/>
      <c r="GF292" s="42"/>
      <c r="GG292" s="42"/>
      <c r="GH292" s="42"/>
      <c r="GI292" s="42"/>
      <c r="GJ292" s="42"/>
      <c r="GK292" s="42"/>
      <c r="GL292" s="42"/>
      <c r="GM292" s="42"/>
      <c r="GN292" s="42"/>
      <c r="GO292" s="42"/>
      <c r="GP292" s="42"/>
      <c r="GQ292" s="42"/>
      <c r="GR292" s="42"/>
      <c r="GS292" s="42"/>
      <c r="GT292" s="42"/>
      <c r="GU292" s="42"/>
      <c r="GV292" s="42"/>
      <c r="GW292" s="42"/>
      <c r="GX292" s="42"/>
      <c r="GY292" s="42"/>
      <c r="GZ292" s="42"/>
      <c r="HA292" s="42"/>
      <c r="HB292" s="42"/>
      <c r="HC292" s="42"/>
      <c r="HD292" s="42"/>
      <c r="HE292" s="42"/>
      <c r="HF292" s="42"/>
      <c r="HG292" s="42"/>
      <c r="HH292" s="42"/>
      <c r="HI292" s="42"/>
      <c r="HJ292" s="42"/>
      <c r="HK292" s="42"/>
      <c r="HL292" s="42"/>
      <c r="HM292" s="42"/>
      <c r="HN292" s="42"/>
      <c r="HO292" s="42"/>
      <c r="HP292" s="42"/>
      <c r="HQ292" s="42"/>
      <c r="HR292" s="42"/>
      <c r="HS292" s="42"/>
      <c r="HT292" s="42"/>
      <c r="HU292" s="42"/>
      <c r="HV292" s="42"/>
      <c r="HW292" s="42"/>
      <c r="HX292" s="42"/>
      <c r="HY292" s="42"/>
      <c r="HZ292" s="42"/>
      <c r="IA292" s="42"/>
      <c r="IB292" s="42"/>
      <c r="IC292" s="42"/>
      <c r="ID292" s="42"/>
      <c r="IE292" s="42"/>
      <c r="IF292" s="42"/>
      <c r="IG292" s="42"/>
      <c r="IH292" s="42"/>
      <c r="II292" s="42"/>
      <c r="IJ292" s="42"/>
      <c r="IK292" s="42"/>
      <c r="IL292" s="42"/>
      <c r="IM292" s="42"/>
      <c r="IN292" s="42"/>
      <c r="IO292" s="42"/>
      <c r="IP292" s="42"/>
      <c r="IQ292" s="42"/>
      <c r="IR292" s="42"/>
      <c r="IS292" s="42"/>
      <c r="IT292" s="42"/>
      <c r="IU292" s="42"/>
      <c r="IV292" s="42"/>
      <c r="IW292" s="42"/>
      <c r="IX292" s="42"/>
    </row>
    <row r="293" spans="1:258" s="67" customFormat="1" ht="70.2" customHeight="1">
      <c r="A293" s="528" t="s">
        <v>334</v>
      </c>
      <c r="B293" s="529"/>
      <c r="C293" s="529"/>
      <c r="D293" s="529"/>
      <c r="E293" s="529"/>
      <c r="F293" s="529"/>
      <c r="G293" s="529"/>
      <c r="H293" s="529"/>
      <c r="I293" s="530"/>
      <c r="J293" s="109" t="s">
        <v>158</v>
      </c>
      <c r="K293" s="449" t="s">
        <v>159</v>
      </c>
      <c r="L293" s="537"/>
      <c r="M293" s="537"/>
      <c r="N293" s="537"/>
      <c r="O293" s="537"/>
      <c r="P293" s="538"/>
      <c r="Q293" s="134"/>
      <c r="R293" s="133"/>
      <c r="S293" s="39"/>
      <c r="T293" s="40"/>
      <c r="U293" s="41"/>
      <c r="V293" s="41"/>
      <c r="W293" s="41"/>
      <c r="X293" s="41"/>
      <c r="Y293" s="41"/>
      <c r="Z293" s="41"/>
      <c r="AA293" s="41"/>
      <c r="AB293" s="41"/>
      <c r="AC293" s="41"/>
      <c r="AD293" s="41"/>
      <c r="AE293" s="41"/>
      <c r="AF293" s="41"/>
      <c r="AG293" s="41"/>
      <c r="AH293" s="41"/>
      <c r="AI293" s="41"/>
      <c r="AJ293" s="41"/>
      <c r="AK293" s="41"/>
      <c r="AL293" s="41"/>
      <c r="AM293" s="41"/>
      <c r="AN293" s="41"/>
      <c r="AO293" s="41"/>
      <c r="AP293" s="41"/>
      <c r="AQ293" s="41"/>
      <c r="AR293" s="41"/>
      <c r="AS293" s="41"/>
      <c r="AT293" s="41"/>
      <c r="AU293" s="41"/>
      <c r="AV293" s="41"/>
      <c r="AW293" s="41"/>
      <c r="AX293" s="41"/>
      <c r="AY293" s="41"/>
      <c r="AZ293" s="41"/>
      <c r="BA293" s="41"/>
      <c r="BB293" s="41"/>
      <c r="BC293" s="41"/>
      <c r="BD293" s="41"/>
      <c r="BE293" s="42"/>
      <c r="BF293" s="42"/>
      <c r="BG293" s="42"/>
      <c r="BH293" s="42"/>
      <c r="BI293" s="42"/>
      <c r="BJ293" s="42"/>
      <c r="BK293" s="42"/>
      <c r="BL293" s="42"/>
      <c r="BM293" s="42"/>
      <c r="BN293" s="42"/>
      <c r="BO293" s="42"/>
      <c r="BP293" s="42"/>
      <c r="BQ293" s="42"/>
      <c r="BR293" s="42"/>
      <c r="BS293" s="42"/>
      <c r="BT293" s="42"/>
      <c r="BU293" s="42"/>
      <c r="BV293" s="42"/>
      <c r="BW293" s="42"/>
      <c r="BX293" s="42"/>
      <c r="BY293" s="42"/>
      <c r="BZ293" s="42"/>
      <c r="CA293" s="42"/>
      <c r="CB293" s="42"/>
      <c r="CC293" s="42"/>
      <c r="CD293" s="42"/>
      <c r="CE293" s="42"/>
      <c r="CF293" s="42"/>
      <c r="CG293" s="42"/>
      <c r="CH293" s="42"/>
      <c r="CI293" s="42"/>
      <c r="CJ293" s="42"/>
      <c r="CK293" s="42"/>
      <c r="CL293" s="42"/>
      <c r="CM293" s="42"/>
      <c r="CN293" s="42"/>
      <c r="CO293" s="42"/>
      <c r="CP293" s="42"/>
      <c r="CQ293" s="42"/>
      <c r="CR293" s="42"/>
      <c r="CS293" s="42"/>
      <c r="CT293" s="42"/>
      <c r="CU293" s="42"/>
      <c r="CV293" s="42"/>
      <c r="CW293" s="42"/>
      <c r="CX293" s="42"/>
      <c r="CY293" s="42"/>
      <c r="CZ293" s="42"/>
      <c r="DA293" s="42"/>
      <c r="DB293" s="42"/>
      <c r="DC293" s="42"/>
      <c r="DD293" s="42"/>
      <c r="DE293" s="42"/>
      <c r="DF293" s="42"/>
      <c r="DG293" s="42"/>
      <c r="DH293" s="42"/>
      <c r="DI293" s="42"/>
      <c r="DJ293" s="42"/>
      <c r="DK293" s="42"/>
      <c r="DL293" s="42"/>
      <c r="DM293" s="42"/>
      <c r="DN293" s="42"/>
      <c r="DO293" s="42"/>
      <c r="DP293" s="42"/>
      <c r="DQ293" s="42"/>
      <c r="DR293" s="42"/>
      <c r="DS293" s="42"/>
      <c r="DT293" s="42"/>
      <c r="DU293" s="42"/>
      <c r="DV293" s="42"/>
      <c r="DW293" s="42"/>
      <c r="DX293" s="42"/>
      <c r="DY293" s="42"/>
      <c r="DZ293" s="42"/>
      <c r="EA293" s="42"/>
      <c r="EB293" s="42"/>
      <c r="EC293" s="42"/>
      <c r="ED293" s="42"/>
      <c r="EE293" s="42"/>
      <c r="EF293" s="42"/>
      <c r="EG293" s="42"/>
      <c r="EH293" s="42"/>
      <c r="EI293" s="42"/>
      <c r="EJ293" s="42"/>
      <c r="EK293" s="42"/>
      <c r="EL293" s="42"/>
      <c r="EM293" s="42"/>
      <c r="EN293" s="42"/>
      <c r="EO293" s="42"/>
      <c r="EP293" s="42"/>
      <c r="EQ293" s="42"/>
      <c r="ER293" s="42"/>
      <c r="ES293" s="42"/>
      <c r="ET293" s="42"/>
      <c r="EU293" s="42"/>
      <c r="EV293" s="42"/>
      <c r="EW293" s="42"/>
      <c r="EX293" s="42"/>
      <c r="EY293" s="42"/>
      <c r="EZ293" s="42"/>
      <c r="FA293" s="42"/>
      <c r="FB293" s="42"/>
      <c r="FC293" s="42"/>
      <c r="FD293" s="42"/>
      <c r="FE293" s="42"/>
      <c r="FF293" s="42"/>
      <c r="FG293" s="42"/>
      <c r="FH293" s="42"/>
      <c r="FI293" s="42"/>
      <c r="FJ293" s="42"/>
      <c r="FK293" s="42"/>
      <c r="FL293" s="42"/>
      <c r="FM293" s="42"/>
      <c r="FN293" s="42"/>
      <c r="FO293" s="42"/>
      <c r="FP293" s="42"/>
      <c r="FQ293" s="42"/>
      <c r="FR293" s="42"/>
      <c r="FS293" s="42"/>
      <c r="FT293" s="42"/>
      <c r="FU293" s="42"/>
      <c r="FV293" s="42"/>
      <c r="FW293" s="42"/>
      <c r="FX293" s="42"/>
      <c r="FY293" s="42"/>
      <c r="FZ293" s="42"/>
      <c r="GA293" s="42"/>
      <c r="GB293" s="42"/>
      <c r="GC293" s="42"/>
      <c r="GD293" s="42"/>
      <c r="GE293" s="42"/>
      <c r="GF293" s="42"/>
      <c r="GG293" s="42"/>
      <c r="GH293" s="42"/>
      <c r="GI293" s="42"/>
      <c r="GJ293" s="42"/>
      <c r="GK293" s="42"/>
      <c r="GL293" s="42"/>
      <c r="GM293" s="42"/>
      <c r="GN293" s="42"/>
      <c r="GO293" s="42"/>
      <c r="GP293" s="42"/>
      <c r="GQ293" s="42"/>
      <c r="GR293" s="42"/>
      <c r="GS293" s="42"/>
      <c r="GT293" s="42"/>
      <c r="GU293" s="42"/>
      <c r="GV293" s="42"/>
      <c r="GW293" s="42"/>
      <c r="GX293" s="42"/>
      <c r="GY293" s="42"/>
      <c r="GZ293" s="42"/>
      <c r="HA293" s="42"/>
      <c r="HB293" s="42"/>
      <c r="HC293" s="42"/>
      <c r="HD293" s="42"/>
      <c r="HE293" s="42"/>
      <c r="HF293" s="42"/>
      <c r="HG293" s="42"/>
      <c r="HH293" s="42"/>
      <c r="HI293" s="42"/>
      <c r="HJ293" s="42"/>
      <c r="HK293" s="42"/>
      <c r="HL293" s="42"/>
      <c r="HM293" s="42"/>
      <c r="HN293" s="42"/>
      <c r="HO293" s="42"/>
      <c r="HP293" s="42"/>
      <c r="HQ293" s="42"/>
      <c r="HR293" s="42"/>
      <c r="HS293" s="42"/>
      <c r="HT293" s="42"/>
      <c r="HU293" s="42"/>
      <c r="HV293" s="42"/>
      <c r="HW293" s="42"/>
      <c r="HX293" s="42"/>
      <c r="HY293" s="42"/>
      <c r="HZ293" s="42"/>
      <c r="IA293" s="42"/>
      <c r="IB293" s="42"/>
      <c r="IC293" s="42"/>
      <c r="ID293" s="42"/>
      <c r="IE293" s="42"/>
      <c r="IF293" s="42"/>
      <c r="IG293" s="42"/>
      <c r="IH293" s="42"/>
      <c r="II293" s="42"/>
      <c r="IJ293" s="42"/>
      <c r="IK293" s="42"/>
      <c r="IL293" s="42"/>
      <c r="IM293" s="42"/>
      <c r="IN293" s="42"/>
      <c r="IO293" s="42"/>
      <c r="IP293" s="42"/>
      <c r="IQ293" s="42"/>
      <c r="IR293" s="42"/>
      <c r="IS293" s="42"/>
      <c r="IT293" s="42"/>
      <c r="IU293" s="42"/>
      <c r="IV293" s="42"/>
      <c r="IW293" s="42"/>
      <c r="IX293" s="42"/>
    </row>
    <row r="294" spans="1:258" s="67" customFormat="1" ht="70.2" customHeight="1">
      <c r="A294" s="531"/>
      <c r="B294" s="532"/>
      <c r="C294" s="532"/>
      <c r="D294" s="532"/>
      <c r="E294" s="532"/>
      <c r="F294" s="532"/>
      <c r="G294" s="532"/>
      <c r="H294" s="532"/>
      <c r="I294" s="533"/>
      <c r="J294" s="449" t="s">
        <v>160</v>
      </c>
      <c r="K294" s="537"/>
      <c r="L294" s="537"/>
      <c r="M294" s="537"/>
      <c r="N294" s="537"/>
      <c r="O294" s="537"/>
      <c r="P294" s="538"/>
      <c r="Q294" s="134"/>
      <c r="R294" s="133"/>
      <c r="S294" s="39"/>
      <c r="T294" s="40"/>
      <c r="U294" s="41"/>
      <c r="V294" s="41"/>
      <c r="W294" s="41"/>
      <c r="X294" s="41"/>
      <c r="Y294" s="41"/>
      <c r="Z294" s="41"/>
      <c r="AA294" s="41"/>
      <c r="AB294" s="41"/>
      <c r="AC294" s="41"/>
      <c r="AD294" s="41"/>
      <c r="AE294" s="41"/>
      <c r="AF294" s="41"/>
      <c r="AG294" s="41"/>
      <c r="AH294" s="41"/>
      <c r="AI294" s="41"/>
      <c r="AJ294" s="41"/>
      <c r="AK294" s="41"/>
      <c r="AL294" s="41"/>
      <c r="AM294" s="41"/>
      <c r="AN294" s="41"/>
      <c r="AO294" s="41"/>
      <c r="AP294" s="41"/>
      <c r="AQ294" s="41"/>
      <c r="AR294" s="41"/>
      <c r="AS294" s="41"/>
      <c r="AT294" s="41"/>
      <c r="AU294" s="41"/>
      <c r="AV294" s="41"/>
      <c r="AW294" s="41"/>
      <c r="AX294" s="41"/>
      <c r="AY294" s="41"/>
      <c r="AZ294" s="41"/>
      <c r="BA294" s="41"/>
      <c r="BB294" s="41"/>
      <c r="BC294" s="41"/>
      <c r="BD294" s="41"/>
      <c r="BE294" s="42"/>
      <c r="BF294" s="42"/>
      <c r="BG294" s="42"/>
      <c r="BH294" s="42"/>
      <c r="BI294" s="42"/>
      <c r="BJ294" s="42"/>
      <c r="BK294" s="42"/>
      <c r="BL294" s="42"/>
      <c r="BM294" s="42"/>
      <c r="BN294" s="42"/>
      <c r="BO294" s="42"/>
      <c r="BP294" s="42"/>
      <c r="BQ294" s="42"/>
      <c r="BR294" s="42"/>
      <c r="BS294" s="42"/>
      <c r="BT294" s="42"/>
      <c r="BU294" s="42"/>
      <c r="BV294" s="42"/>
      <c r="BW294" s="42"/>
      <c r="BX294" s="42"/>
      <c r="BY294" s="42"/>
      <c r="BZ294" s="42"/>
      <c r="CA294" s="42"/>
      <c r="CB294" s="42"/>
      <c r="CC294" s="42"/>
      <c r="CD294" s="42"/>
      <c r="CE294" s="42"/>
      <c r="CF294" s="42"/>
      <c r="CG294" s="42"/>
      <c r="CH294" s="42"/>
      <c r="CI294" s="42"/>
      <c r="CJ294" s="42"/>
      <c r="CK294" s="42"/>
      <c r="CL294" s="42"/>
      <c r="CM294" s="42"/>
      <c r="CN294" s="42"/>
      <c r="CO294" s="42"/>
      <c r="CP294" s="42"/>
      <c r="CQ294" s="42"/>
      <c r="CR294" s="42"/>
      <c r="CS294" s="42"/>
      <c r="CT294" s="42"/>
      <c r="CU294" s="42"/>
      <c r="CV294" s="42"/>
      <c r="CW294" s="42"/>
      <c r="CX294" s="42"/>
      <c r="CY294" s="42"/>
      <c r="CZ294" s="42"/>
      <c r="DA294" s="42"/>
      <c r="DB294" s="42"/>
      <c r="DC294" s="42"/>
      <c r="DD294" s="42"/>
      <c r="DE294" s="42"/>
      <c r="DF294" s="42"/>
      <c r="DG294" s="42"/>
      <c r="DH294" s="42"/>
      <c r="DI294" s="42"/>
      <c r="DJ294" s="42"/>
      <c r="DK294" s="42"/>
      <c r="DL294" s="42"/>
      <c r="DM294" s="42"/>
      <c r="DN294" s="42"/>
      <c r="DO294" s="42"/>
      <c r="DP294" s="42"/>
      <c r="DQ294" s="42"/>
      <c r="DR294" s="42"/>
      <c r="DS294" s="42"/>
      <c r="DT294" s="42"/>
      <c r="DU294" s="42"/>
      <c r="DV294" s="42"/>
      <c r="DW294" s="42"/>
      <c r="DX294" s="42"/>
      <c r="DY294" s="42"/>
      <c r="DZ294" s="42"/>
      <c r="EA294" s="42"/>
      <c r="EB294" s="42"/>
      <c r="EC294" s="42"/>
      <c r="ED294" s="42"/>
      <c r="EE294" s="42"/>
      <c r="EF294" s="42"/>
      <c r="EG294" s="42"/>
      <c r="EH294" s="42"/>
      <c r="EI294" s="42"/>
      <c r="EJ294" s="42"/>
      <c r="EK294" s="42"/>
      <c r="EL294" s="42"/>
      <c r="EM294" s="42"/>
      <c r="EN294" s="42"/>
      <c r="EO294" s="42"/>
      <c r="EP294" s="42"/>
      <c r="EQ294" s="42"/>
      <c r="ER294" s="42"/>
      <c r="ES294" s="42"/>
      <c r="ET294" s="42"/>
      <c r="EU294" s="42"/>
      <c r="EV294" s="42"/>
      <c r="EW294" s="42"/>
      <c r="EX294" s="42"/>
      <c r="EY294" s="42"/>
      <c r="EZ294" s="42"/>
      <c r="FA294" s="42"/>
      <c r="FB294" s="42"/>
      <c r="FC294" s="42"/>
      <c r="FD294" s="42"/>
      <c r="FE294" s="42"/>
      <c r="FF294" s="42"/>
      <c r="FG294" s="42"/>
      <c r="FH294" s="42"/>
      <c r="FI294" s="42"/>
      <c r="FJ294" s="42"/>
      <c r="FK294" s="42"/>
      <c r="FL294" s="42"/>
      <c r="FM294" s="42"/>
      <c r="FN294" s="42"/>
      <c r="FO294" s="42"/>
      <c r="FP294" s="42"/>
      <c r="FQ294" s="42"/>
      <c r="FR294" s="42"/>
      <c r="FS294" s="42"/>
      <c r="FT294" s="42"/>
      <c r="FU294" s="42"/>
      <c r="FV294" s="42"/>
      <c r="FW294" s="42"/>
      <c r="FX294" s="42"/>
      <c r="FY294" s="42"/>
      <c r="FZ294" s="42"/>
      <c r="GA294" s="42"/>
      <c r="GB294" s="42"/>
      <c r="GC294" s="42"/>
      <c r="GD294" s="42"/>
      <c r="GE294" s="42"/>
      <c r="GF294" s="42"/>
      <c r="GG294" s="42"/>
      <c r="GH294" s="42"/>
      <c r="GI294" s="42"/>
      <c r="GJ294" s="42"/>
      <c r="GK294" s="42"/>
      <c r="GL294" s="42"/>
      <c r="GM294" s="42"/>
      <c r="GN294" s="42"/>
      <c r="GO294" s="42"/>
      <c r="GP294" s="42"/>
      <c r="GQ294" s="42"/>
      <c r="GR294" s="42"/>
      <c r="GS294" s="42"/>
      <c r="GT294" s="42"/>
      <c r="GU294" s="42"/>
      <c r="GV294" s="42"/>
      <c r="GW294" s="42"/>
      <c r="GX294" s="42"/>
      <c r="GY294" s="42"/>
      <c r="GZ294" s="42"/>
      <c r="HA294" s="42"/>
      <c r="HB294" s="42"/>
      <c r="HC294" s="42"/>
      <c r="HD294" s="42"/>
      <c r="HE294" s="42"/>
      <c r="HF294" s="42"/>
      <c r="HG294" s="42"/>
      <c r="HH294" s="42"/>
      <c r="HI294" s="42"/>
      <c r="HJ294" s="42"/>
      <c r="HK294" s="42"/>
      <c r="HL294" s="42"/>
      <c r="HM294" s="42"/>
      <c r="HN294" s="42"/>
      <c r="HO294" s="42"/>
      <c r="HP294" s="42"/>
      <c r="HQ294" s="42"/>
      <c r="HR294" s="42"/>
      <c r="HS294" s="42"/>
      <c r="HT294" s="42"/>
      <c r="HU294" s="42"/>
      <c r="HV294" s="42"/>
      <c r="HW294" s="42"/>
      <c r="HX294" s="42"/>
      <c r="HY294" s="42"/>
      <c r="HZ294" s="42"/>
      <c r="IA294" s="42"/>
      <c r="IB294" s="42"/>
      <c r="IC294" s="42"/>
      <c r="ID294" s="42"/>
      <c r="IE294" s="42"/>
      <c r="IF294" s="42"/>
      <c r="IG294" s="42"/>
      <c r="IH294" s="42"/>
      <c r="II294" s="42"/>
      <c r="IJ294" s="42"/>
      <c r="IK294" s="42"/>
      <c r="IL294" s="42"/>
      <c r="IM294" s="42"/>
      <c r="IN294" s="42"/>
      <c r="IO294" s="42"/>
      <c r="IP294" s="42"/>
      <c r="IQ294" s="42"/>
      <c r="IR294" s="42"/>
      <c r="IS294" s="42"/>
      <c r="IT294" s="42"/>
      <c r="IU294" s="42"/>
      <c r="IV294" s="42"/>
      <c r="IW294" s="42"/>
      <c r="IX294" s="42"/>
    </row>
    <row r="295" spans="1:258" s="67" customFormat="1" ht="70.2" customHeight="1">
      <c r="A295" s="534"/>
      <c r="B295" s="535"/>
      <c r="C295" s="535"/>
      <c r="D295" s="535"/>
      <c r="E295" s="535"/>
      <c r="F295" s="535"/>
      <c r="G295" s="535"/>
      <c r="H295" s="535"/>
      <c r="I295" s="536"/>
      <c r="J295" s="598" t="s">
        <v>161</v>
      </c>
      <c r="K295" s="638"/>
      <c r="L295" s="108" t="s">
        <v>154</v>
      </c>
      <c r="M295" s="449"/>
      <c r="N295" s="537"/>
      <c r="O295" s="537"/>
      <c r="P295" s="538"/>
      <c r="Q295" s="134"/>
      <c r="R295" s="133"/>
      <c r="S295" s="39"/>
      <c r="T295" s="40"/>
      <c r="U295" s="41"/>
      <c r="V295" s="41"/>
      <c r="W295" s="41"/>
      <c r="X295" s="41"/>
      <c r="Y295" s="41"/>
      <c r="Z295" s="41"/>
      <c r="AA295" s="41"/>
      <c r="AB295" s="41"/>
      <c r="AC295" s="41"/>
      <c r="AD295" s="41"/>
      <c r="AE295" s="41"/>
      <c r="AF295" s="41"/>
      <c r="AG295" s="41"/>
      <c r="AH295" s="41"/>
      <c r="AI295" s="41"/>
      <c r="AJ295" s="41"/>
      <c r="AK295" s="41"/>
      <c r="AL295" s="41"/>
      <c r="AM295" s="41"/>
      <c r="AN295" s="41"/>
      <c r="AO295" s="41"/>
      <c r="AP295" s="41"/>
      <c r="AQ295" s="41"/>
      <c r="AR295" s="41"/>
      <c r="AS295" s="41"/>
      <c r="AT295" s="41"/>
      <c r="AU295" s="41"/>
      <c r="AV295" s="41"/>
      <c r="AW295" s="41"/>
      <c r="AX295" s="41"/>
      <c r="AY295" s="41"/>
      <c r="AZ295" s="41"/>
      <c r="BA295" s="41"/>
      <c r="BB295" s="41"/>
      <c r="BC295" s="41"/>
      <c r="BD295" s="41"/>
      <c r="BE295" s="42"/>
      <c r="BF295" s="42"/>
      <c r="BG295" s="42"/>
      <c r="BH295" s="42"/>
      <c r="BI295" s="42"/>
      <c r="BJ295" s="42"/>
      <c r="BK295" s="42"/>
      <c r="BL295" s="42"/>
      <c r="BM295" s="42"/>
      <c r="BN295" s="42"/>
      <c r="BO295" s="42"/>
      <c r="BP295" s="42"/>
      <c r="BQ295" s="42"/>
      <c r="BR295" s="42"/>
      <c r="BS295" s="42"/>
      <c r="BT295" s="42"/>
      <c r="BU295" s="42"/>
      <c r="BV295" s="42"/>
      <c r="BW295" s="42"/>
      <c r="BX295" s="42"/>
      <c r="BY295" s="42"/>
      <c r="BZ295" s="42"/>
      <c r="CA295" s="42"/>
      <c r="CB295" s="42"/>
      <c r="CC295" s="42"/>
      <c r="CD295" s="42"/>
      <c r="CE295" s="42"/>
      <c r="CF295" s="42"/>
      <c r="CG295" s="42"/>
      <c r="CH295" s="42"/>
      <c r="CI295" s="42"/>
      <c r="CJ295" s="42"/>
      <c r="CK295" s="42"/>
      <c r="CL295" s="42"/>
      <c r="CM295" s="42"/>
      <c r="CN295" s="42"/>
      <c r="CO295" s="42"/>
      <c r="CP295" s="42"/>
      <c r="CQ295" s="42"/>
      <c r="CR295" s="42"/>
      <c r="CS295" s="42"/>
      <c r="CT295" s="42"/>
      <c r="CU295" s="42"/>
      <c r="CV295" s="42"/>
      <c r="CW295" s="42"/>
      <c r="CX295" s="42"/>
      <c r="CY295" s="42"/>
      <c r="CZ295" s="42"/>
      <c r="DA295" s="42"/>
      <c r="DB295" s="42"/>
      <c r="DC295" s="42"/>
      <c r="DD295" s="42"/>
      <c r="DE295" s="42"/>
      <c r="DF295" s="42"/>
      <c r="DG295" s="42"/>
      <c r="DH295" s="42"/>
      <c r="DI295" s="42"/>
      <c r="DJ295" s="42"/>
      <c r="DK295" s="42"/>
      <c r="DL295" s="42"/>
      <c r="DM295" s="42"/>
      <c r="DN295" s="42"/>
      <c r="DO295" s="42"/>
      <c r="DP295" s="42"/>
      <c r="DQ295" s="42"/>
      <c r="DR295" s="42"/>
      <c r="DS295" s="42"/>
      <c r="DT295" s="42"/>
      <c r="DU295" s="42"/>
      <c r="DV295" s="42"/>
      <c r="DW295" s="42"/>
      <c r="DX295" s="42"/>
      <c r="DY295" s="42"/>
      <c r="DZ295" s="42"/>
      <c r="EA295" s="42"/>
      <c r="EB295" s="42"/>
      <c r="EC295" s="42"/>
      <c r="ED295" s="42"/>
      <c r="EE295" s="42"/>
      <c r="EF295" s="42"/>
      <c r="EG295" s="42"/>
      <c r="EH295" s="42"/>
      <c r="EI295" s="42"/>
      <c r="EJ295" s="42"/>
      <c r="EK295" s="42"/>
      <c r="EL295" s="42"/>
      <c r="EM295" s="42"/>
      <c r="EN295" s="42"/>
      <c r="EO295" s="42"/>
      <c r="EP295" s="42"/>
      <c r="EQ295" s="42"/>
      <c r="ER295" s="42"/>
      <c r="ES295" s="42"/>
      <c r="ET295" s="42"/>
      <c r="EU295" s="42"/>
      <c r="EV295" s="42"/>
      <c r="EW295" s="42"/>
      <c r="EX295" s="42"/>
      <c r="EY295" s="42"/>
      <c r="EZ295" s="42"/>
      <c r="FA295" s="42"/>
      <c r="FB295" s="42"/>
      <c r="FC295" s="42"/>
      <c r="FD295" s="42"/>
      <c r="FE295" s="42"/>
      <c r="FF295" s="42"/>
      <c r="FG295" s="42"/>
      <c r="FH295" s="42"/>
      <c r="FI295" s="42"/>
      <c r="FJ295" s="42"/>
      <c r="FK295" s="42"/>
      <c r="FL295" s="42"/>
      <c r="FM295" s="42"/>
      <c r="FN295" s="42"/>
      <c r="FO295" s="42"/>
      <c r="FP295" s="42"/>
      <c r="FQ295" s="42"/>
      <c r="FR295" s="42"/>
      <c r="FS295" s="42"/>
      <c r="FT295" s="42"/>
      <c r="FU295" s="42"/>
      <c r="FV295" s="42"/>
      <c r="FW295" s="42"/>
      <c r="FX295" s="42"/>
      <c r="FY295" s="42"/>
      <c r="FZ295" s="42"/>
      <c r="GA295" s="42"/>
      <c r="GB295" s="42"/>
      <c r="GC295" s="42"/>
      <c r="GD295" s="42"/>
      <c r="GE295" s="42"/>
      <c r="GF295" s="42"/>
      <c r="GG295" s="42"/>
      <c r="GH295" s="42"/>
      <c r="GI295" s="42"/>
      <c r="GJ295" s="42"/>
      <c r="GK295" s="42"/>
      <c r="GL295" s="42"/>
      <c r="GM295" s="42"/>
      <c r="GN295" s="42"/>
      <c r="GO295" s="42"/>
      <c r="GP295" s="42"/>
      <c r="GQ295" s="42"/>
      <c r="GR295" s="42"/>
      <c r="GS295" s="42"/>
      <c r="GT295" s="42"/>
      <c r="GU295" s="42"/>
      <c r="GV295" s="42"/>
      <c r="GW295" s="42"/>
      <c r="GX295" s="42"/>
      <c r="GY295" s="42"/>
      <c r="GZ295" s="42"/>
      <c r="HA295" s="42"/>
      <c r="HB295" s="42"/>
      <c r="HC295" s="42"/>
      <c r="HD295" s="42"/>
      <c r="HE295" s="42"/>
      <c r="HF295" s="42"/>
      <c r="HG295" s="42"/>
      <c r="HH295" s="42"/>
      <c r="HI295" s="42"/>
      <c r="HJ295" s="42"/>
      <c r="HK295" s="42"/>
      <c r="HL295" s="42"/>
      <c r="HM295" s="42"/>
      <c r="HN295" s="42"/>
      <c r="HO295" s="42"/>
      <c r="HP295" s="42"/>
      <c r="HQ295" s="42"/>
      <c r="HR295" s="42"/>
      <c r="HS295" s="42"/>
      <c r="HT295" s="42"/>
      <c r="HU295" s="42"/>
      <c r="HV295" s="42"/>
      <c r="HW295" s="42"/>
      <c r="HX295" s="42"/>
      <c r="HY295" s="42"/>
      <c r="HZ295" s="42"/>
      <c r="IA295" s="42"/>
      <c r="IB295" s="42"/>
      <c r="IC295" s="42"/>
      <c r="ID295" s="42"/>
      <c r="IE295" s="42"/>
      <c r="IF295" s="42"/>
      <c r="IG295" s="42"/>
      <c r="IH295" s="42"/>
      <c r="II295" s="42"/>
      <c r="IJ295" s="42"/>
      <c r="IK295" s="42"/>
      <c r="IL295" s="42"/>
      <c r="IM295" s="42"/>
      <c r="IN295" s="42"/>
      <c r="IO295" s="42"/>
      <c r="IP295" s="42"/>
      <c r="IQ295" s="42"/>
      <c r="IR295" s="42"/>
      <c r="IS295" s="42"/>
      <c r="IT295" s="42"/>
      <c r="IU295" s="42"/>
      <c r="IV295" s="42"/>
      <c r="IW295" s="42"/>
      <c r="IX295" s="42"/>
    </row>
    <row r="296" spans="1:258" s="67" customFormat="1" ht="70.2" customHeight="1">
      <c r="A296" s="528" t="s">
        <v>335</v>
      </c>
      <c r="B296" s="529"/>
      <c r="C296" s="529"/>
      <c r="D296" s="529"/>
      <c r="E296" s="529"/>
      <c r="F296" s="529"/>
      <c r="G296" s="529"/>
      <c r="H296" s="529"/>
      <c r="I296" s="530"/>
      <c r="J296" s="449" t="s">
        <v>336</v>
      </c>
      <c r="K296" s="537"/>
      <c r="L296" s="537"/>
      <c r="M296" s="537"/>
      <c r="N296" s="537"/>
      <c r="O296" s="537"/>
      <c r="P296" s="538"/>
      <c r="Q296" s="134"/>
      <c r="R296" s="133"/>
      <c r="S296" s="39"/>
      <c r="T296" s="40"/>
      <c r="U296" s="41"/>
      <c r="V296" s="41"/>
      <c r="W296" s="41"/>
      <c r="X296" s="41"/>
      <c r="Y296" s="41"/>
      <c r="Z296" s="41"/>
      <c r="AA296" s="41"/>
      <c r="AB296" s="41"/>
      <c r="AC296" s="41"/>
      <c r="AD296" s="41"/>
      <c r="AE296" s="41"/>
      <c r="AF296" s="41"/>
      <c r="AG296" s="41"/>
      <c r="AH296" s="41"/>
      <c r="AI296" s="41"/>
      <c r="AJ296" s="41"/>
      <c r="AK296" s="41"/>
      <c r="AL296" s="41"/>
      <c r="AM296" s="41"/>
      <c r="AN296" s="41"/>
      <c r="AO296" s="41"/>
      <c r="AP296" s="41"/>
      <c r="AQ296" s="41"/>
      <c r="AR296" s="41"/>
      <c r="AS296" s="41"/>
      <c r="AT296" s="41"/>
      <c r="AU296" s="41"/>
      <c r="AV296" s="41"/>
      <c r="AW296" s="41"/>
      <c r="AX296" s="41"/>
      <c r="AY296" s="41"/>
      <c r="AZ296" s="41"/>
      <c r="BA296" s="41"/>
      <c r="BB296" s="41"/>
      <c r="BC296" s="41"/>
      <c r="BD296" s="41"/>
      <c r="BE296" s="42"/>
      <c r="BF296" s="42"/>
      <c r="BG296" s="42"/>
      <c r="BH296" s="42"/>
      <c r="BI296" s="42"/>
      <c r="BJ296" s="42"/>
      <c r="BK296" s="42"/>
      <c r="BL296" s="42"/>
      <c r="BM296" s="42"/>
      <c r="BN296" s="42"/>
      <c r="BO296" s="42"/>
      <c r="BP296" s="42"/>
      <c r="BQ296" s="42"/>
      <c r="BR296" s="42"/>
      <c r="BS296" s="42"/>
      <c r="BT296" s="42"/>
      <c r="BU296" s="42"/>
      <c r="BV296" s="42"/>
      <c r="BW296" s="42"/>
      <c r="BX296" s="42"/>
      <c r="BY296" s="42"/>
      <c r="BZ296" s="42"/>
      <c r="CA296" s="42"/>
      <c r="CB296" s="42"/>
      <c r="CC296" s="42"/>
      <c r="CD296" s="42"/>
      <c r="CE296" s="42"/>
      <c r="CF296" s="42"/>
      <c r="CG296" s="42"/>
      <c r="CH296" s="42"/>
      <c r="CI296" s="42"/>
      <c r="CJ296" s="42"/>
      <c r="CK296" s="42"/>
      <c r="CL296" s="42"/>
      <c r="CM296" s="42"/>
      <c r="CN296" s="42"/>
      <c r="CO296" s="42"/>
      <c r="CP296" s="42"/>
      <c r="CQ296" s="42"/>
      <c r="CR296" s="42"/>
      <c r="CS296" s="42"/>
      <c r="CT296" s="42"/>
      <c r="CU296" s="42"/>
      <c r="CV296" s="42"/>
      <c r="CW296" s="42"/>
      <c r="CX296" s="42"/>
      <c r="CY296" s="42"/>
      <c r="CZ296" s="42"/>
      <c r="DA296" s="42"/>
      <c r="DB296" s="42"/>
      <c r="DC296" s="42"/>
      <c r="DD296" s="42"/>
      <c r="DE296" s="42"/>
      <c r="DF296" s="42"/>
      <c r="DG296" s="42"/>
      <c r="DH296" s="42"/>
      <c r="DI296" s="42"/>
      <c r="DJ296" s="42"/>
      <c r="DK296" s="42"/>
      <c r="DL296" s="42"/>
      <c r="DM296" s="42"/>
      <c r="DN296" s="42"/>
      <c r="DO296" s="42"/>
      <c r="DP296" s="42"/>
      <c r="DQ296" s="42"/>
      <c r="DR296" s="42"/>
      <c r="DS296" s="42"/>
      <c r="DT296" s="42"/>
      <c r="DU296" s="42"/>
      <c r="DV296" s="42"/>
      <c r="DW296" s="42"/>
      <c r="DX296" s="42"/>
      <c r="DY296" s="42"/>
      <c r="DZ296" s="42"/>
      <c r="EA296" s="42"/>
      <c r="EB296" s="42"/>
      <c r="EC296" s="42"/>
      <c r="ED296" s="42"/>
      <c r="EE296" s="42"/>
      <c r="EF296" s="42"/>
      <c r="EG296" s="42"/>
      <c r="EH296" s="42"/>
      <c r="EI296" s="42"/>
      <c r="EJ296" s="42"/>
      <c r="EK296" s="42"/>
      <c r="EL296" s="42"/>
      <c r="EM296" s="42"/>
      <c r="EN296" s="42"/>
      <c r="EO296" s="42"/>
      <c r="EP296" s="42"/>
      <c r="EQ296" s="42"/>
      <c r="ER296" s="42"/>
      <c r="ES296" s="42"/>
      <c r="ET296" s="42"/>
      <c r="EU296" s="42"/>
      <c r="EV296" s="42"/>
      <c r="EW296" s="42"/>
      <c r="EX296" s="42"/>
      <c r="EY296" s="42"/>
      <c r="EZ296" s="42"/>
      <c r="FA296" s="42"/>
      <c r="FB296" s="42"/>
      <c r="FC296" s="42"/>
      <c r="FD296" s="42"/>
      <c r="FE296" s="42"/>
      <c r="FF296" s="42"/>
      <c r="FG296" s="42"/>
      <c r="FH296" s="42"/>
      <c r="FI296" s="42"/>
      <c r="FJ296" s="42"/>
      <c r="FK296" s="42"/>
      <c r="FL296" s="42"/>
      <c r="FM296" s="42"/>
      <c r="FN296" s="42"/>
      <c r="FO296" s="42"/>
      <c r="FP296" s="42"/>
      <c r="FQ296" s="42"/>
      <c r="FR296" s="42"/>
      <c r="FS296" s="42"/>
      <c r="FT296" s="42"/>
      <c r="FU296" s="42"/>
      <c r="FV296" s="42"/>
      <c r="FW296" s="42"/>
      <c r="FX296" s="42"/>
      <c r="FY296" s="42"/>
      <c r="FZ296" s="42"/>
      <c r="GA296" s="42"/>
      <c r="GB296" s="42"/>
      <c r="GC296" s="42"/>
      <c r="GD296" s="42"/>
      <c r="GE296" s="42"/>
      <c r="GF296" s="42"/>
      <c r="GG296" s="42"/>
      <c r="GH296" s="42"/>
      <c r="GI296" s="42"/>
      <c r="GJ296" s="42"/>
      <c r="GK296" s="42"/>
      <c r="GL296" s="42"/>
      <c r="GM296" s="42"/>
      <c r="GN296" s="42"/>
      <c r="GO296" s="42"/>
      <c r="GP296" s="42"/>
      <c r="GQ296" s="42"/>
      <c r="GR296" s="42"/>
      <c r="GS296" s="42"/>
      <c r="GT296" s="42"/>
      <c r="GU296" s="42"/>
      <c r="GV296" s="42"/>
      <c r="GW296" s="42"/>
      <c r="GX296" s="42"/>
      <c r="GY296" s="42"/>
      <c r="GZ296" s="42"/>
      <c r="HA296" s="42"/>
      <c r="HB296" s="42"/>
      <c r="HC296" s="42"/>
      <c r="HD296" s="42"/>
      <c r="HE296" s="42"/>
      <c r="HF296" s="42"/>
      <c r="HG296" s="42"/>
      <c r="HH296" s="42"/>
      <c r="HI296" s="42"/>
      <c r="HJ296" s="42"/>
      <c r="HK296" s="42"/>
      <c r="HL296" s="42"/>
      <c r="HM296" s="42"/>
      <c r="HN296" s="42"/>
      <c r="HO296" s="42"/>
      <c r="HP296" s="42"/>
      <c r="HQ296" s="42"/>
      <c r="HR296" s="42"/>
      <c r="HS296" s="42"/>
      <c r="HT296" s="42"/>
      <c r="HU296" s="42"/>
      <c r="HV296" s="42"/>
      <c r="HW296" s="42"/>
      <c r="HX296" s="42"/>
      <c r="HY296" s="42"/>
      <c r="HZ296" s="42"/>
      <c r="IA296" s="42"/>
      <c r="IB296" s="42"/>
      <c r="IC296" s="42"/>
      <c r="ID296" s="42"/>
      <c r="IE296" s="42"/>
      <c r="IF296" s="42"/>
      <c r="IG296" s="42"/>
      <c r="IH296" s="42"/>
      <c r="II296" s="42"/>
      <c r="IJ296" s="42"/>
      <c r="IK296" s="42"/>
      <c r="IL296" s="42"/>
      <c r="IM296" s="42"/>
      <c r="IN296" s="42"/>
      <c r="IO296" s="42"/>
      <c r="IP296" s="42"/>
      <c r="IQ296" s="42"/>
      <c r="IR296" s="42"/>
      <c r="IS296" s="42"/>
      <c r="IT296" s="42"/>
      <c r="IU296" s="42"/>
      <c r="IV296" s="42"/>
      <c r="IW296" s="42"/>
      <c r="IX296" s="42"/>
    </row>
    <row r="297" spans="1:258" s="42" customFormat="1" ht="69.900000000000006" customHeight="1">
      <c r="A297" s="534"/>
      <c r="B297" s="535"/>
      <c r="C297" s="535"/>
      <c r="D297" s="535"/>
      <c r="E297" s="535"/>
      <c r="F297" s="535"/>
      <c r="G297" s="535"/>
      <c r="H297" s="535"/>
      <c r="I297" s="536"/>
      <c r="J297" s="598" t="s">
        <v>337</v>
      </c>
      <c r="K297" s="638"/>
      <c r="L297" s="195" t="s">
        <v>338</v>
      </c>
      <c r="M297" s="626" t="s">
        <v>339</v>
      </c>
      <c r="N297" s="627"/>
      <c r="O297" s="627"/>
      <c r="P297" s="628"/>
      <c r="Q297" s="134"/>
      <c r="R297" s="133"/>
      <c r="S297" s="39"/>
      <c r="T297" s="193"/>
      <c r="U297" s="41"/>
      <c r="V297" s="41"/>
      <c r="W297" s="41"/>
      <c r="X297" s="41"/>
      <c r="Y297" s="41"/>
      <c r="Z297" s="41"/>
      <c r="AA297" s="41"/>
      <c r="AB297" s="41"/>
      <c r="AC297" s="41"/>
      <c r="AD297" s="41"/>
      <c r="AE297" s="41"/>
      <c r="AF297" s="41"/>
      <c r="AG297" s="41"/>
      <c r="AH297" s="41"/>
      <c r="AI297" s="41"/>
      <c r="AJ297" s="41"/>
      <c r="AK297" s="41"/>
      <c r="AL297" s="41"/>
      <c r="AM297" s="41"/>
      <c r="AN297" s="41"/>
      <c r="AO297" s="41"/>
      <c r="AP297" s="41"/>
      <c r="AQ297" s="41"/>
      <c r="AR297" s="41"/>
      <c r="AS297" s="41"/>
      <c r="AT297" s="41"/>
      <c r="AU297" s="41"/>
      <c r="AV297" s="41"/>
      <c r="AW297" s="41"/>
      <c r="AX297" s="41"/>
      <c r="AY297" s="41"/>
      <c r="AZ297" s="41"/>
      <c r="BA297" s="41"/>
      <c r="BB297" s="41"/>
      <c r="BC297" s="41"/>
      <c r="BD297" s="41"/>
    </row>
    <row r="298" spans="1:258" s="67" customFormat="1" ht="70.2" customHeight="1">
      <c r="A298" s="666" t="s">
        <v>163</v>
      </c>
      <c r="B298" s="667"/>
      <c r="C298" s="667"/>
      <c r="D298" s="667"/>
      <c r="E298" s="667"/>
      <c r="F298" s="667"/>
      <c r="G298" s="667"/>
      <c r="H298" s="667"/>
      <c r="I298" s="668"/>
      <c r="J298" s="669"/>
      <c r="K298" s="667"/>
      <c r="L298" s="667"/>
      <c r="M298" s="667"/>
      <c r="N298" s="667"/>
      <c r="O298" s="667"/>
      <c r="P298" s="670"/>
      <c r="Q298" s="139"/>
      <c r="R298" s="138"/>
      <c r="S298" s="78"/>
      <c r="T298" s="76"/>
      <c r="U298" s="77"/>
      <c r="V298" s="77"/>
      <c r="W298" s="77"/>
      <c r="X298" s="77"/>
      <c r="Y298" s="77"/>
      <c r="Z298" s="77"/>
      <c r="AA298" s="77"/>
      <c r="AB298" s="77"/>
      <c r="AC298" s="77"/>
      <c r="AD298" s="77"/>
      <c r="AE298" s="77"/>
      <c r="AF298" s="77"/>
      <c r="AG298" s="77"/>
      <c r="AH298" s="77"/>
      <c r="AI298" s="77"/>
      <c r="AJ298" s="77"/>
      <c r="AK298" s="77"/>
      <c r="AL298" s="77"/>
      <c r="AM298" s="77"/>
      <c r="AN298" s="77"/>
      <c r="AO298" s="77"/>
      <c r="AP298" s="77"/>
      <c r="AQ298" s="77"/>
      <c r="AR298" s="77"/>
      <c r="AS298" s="77"/>
      <c r="AT298" s="77"/>
      <c r="AU298" s="77"/>
      <c r="AV298" s="77"/>
      <c r="AW298" s="77"/>
      <c r="AX298" s="77"/>
      <c r="AY298" s="77"/>
      <c r="AZ298" s="77"/>
      <c r="BA298" s="77"/>
      <c r="BB298" s="77"/>
      <c r="BC298" s="77"/>
      <c r="BD298" s="77"/>
    </row>
    <row r="299" spans="1:258" s="64" customFormat="1" ht="69.900000000000006" customHeight="1">
      <c r="A299" s="671" t="s">
        <v>340</v>
      </c>
      <c r="B299" s="672"/>
      <c r="C299" s="672"/>
      <c r="D299" s="672"/>
      <c r="E299" s="672"/>
      <c r="F299" s="672"/>
      <c r="G299" s="672"/>
      <c r="H299" s="672"/>
      <c r="I299" s="672"/>
      <c r="J299" s="672"/>
      <c r="K299" s="672"/>
      <c r="L299" s="672"/>
      <c r="M299" s="672"/>
      <c r="N299" s="672"/>
      <c r="O299" s="672"/>
      <c r="P299" s="673"/>
      <c r="Q299" s="122"/>
      <c r="R299" s="138"/>
      <c r="S299" s="162"/>
      <c r="T299" s="76"/>
    </row>
    <row r="300" spans="1:258" s="64" customFormat="1" ht="69.900000000000006" customHeight="1">
      <c r="A300" s="507" t="s">
        <v>341</v>
      </c>
      <c r="B300" s="508"/>
      <c r="C300" s="508"/>
      <c r="D300" s="508"/>
      <c r="E300" s="508"/>
      <c r="F300" s="508"/>
      <c r="G300" s="508"/>
      <c r="H300" s="508"/>
      <c r="I300" s="508"/>
      <c r="J300" s="508"/>
      <c r="K300" s="508"/>
      <c r="L300" s="508"/>
      <c r="M300" s="508"/>
      <c r="N300" s="508"/>
      <c r="O300" s="508"/>
      <c r="P300" s="509"/>
      <c r="Q300" s="122"/>
      <c r="R300" s="138"/>
      <c r="S300" s="162"/>
      <c r="T300" s="76"/>
    </row>
    <row r="301" spans="1:258" s="67" customFormat="1" ht="69.599999999999994" customHeight="1">
      <c r="A301" s="553" t="s">
        <v>342</v>
      </c>
      <c r="B301" s="554"/>
      <c r="C301" s="554"/>
      <c r="D301" s="554"/>
      <c r="E301" s="554"/>
      <c r="F301" s="554"/>
      <c r="G301" s="554"/>
      <c r="H301" s="554"/>
      <c r="I301" s="554"/>
      <c r="J301" s="554"/>
      <c r="K301" s="554"/>
      <c r="L301" s="554"/>
      <c r="M301" s="554"/>
      <c r="N301" s="554"/>
      <c r="O301" s="554"/>
      <c r="P301" s="555"/>
      <c r="Q301" s="139"/>
      <c r="R301" s="138"/>
      <c r="S301" s="78"/>
      <c r="T301" s="76"/>
      <c r="U301" s="77"/>
      <c r="V301" s="77"/>
      <c r="W301" s="77"/>
      <c r="X301" s="77"/>
      <c r="Y301" s="77"/>
      <c r="Z301" s="77"/>
      <c r="AA301" s="77"/>
      <c r="AB301" s="77"/>
      <c r="AC301" s="77"/>
      <c r="AD301" s="77"/>
      <c r="AE301" s="77"/>
      <c r="AF301" s="77"/>
      <c r="AG301" s="77"/>
      <c r="AH301" s="77"/>
      <c r="AI301" s="77"/>
      <c r="AJ301" s="77"/>
      <c r="AK301" s="77"/>
      <c r="AL301" s="77"/>
      <c r="AM301" s="77"/>
      <c r="AN301" s="77"/>
      <c r="AO301" s="77"/>
      <c r="AP301" s="77"/>
      <c r="AQ301" s="77"/>
      <c r="AR301" s="77"/>
      <c r="AS301" s="77"/>
      <c r="AT301" s="77"/>
      <c r="AU301" s="77"/>
      <c r="AV301" s="77"/>
      <c r="AW301" s="77"/>
      <c r="AX301" s="77"/>
      <c r="AY301" s="77"/>
      <c r="AZ301" s="77"/>
      <c r="BA301" s="77"/>
      <c r="BB301" s="77"/>
      <c r="BC301" s="77"/>
      <c r="BD301" s="77"/>
    </row>
    <row r="302" spans="1:258" s="67" customFormat="1" ht="69.599999999999994" customHeight="1">
      <c r="A302" s="556" t="s">
        <v>85</v>
      </c>
      <c r="B302" s="557"/>
      <c r="C302" s="557"/>
      <c r="D302" s="557"/>
      <c r="E302" s="557"/>
      <c r="F302" s="557"/>
      <c r="G302" s="557"/>
      <c r="H302" s="557"/>
      <c r="I302" s="557"/>
      <c r="J302" s="557"/>
      <c r="K302" s="557"/>
      <c r="L302" s="557"/>
      <c r="M302" s="557"/>
      <c r="N302" s="557"/>
      <c r="O302" s="557"/>
      <c r="P302" s="558"/>
      <c r="Q302" s="139"/>
      <c r="R302" s="138"/>
      <c r="S302" s="78"/>
      <c r="T302" s="76"/>
      <c r="U302" s="77"/>
      <c r="V302" s="77"/>
      <c r="W302" s="77"/>
      <c r="X302" s="77"/>
      <c r="Y302" s="77"/>
      <c r="Z302" s="77"/>
      <c r="AA302" s="77"/>
      <c r="AB302" s="77"/>
      <c r="AC302" s="77"/>
      <c r="AD302" s="77"/>
      <c r="AE302" s="77"/>
      <c r="AF302" s="77"/>
      <c r="AG302" s="77"/>
      <c r="AH302" s="77"/>
      <c r="AI302" s="77"/>
      <c r="AJ302" s="77"/>
      <c r="AK302" s="77"/>
      <c r="AL302" s="77"/>
      <c r="AM302" s="77"/>
      <c r="AN302" s="77"/>
      <c r="AO302" s="77"/>
      <c r="AP302" s="77"/>
      <c r="AQ302" s="77"/>
      <c r="AR302" s="77"/>
      <c r="AS302" s="77"/>
      <c r="AT302" s="77"/>
      <c r="AU302" s="77"/>
      <c r="AV302" s="77"/>
      <c r="AW302" s="77"/>
      <c r="AX302" s="77"/>
      <c r="AY302" s="77"/>
      <c r="AZ302" s="77"/>
      <c r="BA302" s="77"/>
      <c r="BB302" s="77"/>
      <c r="BC302" s="77"/>
      <c r="BD302" s="77"/>
    </row>
    <row r="303" spans="1:258" s="64" customFormat="1" ht="69.900000000000006" customHeight="1">
      <c r="A303" s="600" t="s">
        <v>343</v>
      </c>
      <c r="B303" s="601"/>
      <c r="C303" s="601"/>
      <c r="D303" s="601"/>
      <c r="E303" s="601"/>
      <c r="F303" s="601"/>
      <c r="G303" s="601"/>
      <c r="H303" s="601"/>
      <c r="I303" s="601"/>
      <c r="J303" s="601"/>
      <c r="K303" s="601"/>
      <c r="L303" s="601"/>
      <c r="M303" s="601"/>
      <c r="N303" s="601"/>
      <c r="O303" s="601"/>
      <c r="P303" s="602"/>
      <c r="Q303" s="122"/>
      <c r="R303" s="138"/>
      <c r="S303" s="162"/>
    </row>
    <row r="304" spans="1:258" s="67" customFormat="1" ht="70.2" customHeight="1">
      <c r="A304" s="510" t="s">
        <v>150</v>
      </c>
      <c r="B304" s="511"/>
      <c r="C304" s="511"/>
      <c r="D304" s="511"/>
      <c r="E304" s="511"/>
      <c r="F304" s="511"/>
      <c r="G304" s="511"/>
      <c r="H304" s="511"/>
      <c r="I304" s="512"/>
      <c r="J304" s="596"/>
      <c r="K304" s="596"/>
      <c r="L304" s="596"/>
      <c r="M304" s="596"/>
      <c r="N304" s="596"/>
      <c r="O304" s="596"/>
      <c r="P304" s="662"/>
      <c r="Q304" s="139"/>
      <c r="R304" s="138"/>
      <c r="S304" s="78"/>
      <c r="T304" s="76"/>
      <c r="U304" s="77"/>
      <c r="V304" s="77"/>
      <c r="W304" s="77"/>
      <c r="X304" s="77"/>
      <c r="Y304" s="77"/>
      <c r="Z304" s="77"/>
      <c r="AA304" s="77"/>
      <c r="AB304" s="77"/>
      <c r="AC304" s="77"/>
      <c r="AD304" s="77"/>
      <c r="AE304" s="77"/>
      <c r="AF304" s="77"/>
      <c r="AG304" s="77"/>
      <c r="AH304" s="77"/>
      <c r="AI304" s="77"/>
      <c r="AJ304" s="77"/>
      <c r="AK304" s="77"/>
      <c r="AL304" s="77"/>
      <c r="AM304" s="77"/>
      <c r="AN304" s="77"/>
      <c r="AO304" s="77"/>
      <c r="AP304" s="77"/>
      <c r="AQ304" s="77"/>
      <c r="AR304" s="77"/>
      <c r="AS304" s="77"/>
      <c r="AT304" s="77"/>
      <c r="AU304" s="77"/>
      <c r="AV304" s="77"/>
      <c r="AW304" s="77"/>
      <c r="AX304" s="77"/>
      <c r="AY304" s="77"/>
      <c r="AZ304" s="77"/>
      <c r="BA304" s="77"/>
      <c r="BB304" s="77"/>
      <c r="BC304" s="77"/>
      <c r="BD304" s="77"/>
    </row>
    <row r="305" spans="1:258" s="67" customFormat="1" ht="70.2" customHeight="1">
      <c r="A305" s="528" t="s">
        <v>151</v>
      </c>
      <c r="B305" s="529"/>
      <c r="C305" s="529"/>
      <c r="D305" s="529"/>
      <c r="E305" s="529"/>
      <c r="F305" s="529"/>
      <c r="G305" s="529"/>
      <c r="H305" s="529"/>
      <c r="I305" s="530"/>
      <c r="J305" s="449" t="s">
        <v>152</v>
      </c>
      <c r="K305" s="537"/>
      <c r="L305" s="537"/>
      <c r="M305" s="537"/>
      <c r="N305" s="537"/>
      <c r="O305" s="537"/>
      <c r="P305" s="538"/>
      <c r="Q305" s="139"/>
      <c r="R305" s="138"/>
      <c r="S305" s="78"/>
      <c r="T305" s="76"/>
      <c r="U305" s="77"/>
      <c r="V305" s="77"/>
      <c r="W305" s="77"/>
      <c r="X305" s="77"/>
      <c r="Y305" s="77"/>
      <c r="Z305" s="77"/>
      <c r="AA305" s="77"/>
      <c r="AB305" s="77"/>
      <c r="AC305" s="77"/>
      <c r="AD305" s="77"/>
      <c r="AE305" s="77"/>
      <c r="AF305" s="77"/>
      <c r="AG305" s="77"/>
      <c r="AH305" s="77"/>
      <c r="AI305" s="77"/>
      <c r="AJ305" s="77"/>
      <c r="AK305" s="77"/>
      <c r="AL305" s="77"/>
      <c r="AM305" s="77"/>
      <c r="AN305" s="77"/>
      <c r="AO305" s="77"/>
      <c r="AP305" s="77"/>
      <c r="AQ305" s="77"/>
      <c r="AR305" s="77"/>
      <c r="AS305" s="77"/>
      <c r="AT305" s="77"/>
      <c r="AU305" s="77"/>
      <c r="AV305" s="77"/>
      <c r="AW305" s="77"/>
      <c r="AX305" s="77"/>
      <c r="AY305" s="77"/>
      <c r="AZ305" s="77"/>
      <c r="BA305" s="77"/>
      <c r="BB305" s="77"/>
      <c r="BC305" s="77"/>
      <c r="BD305" s="77"/>
    </row>
    <row r="306" spans="1:258" s="67" customFormat="1" ht="70.2" customHeight="1">
      <c r="A306" s="534"/>
      <c r="B306" s="535"/>
      <c r="C306" s="535"/>
      <c r="D306" s="535"/>
      <c r="E306" s="535"/>
      <c r="F306" s="535"/>
      <c r="G306" s="535"/>
      <c r="H306" s="535"/>
      <c r="I306" s="536"/>
      <c r="J306" s="598" t="s">
        <v>153</v>
      </c>
      <c r="K306" s="638"/>
      <c r="L306" s="108" t="s">
        <v>154</v>
      </c>
      <c r="M306" s="449"/>
      <c r="N306" s="537"/>
      <c r="O306" s="537"/>
      <c r="P306" s="538"/>
      <c r="Q306" s="139"/>
      <c r="R306" s="138"/>
      <c r="S306" s="78"/>
      <c r="T306" s="76"/>
      <c r="U306" s="77"/>
      <c r="V306" s="77"/>
      <c r="W306" s="77"/>
      <c r="X306" s="77"/>
      <c r="Y306" s="77"/>
      <c r="Z306" s="77"/>
      <c r="AA306" s="77"/>
      <c r="AB306" s="77"/>
      <c r="AC306" s="77"/>
      <c r="AD306" s="77"/>
      <c r="AE306" s="77"/>
      <c r="AF306" s="77"/>
      <c r="AG306" s="77"/>
      <c r="AH306" s="77"/>
      <c r="AI306" s="77"/>
      <c r="AJ306" s="77"/>
      <c r="AK306" s="77"/>
      <c r="AL306" s="77"/>
      <c r="AM306" s="77"/>
      <c r="AN306" s="77"/>
      <c r="AO306" s="77"/>
      <c r="AP306" s="77"/>
      <c r="AQ306" s="77"/>
      <c r="AR306" s="77"/>
      <c r="AS306" s="77"/>
      <c r="AT306" s="77"/>
      <c r="AU306" s="77"/>
      <c r="AV306" s="77"/>
      <c r="AW306" s="77"/>
      <c r="AX306" s="77"/>
      <c r="AY306" s="77"/>
      <c r="AZ306" s="77"/>
      <c r="BA306" s="77"/>
      <c r="BB306" s="77"/>
      <c r="BC306" s="77"/>
      <c r="BD306" s="77"/>
    </row>
    <row r="307" spans="1:258" s="67" customFormat="1" ht="70.2" customHeight="1">
      <c r="A307" s="528" t="s">
        <v>157</v>
      </c>
      <c r="B307" s="529"/>
      <c r="C307" s="529"/>
      <c r="D307" s="529"/>
      <c r="E307" s="529"/>
      <c r="F307" s="529"/>
      <c r="G307" s="529"/>
      <c r="H307" s="529"/>
      <c r="I307" s="530"/>
      <c r="J307" s="109" t="s">
        <v>158</v>
      </c>
      <c r="K307" s="449" t="s">
        <v>159</v>
      </c>
      <c r="L307" s="537"/>
      <c r="M307" s="537"/>
      <c r="N307" s="537"/>
      <c r="O307" s="537"/>
      <c r="P307" s="538"/>
      <c r="Q307" s="134"/>
      <c r="R307" s="133"/>
      <c r="S307" s="39"/>
      <c r="T307" s="40"/>
      <c r="U307" s="41"/>
      <c r="V307" s="41"/>
      <c r="W307" s="41"/>
      <c r="X307" s="41"/>
      <c r="Y307" s="41"/>
      <c r="Z307" s="41"/>
      <c r="AA307" s="41"/>
      <c r="AB307" s="41"/>
      <c r="AC307" s="41"/>
      <c r="AD307" s="41"/>
      <c r="AE307" s="41"/>
      <c r="AF307" s="41"/>
      <c r="AG307" s="41"/>
      <c r="AH307" s="41"/>
      <c r="AI307" s="41"/>
      <c r="AJ307" s="41"/>
      <c r="AK307" s="41"/>
      <c r="AL307" s="41"/>
      <c r="AM307" s="41"/>
      <c r="AN307" s="41"/>
      <c r="AO307" s="41"/>
      <c r="AP307" s="41"/>
      <c r="AQ307" s="41"/>
      <c r="AR307" s="41"/>
      <c r="AS307" s="41"/>
      <c r="AT307" s="41"/>
      <c r="AU307" s="41"/>
      <c r="AV307" s="41"/>
      <c r="AW307" s="41"/>
      <c r="AX307" s="41"/>
      <c r="AY307" s="41"/>
      <c r="AZ307" s="41"/>
      <c r="BA307" s="41"/>
      <c r="BB307" s="41"/>
      <c r="BC307" s="41"/>
      <c r="BD307" s="41"/>
      <c r="BE307" s="42"/>
      <c r="BF307" s="42"/>
      <c r="BG307" s="42"/>
      <c r="BH307" s="42"/>
      <c r="BI307" s="42"/>
      <c r="BJ307" s="42"/>
      <c r="BK307" s="42"/>
      <c r="BL307" s="42"/>
      <c r="BM307" s="42"/>
      <c r="BN307" s="42"/>
      <c r="BO307" s="42"/>
      <c r="BP307" s="42"/>
      <c r="BQ307" s="42"/>
      <c r="BR307" s="42"/>
      <c r="BS307" s="42"/>
      <c r="BT307" s="42"/>
      <c r="BU307" s="42"/>
      <c r="BV307" s="42"/>
      <c r="BW307" s="42"/>
      <c r="BX307" s="42"/>
      <c r="BY307" s="42"/>
      <c r="BZ307" s="42"/>
      <c r="CA307" s="42"/>
      <c r="CB307" s="42"/>
      <c r="CC307" s="42"/>
      <c r="CD307" s="42"/>
      <c r="CE307" s="42"/>
      <c r="CF307" s="42"/>
      <c r="CG307" s="42"/>
      <c r="CH307" s="42"/>
      <c r="CI307" s="42"/>
      <c r="CJ307" s="42"/>
      <c r="CK307" s="42"/>
      <c r="CL307" s="42"/>
      <c r="CM307" s="42"/>
      <c r="CN307" s="42"/>
      <c r="CO307" s="42"/>
      <c r="CP307" s="42"/>
      <c r="CQ307" s="42"/>
      <c r="CR307" s="42"/>
      <c r="CS307" s="42"/>
      <c r="CT307" s="42"/>
      <c r="CU307" s="42"/>
      <c r="CV307" s="42"/>
      <c r="CW307" s="42"/>
      <c r="CX307" s="42"/>
      <c r="CY307" s="42"/>
      <c r="CZ307" s="42"/>
      <c r="DA307" s="42"/>
      <c r="DB307" s="42"/>
      <c r="DC307" s="42"/>
      <c r="DD307" s="42"/>
      <c r="DE307" s="42"/>
      <c r="DF307" s="42"/>
      <c r="DG307" s="42"/>
      <c r="DH307" s="42"/>
      <c r="DI307" s="42"/>
      <c r="DJ307" s="42"/>
      <c r="DK307" s="42"/>
      <c r="DL307" s="42"/>
      <c r="DM307" s="42"/>
      <c r="DN307" s="42"/>
      <c r="DO307" s="42"/>
      <c r="DP307" s="42"/>
      <c r="DQ307" s="42"/>
      <c r="DR307" s="42"/>
      <c r="DS307" s="42"/>
      <c r="DT307" s="42"/>
      <c r="DU307" s="42"/>
      <c r="DV307" s="42"/>
      <c r="DW307" s="42"/>
      <c r="DX307" s="42"/>
      <c r="DY307" s="42"/>
      <c r="DZ307" s="42"/>
      <c r="EA307" s="42"/>
      <c r="EB307" s="42"/>
      <c r="EC307" s="42"/>
      <c r="ED307" s="42"/>
      <c r="EE307" s="42"/>
      <c r="EF307" s="42"/>
      <c r="EG307" s="42"/>
      <c r="EH307" s="42"/>
      <c r="EI307" s="42"/>
      <c r="EJ307" s="42"/>
      <c r="EK307" s="42"/>
      <c r="EL307" s="42"/>
      <c r="EM307" s="42"/>
      <c r="EN307" s="42"/>
      <c r="EO307" s="42"/>
      <c r="EP307" s="42"/>
      <c r="EQ307" s="42"/>
      <c r="ER307" s="42"/>
      <c r="ES307" s="42"/>
      <c r="ET307" s="42"/>
      <c r="EU307" s="42"/>
      <c r="EV307" s="42"/>
      <c r="EW307" s="42"/>
      <c r="EX307" s="42"/>
      <c r="EY307" s="42"/>
      <c r="EZ307" s="42"/>
      <c r="FA307" s="42"/>
      <c r="FB307" s="42"/>
      <c r="FC307" s="42"/>
      <c r="FD307" s="42"/>
      <c r="FE307" s="42"/>
      <c r="FF307" s="42"/>
      <c r="FG307" s="42"/>
      <c r="FH307" s="42"/>
      <c r="FI307" s="42"/>
      <c r="FJ307" s="42"/>
      <c r="FK307" s="42"/>
      <c r="FL307" s="42"/>
      <c r="FM307" s="42"/>
      <c r="FN307" s="42"/>
      <c r="FO307" s="42"/>
      <c r="FP307" s="42"/>
      <c r="FQ307" s="42"/>
      <c r="FR307" s="42"/>
      <c r="FS307" s="42"/>
      <c r="FT307" s="42"/>
      <c r="FU307" s="42"/>
      <c r="FV307" s="42"/>
      <c r="FW307" s="42"/>
      <c r="FX307" s="42"/>
      <c r="FY307" s="42"/>
      <c r="FZ307" s="42"/>
      <c r="GA307" s="42"/>
      <c r="GB307" s="42"/>
      <c r="GC307" s="42"/>
      <c r="GD307" s="42"/>
      <c r="GE307" s="42"/>
      <c r="GF307" s="42"/>
      <c r="GG307" s="42"/>
      <c r="GH307" s="42"/>
      <c r="GI307" s="42"/>
      <c r="GJ307" s="42"/>
      <c r="GK307" s="42"/>
      <c r="GL307" s="42"/>
      <c r="GM307" s="42"/>
      <c r="GN307" s="42"/>
      <c r="GO307" s="42"/>
      <c r="GP307" s="42"/>
      <c r="GQ307" s="42"/>
      <c r="GR307" s="42"/>
      <c r="GS307" s="42"/>
      <c r="GT307" s="42"/>
      <c r="GU307" s="42"/>
      <c r="GV307" s="42"/>
      <c r="GW307" s="42"/>
      <c r="GX307" s="42"/>
      <c r="GY307" s="42"/>
      <c r="GZ307" s="42"/>
      <c r="HA307" s="42"/>
      <c r="HB307" s="42"/>
      <c r="HC307" s="42"/>
      <c r="HD307" s="42"/>
      <c r="HE307" s="42"/>
      <c r="HF307" s="42"/>
      <c r="HG307" s="42"/>
      <c r="HH307" s="42"/>
      <c r="HI307" s="42"/>
      <c r="HJ307" s="42"/>
      <c r="HK307" s="42"/>
      <c r="HL307" s="42"/>
      <c r="HM307" s="42"/>
      <c r="HN307" s="42"/>
      <c r="HO307" s="42"/>
      <c r="HP307" s="42"/>
      <c r="HQ307" s="42"/>
      <c r="HR307" s="42"/>
      <c r="HS307" s="42"/>
      <c r="HT307" s="42"/>
      <c r="HU307" s="42"/>
      <c r="HV307" s="42"/>
      <c r="HW307" s="42"/>
      <c r="HX307" s="42"/>
      <c r="HY307" s="42"/>
      <c r="HZ307" s="42"/>
      <c r="IA307" s="42"/>
      <c r="IB307" s="42"/>
      <c r="IC307" s="42"/>
      <c r="ID307" s="42"/>
      <c r="IE307" s="42"/>
      <c r="IF307" s="42"/>
      <c r="IG307" s="42"/>
      <c r="IH307" s="42"/>
      <c r="II307" s="42"/>
      <c r="IJ307" s="42"/>
      <c r="IK307" s="42"/>
      <c r="IL307" s="42"/>
      <c r="IM307" s="42"/>
      <c r="IN307" s="42"/>
      <c r="IO307" s="42"/>
      <c r="IP307" s="42"/>
      <c r="IQ307" s="42"/>
      <c r="IR307" s="42"/>
      <c r="IS307" s="42"/>
      <c r="IT307" s="42"/>
      <c r="IU307" s="42"/>
      <c r="IV307" s="42"/>
      <c r="IW307" s="42"/>
      <c r="IX307" s="42"/>
    </row>
    <row r="308" spans="1:258" s="67" customFormat="1" ht="70.2" customHeight="1">
      <c r="A308" s="531"/>
      <c r="B308" s="532"/>
      <c r="C308" s="532"/>
      <c r="D308" s="532"/>
      <c r="E308" s="532"/>
      <c r="F308" s="532"/>
      <c r="G308" s="532"/>
      <c r="H308" s="532"/>
      <c r="I308" s="533"/>
      <c r="J308" s="449" t="s">
        <v>160</v>
      </c>
      <c r="K308" s="537"/>
      <c r="L308" s="537"/>
      <c r="M308" s="537"/>
      <c r="N308" s="537"/>
      <c r="O308" s="537"/>
      <c r="P308" s="538"/>
      <c r="Q308" s="134"/>
      <c r="R308" s="133"/>
      <c r="S308" s="39"/>
      <c r="T308" s="40"/>
      <c r="U308" s="41"/>
      <c r="V308" s="41"/>
      <c r="W308" s="41"/>
      <c r="X308" s="41"/>
      <c r="Y308" s="41"/>
      <c r="Z308" s="41"/>
      <c r="AA308" s="41"/>
      <c r="AB308" s="41"/>
      <c r="AC308" s="41"/>
      <c r="AD308" s="41"/>
      <c r="AE308" s="41"/>
      <c r="AF308" s="41"/>
      <c r="AG308" s="41"/>
      <c r="AH308" s="41"/>
      <c r="AI308" s="41"/>
      <c r="AJ308" s="41"/>
      <c r="AK308" s="41"/>
      <c r="AL308" s="41"/>
      <c r="AM308" s="41"/>
      <c r="AN308" s="41"/>
      <c r="AO308" s="41"/>
      <c r="AP308" s="41"/>
      <c r="AQ308" s="41"/>
      <c r="AR308" s="41"/>
      <c r="AS308" s="41"/>
      <c r="AT308" s="41"/>
      <c r="AU308" s="41"/>
      <c r="AV308" s="41"/>
      <c r="AW308" s="41"/>
      <c r="AX308" s="41"/>
      <c r="AY308" s="41"/>
      <c r="AZ308" s="41"/>
      <c r="BA308" s="41"/>
      <c r="BB308" s="41"/>
      <c r="BC308" s="41"/>
      <c r="BD308" s="41"/>
      <c r="BE308" s="42"/>
      <c r="BF308" s="42"/>
      <c r="BG308" s="42"/>
      <c r="BH308" s="42"/>
      <c r="BI308" s="42"/>
      <c r="BJ308" s="42"/>
      <c r="BK308" s="42"/>
      <c r="BL308" s="42"/>
      <c r="BM308" s="42"/>
      <c r="BN308" s="42"/>
      <c r="BO308" s="42"/>
      <c r="BP308" s="42"/>
      <c r="BQ308" s="42"/>
      <c r="BR308" s="42"/>
      <c r="BS308" s="42"/>
      <c r="BT308" s="42"/>
      <c r="BU308" s="42"/>
      <c r="BV308" s="42"/>
      <c r="BW308" s="42"/>
      <c r="BX308" s="42"/>
      <c r="BY308" s="42"/>
      <c r="BZ308" s="42"/>
      <c r="CA308" s="42"/>
      <c r="CB308" s="42"/>
      <c r="CC308" s="42"/>
      <c r="CD308" s="42"/>
      <c r="CE308" s="42"/>
      <c r="CF308" s="42"/>
      <c r="CG308" s="42"/>
      <c r="CH308" s="42"/>
      <c r="CI308" s="42"/>
      <c r="CJ308" s="42"/>
      <c r="CK308" s="42"/>
      <c r="CL308" s="42"/>
      <c r="CM308" s="42"/>
      <c r="CN308" s="42"/>
      <c r="CO308" s="42"/>
      <c r="CP308" s="42"/>
      <c r="CQ308" s="42"/>
      <c r="CR308" s="42"/>
      <c r="CS308" s="42"/>
      <c r="CT308" s="42"/>
      <c r="CU308" s="42"/>
      <c r="CV308" s="42"/>
      <c r="CW308" s="42"/>
      <c r="CX308" s="42"/>
      <c r="CY308" s="42"/>
      <c r="CZ308" s="42"/>
      <c r="DA308" s="42"/>
      <c r="DB308" s="42"/>
      <c r="DC308" s="42"/>
      <c r="DD308" s="42"/>
      <c r="DE308" s="42"/>
      <c r="DF308" s="42"/>
      <c r="DG308" s="42"/>
      <c r="DH308" s="42"/>
      <c r="DI308" s="42"/>
      <c r="DJ308" s="42"/>
      <c r="DK308" s="42"/>
      <c r="DL308" s="42"/>
      <c r="DM308" s="42"/>
      <c r="DN308" s="42"/>
      <c r="DO308" s="42"/>
      <c r="DP308" s="42"/>
      <c r="DQ308" s="42"/>
      <c r="DR308" s="42"/>
      <c r="DS308" s="42"/>
      <c r="DT308" s="42"/>
      <c r="DU308" s="42"/>
      <c r="DV308" s="42"/>
      <c r="DW308" s="42"/>
      <c r="DX308" s="42"/>
      <c r="DY308" s="42"/>
      <c r="DZ308" s="42"/>
      <c r="EA308" s="42"/>
      <c r="EB308" s="42"/>
      <c r="EC308" s="42"/>
      <c r="ED308" s="42"/>
      <c r="EE308" s="42"/>
      <c r="EF308" s="42"/>
      <c r="EG308" s="42"/>
      <c r="EH308" s="42"/>
      <c r="EI308" s="42"/>
      <c r="EJ308" s="42"/>
      <c r="EK308" s="42"/>
      <c r="EL308" s="42"/>
      <c r="EM308" s="42"/>
      <c r="EN308" s="42"/>
      <c r="EO308" s="42"/>
      <c r="EP308" s="42"/>
      <c r="EQ308" s="42"/>
      <c r="ER308" s="42"/>
      <c r="ES308" s="42"/>
      <c r="ET308" s="42"/>
      <c r="EU308" s="42"/>
      <c r="EV308" s="42"/>
      <c r="EW308" s="42"/>
      <c r="EX308" s="42"/>
      <c r="EY308" s="42"/>
      <c r="EZ308" s="42"/>
      <c r="FA308" s="42"/>
      <c r="FB308" s="42"/>
      <c r="FC308" s="42"/>
      <c r="FD308" s="42"/>
      <c r="FE308" s="42"/>
      <c r="FF308" s="42"/>
      <c r="FG308" s="42"/>
      <c r="FH308" s="42"/>
      <c r="FI308" s="42"/>
      <c r="FJ308" s="42"/>
      <c r="FK308" s="42"/>
      <c r="FL308" s="42"/>
      <c r="FM308" s="42"/>
      <c r="FN308" s="42"/>
      <c r="FO308" s="42"/>
      <c r="FP308" s="42"/>
      <c r="FQ308" s="42"/>
      <c r="FR308" s="42"/>
      <c r="FS308" s="42"/>
      <c r="FT308" s="42"/>
      <c r="FU308" s="42"/>
      <c r="FV308" s="42"/>
      <c r="FW308" s="42"/>
      <c r="FX308" s="42"/>
      <c r="FY308" s="42"/>
      <c r="FZ308" s="42"/>
      <c r="GA308" s="42"/>
      <c r="GB308" s="42"/>
      <c r="GC308" s="42"/>
      <c r="GD308" s="42"/>
      <c r="GE308" s="42"/>
      <c r="GF308" s="42"/>
      <c r="GG308" s="42"/>
      <c r="GH308" s="42"/>
      <c r="GI308" s="42"/>
      <c r="GJ308" s="42"/>
      <c r="GK308" s="42"/>
      <c r="GL308" s="42"/>
      <c r="GM308" s="42"/>
      <c r="GN308" s="42"/>
      <c r="GO308" s="42"/>
      <c r="GP308" s="42"/>
      <c r="GQ308" s="42"/>
      <c r="GR308" s="42"/>
      <c r="GS308" s="42"/>
      <c r="GT308" s="42"/>
      <c r="GU308" s="42"/>
      <c r="GV308" s="42"/>
      <c r="GW308" s="42"/>
      <c r="GX308" s="42"/>
      <c r="GY308" s="42"/>
      <c r="GZ308" s="42"/>
      <c r="HA308" s="42"/>
      <c r="HB308" s="42"/>
      <c r="HC308" s="42"/>
      <c r="HD308" s="42"/>
      <c r="HE308" s="42"/>
      <c r="HF308" s="42"/>
      <c r="HG308" s="42"/>
      <c r="HH308" s="42"/>
      <c r="HI308" s="42"/>
      <c r="HJ308" s="42"/>
      <c r="HK308" s="42"/>
      <c r="HL308" s="42"/>
      <c r="HM308" s="42"/>
      <c r="HN308" s="42"/>
      <c r="HO308" s="42"/>
      <c r="HP308" s="42"/>
      <c r="HQ308" s="42"/>
      <c r="HR308" s="42"/>
      <c r="HS308" s="42"/>
      <c r="HT308" s="42"/>
      <c r="HU308" s="42"/>
      <c r="HV308" s="42"/>
      <c r="HW308" s="42"/>
      <c r="HX308" s="42"/>
      <c r="HY308" s="42"/>
      <c r="HZ308" s="42"/>
      <c r="IA308" s="42"/>
      <c r="IB308" s="42"/>
      <c r="IC308" s="42"/>
      <c r="ID308" s="42"/>
      <c r="IE308" s="42"/>
      <c r="IF308" s="42"/>
      <c r="IG308" s="42"/>
      <c r="IH308" s="42"/>
      <c r="II308" s="42"/>
      <c r="IJ308" s="42"/>
      <c r="IK308" s="42"/>
      <c r="IL308" s="42"/>
      <c r="IM308" s="42"/>
      <c r="IN308" s="42"/>
      <c r="IO308" s="42"/>
      <c r="IP308" s="42"/>
      <c r="IQ308" s="42"/>
      <c r="IR308" s="42"/>
      <c r="IS308" s="42"/>
      <c r="IT308" s="42"/>
      <c r="IU308" s="42"/>
      <c r="IV308" s="42"/>
      <c r="IW308" s="42"/>
      <c r="IX308" s="42"/>
    </row>
    <row r="309" spans="1:258" s="67" customFormat="1" ht="70.2" customHeight="1">
      <c r="A309" s="534"/>
      <c r="B309" s="535"/>
      <c r="C309" s="535"/>
      <c r="D309" s="535"/>
      <c r="E309" s="535"/>
      <c r="F309" s="535"/>
      <c r="G309" s="535"/>
      <c r="H309" s="535"/>
      <c r="I309" s="536"/>
      <c r="J309" s="598" t="s">
        <v>161</v>
      </c>
      <c r="K309" s="638"/>
      <c r="L309" s="108" t="s">
        <v>154</v>
      </c>
      <c r="M309" s="449"/>
      <c r="N309" s="537"/>
      <c r="O309" s="537"/>
      <c r="P309" s="538"/>
      <c r="Q309" s="134"/>
      <c r="R309" s="133"/>
      <c r="S309" s="39"/>
      <c r="T309" s="40"/>
      <c r="U309" s="41"/>
      <c r="V309" s="41"/>
      <c r="W309" s="41"/>
      <c r="X309" s="41"/>
      <c r="Y309" s="41"/>
      <c r="Z309" s="41"/>
      <c r="AA309" s="41"/>
      <c r="AB309" s="41"/>
      <c r="AC309" s="41"/>
      <c r="AD309" s="41"/>
      <c r="AE309" s="41"/>
      <c r="AF309" s="41"/>
      <c r="AG309" s="41"/>
      <c r="AH309" s="41"/>
      <c r="AI309" s="41"/>
      <c r="AJ309" s="41"/>
      <c r="AK309" s="41"/>
      <c r="AL309" s="41"/>
      <c r="AM309" s="41"/>
      <c r="AN309" s="41"/>
      <c r="AO309" s="41"/>
      <c r="AP309" s="41"/>
      <c r="AQ309" s="41"/>
      <c r="AR309" s="41"/>
      <c r="AS309" s="41"/>
      <c r="AT309" s="41"/>
      <c r="AU309" s="41"/>
      <c r="AV309" s="41"/>
      <c r="AW309" s="41"/>
      <c r="AX309" s="41"/>
      <c r="AY309" s="41"/>
      <c r="AZ309" s="41"/>
      <c r="BA309" s="41"/>
      <c r="BB309" s="41"/>
      <c r="BC309" s="41"/>
      <c r="BD309" s="41"/>
      <c r="BE309" s="42"/>
      <c r="BF309" s="42"/>
      <c r="BG309" s="42"/>
      <c r="BH309" s="42"/>
      <c r="BI309" s="42"/>
      <c r="BJ309" s="42"/>
      <c r="BK309" s="42"/>
      <c r="BL309" s="42"/>
      <c r="BM309" s="42"/>
      <c r="BN309" s="42"/>
      <c r="BO309" s="42"/>
      <c r="BP309" s="42"/>
      <c r="BQ309" s="42"/>
      <c r="BR309" s="42"/>
      <c r="BS309" s="42"/>
      <c r="BT309" s="42"/>
      <c r="BU309" s="42"/>
      <c r="BV309" s="42"/>
      <c r="BW309" s="42"/>
      <c r="BX309" s="42"/>
      <c r="BY309" s="42"/>
      <c r="BZ309" s="42"/>
      <c r="CA309" s="42"/>
      <c r="CB309" s="42"/>
      <c r="CC309" s="42"/>
      <c r="CD309" s="42"/>
      <c r="CE309" s="42"/>
      <c r="CF309" s="42"/>
      <c r="CG309" s="42"/>
      <c r="CH309" s="42"/>
      <c r="CI309" s="42"/>
      <c r="CJ309" s="42"/>
      <c r="CK309" s="42"/>
      <c r="CL309" s="42"/>
      <c r="CM309" s="42"/>
      <c r="CN309" s="42"/>
      <c r="CO309" s="42"/>
      <c r="CP309" s="42"/>
      <c r="CQ309" s="42"/>
      <c r="CR309" s="42"/>
      <c r="CS309" s="42"/>
      <c r="CT309" s="42"/>
      <c r="CU309" s="42"/>
      <c r="CV309" s="42"/>
      <c r="CW309" s="42"/>
      <c r="CX309" s="42"/>
      <c r="CY309" s="42"/>
      <c r="CZ309" s="42"/>
      <c r="DA309" s="42"/>
      <c r="DB309" s="42"/>
      <c r="DC309" s="42"/>
      <c r="DD309" s="42"/>
      <c r="DE309" s="42"/>
      <c r="DF309" s="42"/>
      <c r="DG309" s="42"/>
      <c r="DH309" s="42"/>
      <c r="DI309" s="42"/>
      <c r="DJ309" s="42"/>
      <c r="DK309" s="42"/>
      <c r="DL309" s="42"/>
      <c r="DM309" s="42"/>
      <c r="DN309" s="42"/>
      <c r="DO309" s="42"/>
      <c r="DP309" s="42"/>
      <c r="DQ309" s="42"/>
      <c r="DR309" s="42"/>
      <c r="DS309" s="42"/>
      <c r="DT309" s="42"/>
      <c r="DU309" s="42"/>
      <c r="DV309" s="42"/>
      <c r="DW309" s="42"/>
      <c r="DX309" s="42"/>
      <c r="DY309" s="42"/>
      <c r="DZ309" s="42"/>
      <c r="EA309" s="42"/>
      <c r="EB309" s="42"/>
      <c r="EC309" s="42"/>
      <c r="ED309" s="42"/>
      <c r="EE309" s="42"/>
      <c r="EF309" s="42"/>
      <c r="EG309" s="42"/>
      <c r="EH309" s="42"/>
      <c r="EI309" s="42"/>
      <c r="EJ309" s="42"/>
      <c r="EK309" s="42"/>
      <c r="EL309" s="42"/>
      <c r="EM309" s="42"/>
      <c r="EN309" s="42"/>
      <c r="EO309" s="42"/>
      <c r="EP309" s="42"/>
      <c r="EQ309" s="42"/>
      <c r="ER309" s="42"/>
      <c r="ES309" s="42"/>
      <c r="ET309" s="42"/>
      <c r="EU309" s="42"/>
      <c r="EV309" s="42"/>
      <c r="EW309" s="42"/>
      <c r="EX309" s="42"/>
      <c r="EY309" s="42"/>
      <c r="EZ309" s="42"/>
      <c r="FA309" s="42"/>
      <c r="FB309" s="42"/>
      <c r="FC309" s="42"/>
      <c r="FD309" s="42"/>
      <c r="FE309" s="42"/>
      <c r="FF309" s="42"/>
      <c r="FG309" s="42"/>
      <c r="FH309" s="42"/>
      <c r="FI309" s="42"/>
      <c r="FJ309" s="42"/>
      <c r="FK309" s="42"/>
      <c r="FL309" s="42"/>
      <c r="FM309" s="42"/>
      <c r="FN309" s="42"/>
      <c r="FO309" s="42"/>
      <c r="FP309" s="42"/>
      <c r="FQ309" s="42"/>
      <c r="FR309" s="42"/>
      <c r="FS309" s="42"/>
      <c r="FT309" s="42"/>
      <c r="FU309" s="42"/>
      <c r="FV309" s="42"/>
      <c r="FW309" s="42"/>
      <c r="FX309" s="42"/>
      <c r="FY309" s="42"/>
      <c r="FZ309" s="42"/>
      <c r="GA309" s="42"/>
      <c r="GB309" s="42"/>
      <c r="GC309" s="42"/>
      <c r="GD309" s="42"/>
      <c r="GE309" s="42"/>
      <c r="GF309" s="42"/>
      <c r="GG309" s="42"/>
      <c r="GH309" s="42"/>
      <c r="GI309" s="42"/>
      <c r="GJ309" s="42"/>
      <c r="GK309" s="42"/>
      <c r="GL309" s="42"/>
      <c r="GM309" s="42"/>
      <c r="GN309" s="42"/>
      <c r="GO309" s="42"/>
      <c r="GP309" s="42"/>
      <c r="GQ309" s="42"/>
      <c r="GR309" s="42"/>
      <c r="GS309" s="42"/>
      <c r="GT309" s="42"/>
      <c r="GU309" s="42"/>
      <c r="GV309" s="42"/>
      <c r="GW309" s="42"/>
      <c r="GX309" s="42"/>
      <c r="GY309" s="42"/>
      <c r="GZ309" s="42"/>
      <c r="HA309" s="42"/>
      <c r="HB309" s="42"/>
      <c r="HC309" s="42"/>
      <c r="HD309" s="42"/>
      <c r="HE309" s="42"/>
      <c r="HF309" s="42"/>
      <c r="HG309" s="42"/>
      <c r="HH309" s="42"/>
      <c r="HI309" s="42"/>
      <c r="HJ309" s="42"/>
      <c r="HK309" s="42"/>
      <c r="HL309" s="42"/>
      <c r="HM309" s="42"/>
      <c r="HN309" s="42"/>
      <c r="HO309" s="42"/>
      <c r="HP309" s="42"/>
      <c r="HQ309" s="42"/>
      <c r="HR309" s="42"/>
      <c r="HS309" s="42"/>
      <c r="HT309" s="42"/>
      <c r="HU309" s="42"/>
      <c r="HV309" s="42"/>
      <c r="HW309" s="42"/>
      <c r="HX309" s="42"/>
      <c r="HY309" s="42"/>
      <c r="HZ309" s="42"/>
      <c r="IA309" s="42"/>
      <c r="IB309" s="42"/>
      <c r="IC309" s="42"/>
      <c r="ID309" s="42"/>
      <c r="IE309" s="42"/>
      <c r="IF309" s="42"/>
      <c r="IG309" s="42"/>
      <c r="IH309" s="42"/>
      <c r="II309" s="42"/>
      <c r="IJ309" s="42"/>
      <c r="IK309" s="42"/>
      <c r="IL309" s="42"/>
      <c r="IM309" s="42"/>
      <c r="IN309" s="42"/>
      <c r="IO309" s="42"/>
      <c r="IP309" s="42"/>
      <c r="IQ309" s="42"/>
      <c r="IR309" s="42"/>
      <c r="IS309" s="42"/>
      <c r="IT309" s="42"/>
      <c r="IU309" s="42"/>
      <c r="IV309" s="42"/>
      <c r="IW309" s="42"/>
      <c r="IX309" s="42"/>
    </row>
    <row r="310" spans="1:258" s="67" customFormat="1" ht="70.2" customHeight="1">
      <c r="A310" s="674" t="s">
        <v>162</v>
      </c>
      <c r="B310" s="675"/>
      <c r="C310" s="675"/>
      <c r="D310" s="675"/>
      <c r="E310" s="675"/>
      <c r="F310" s="675"/>
      <c r="G310" s="675"/>
      <c r="H310" s="675"/>
      <c r="I310" s="676"/>
      <c r="J310" s="613"/>
      <c r="K310" s="613"/>
      <c r="L310" s="613"/>
      <c r="M310" s="613"/>
      <c r="N310" s="613"/>
      <c r="O310" s="613"/>
      <c r="P310" s="677"/>
      <c r="Q310" s="134"/>
      <c r="R310" s="133"/>
      <c r="S310" s="39"/>
      <c r="T310" s="40"/>
      <c r="U310" s="41"/>
      <c r="V310" s="41"/>
      <c r="W310" s="41"/>
      <c r="X310" s="41"/>
      <c r="Y310" s="41"/>
      <c r="Z310" s="41"/>
      <c r="AA310" s="41"/>
      <c r="AB310" s="41"/>
      <c r="AC310" s="41"/>
      <c r="AD310" s="41"/>
      <c r="AE310" s="41"/>
      <c r="AF310" s="41"/>
      <c r="AG310" s="41"/>
      <c r="AH310" s="41"/>
      <c r="AI310" s="41"/>
      <c r="AJ310" s="41"/>
      <c r="AK310" s="41"/>
      <c r="AL310" s="41"/>
      <c r="AM310" s="41"/>
      <c r="AN310" s="41"/>
      <c r="AO310" s="41"/>
      <c r="AP310" s="41"/>
      <c r="AQ310" s="41"/>
      <c r="AR310" s="41"/>
      <c r="AS310" s="41"/>
      <c r="AT310" s="41"/>
      <c r="AU310" s="41"/>
      <c r="AV310" s="41"/>
      <c r="AW310" s="41"/>
      <c r="AX310" s="41"/>
      <c r="AY310" s="41"/>
      <c r="AZ310" s="41"/>
      <c r="BA310" s="41"/>
      <c r="BB310" s="41"/>
      <c r="BC310" s="41"/>
      <c r="BD310" s="41"/>
      <c r="BE310" s="42"/>
      <c r="BF310" s="42"/>
      <c r="BG310" s="42"/>
      <c r="BH310" s="42"/>
      <c r="BI310" s="42"/>
      <c r="BJ310" s="42"/>
      <c r="BK310" s="42"/>
      <c r="BL310" s="42"/>
      <c r="BM310" s="42"/>
      <c r="BN310" s="42"/>
      <c r="BO310" s="42"/>
      <c r="BP310" s="42"/>
      <c r="BQ310" s="42"/>
      <c r="BR310" s="42"/>
      <c r="BS310" s="42"/>
      <c r="BT310" s="42"/>
      <c r="BU310" s="42"/>
      <c r="BV310" s="42"/>
      <c r="BW310" s="42"/>
      <c r="BX310" s="42"/>
      <c r="BY310" s="42"/>
      <c r="BZ310" s="42"/>
      <c r="CA310" s="42"/>
      <c r="CB310" s="42"/>
      <c r="CC310" s="42"/>
      <c r="CD310" s="42"/>
      <c r="CE310" s="42"/>
      <c r="CF310" s="42"/>
      <c r="CG310" s="42"/>
      <c r="CH310" s="42"/>
      <c r="CI310" s="42"/>
      <c r="CJ310" s="42"/>
      <c r="CK310" s="42"/>
      <c r="CL310" s="42"/>
      <c r="CM310" s="42"/>
      <c r="CN310" s="42"/>
      <c r="CO310" s="42"/>
      <c r="CP310" s="42"/>
      <c r="CQ310" s="42"/>
      <c r="CR310" s="42"/>
      <c r="CS310" s="42"/>
      <c r="CT310" s="42"/>
      <c r="CU310" s="42"/>
      <c r="CV310" s="42"/>
      <c r="CW310" s="42"/>
      <c r="CX310" s="42"/>
      <c r="CY310" s="42"/>
      <c r="CZ310" s="42"/>
      <c r="DA310" s="42"/>
      <c r="DB310" s="42"/>
      <c r="DC310" s="42"/>
      <c r="DD310" s="42"/>
      <c r="DE310" s="42"/>
      <c r="DF310" s="42"/>
      <c r="DG310" s="42"/>
      <c r="DH310" s="42"/>
      <c r="DI310" s="42"/>
      <c r="DJ310" s="42"/>
      <c r="DK310" s="42"/>
      <c r="DL310" s="42"/>
      <c r="DM310" s="42"/>
      <c r="DN310" s="42"/>
      <c r="DO310" s="42"/>
      <c r="DP310" s="42"/>
      <c r="DQ310" s="42"/>
      <c r="DR310" s="42"/>
      <c r="DS310" s="42"/>
      <c r="DT310" s="42"/>
      <c r="DU310" s="42"/>
      <c r="DV310" s="42"/>
      <c r="DW310" s="42"/>
      <c r="DX310" s="42"/>
      <c r="DY310" s="42"/>
      <c r="DZ310" s="42"/>
      <c r="EA310" s="42"/>
      <c r="EB310" s="42"/>
      <c r="EC310" s="42"/>
      <c r="ED310" s="42"/>
      <c r="EE310" s="42"/>
      <c r="EF310" s="42"/>
      <c r="EG310" s="42"/>
      <c r="EH310" s="42"/>
      <c r="EI310" s="42"/>
      <c r="EJ310" s="42"/>
      <c r="EK310" s="42"/>
      <c r="EL310" s="42"/>
      <c r="EM310" s="42"/>
      <c r="EN310" s="42"/>
      <c r="EO310" s="42"/>
      <c r="EP310" s="42"/>
      <c r="EQ310" s="42"/>
      <c r="ER310" s="42"/>
      <c r="ES310" s="42"/>
      <c r="ET310" s="42"/>
      <c r="EU310" s="42"/>
      <c r="EV310" s="42"/>
      <c r="EW310" s="42"/>
      <c r="EX310" s="42"/>
      <c r="EY310" s="42"/>
      <c r="EZ310" s="42"/>
      <c r="FA310" s="42"/>
      <c r="FB310" s="42"/>
      <c r="FC310" s="42"/>
      <c r="FD310" s="42"/>
      <c r="FE310" s="42"/>
      <c r="FF310" s="42"/>
      <c r="FG310" s="42"/>
      <c r="FH310" s="42"/>
      <c r="FI310" s="42"/>
      <c r="FJ310" s="42"/>
      <c r="FK310" s="42"/>
      <c r="FL310" s="42"/>
      <c r="FM310" s="42"/>
      <c r="FN310" s="42"/>
      <c r="FO310" s="42"/>
      <c r="FP310" s="42"/>
      <c r="FQ310" s="42"/>
      <c r="FR310" s="42"/>
      <c r="FS310" s="42"/>
      <c r="FT310" s="42"/>
      <c r="FU310" s="42"/>
      <c r="FV310" s="42"/>
      <c r="FW310" s="42"/>
      <c r="FX310" s="42"/>
      <c r="FY310" s="42"/>
      <c r="FZ310" s="42"/>
      <c r="GA310" s="42"/>
      <c r="GB310" s="42"/>
      <c r="GC310" s="42"/>
      <c r="GD310" s="42"/>
      <c r="GE310" s="42"/>
      <c r="GF310" s="42"/>
      <c r="GG310" s="42"/>
      <c r="GH310" s="42"/>
      <c r="GI310" s="42"/>
      <c r="GJ310" s="42"/>
      <c r="GK310" s="42"/>
      <c r="GL310" s="42"/>
      <c r="GM310" s="42"/>
      <c r="GN310" s="42"/>
      <c r="GO310" s="42"/>
      <c r="GP310" s="42"/>
      <c r="GQ310" s="42"/>
      <c r="GR310" s="42"/>
      <c r="GS310" s="42"/>
      <c r="GT310" s="42"/>
      <c r="GU310" s="42"/>
      <c r="GV310" s="42"/>
      <c r="GW310" s="42"/>
      <c r="GX310" s="42"/>
      <c r="GY310" s="42"/>
      <c r="GZ310" s="42"/>
      <c r="HA310" s="42"/>
      <c r="HB310" s="42"/>
      <c r="HC310" s="42"/>
      <c r="HD310" s="42"/>
      <c r="HE310" s="42"/>
      <c r="HF310" s="42"/>
      <c r="HG310" s="42"/>
      <c r="HH310" s="42"/>
      <c r="HI310" s="42"/>
      <c r="HJ310" s="42"/>
      <c r="HK310" s="42"/>
      <c r="HL310" s="42"/>
      <c r="HM310" s="42"/>
      <c r="HN310" s="42"/>
      <c r="HO310" s="42"/>
      <c r="HP310" s="42"/>
      <c r="HQ310" s="42"/>
      <c r="HR310" s="42"/>
      <c r="HS310" s="42"/>
      <c r="HT310" s="42"/>
      <c r="HU310" s="42"/>
      <c r="HV310" s="42"/>
      <c r="HW310" s="42"/>
      <c r="HX310" s="42"/>
      <c r="HY310" s="42"/>
      <c r="HZ310" s="42"/>
      <c r="IA310" s="42"/>
      <c r="IB310" s="42"/>
      <c r="IC310" s="42"/>
      <c r="ID310" s="42"/>
      <c r="IE310" s="42"/>
      <c r="IF310" s="42"/>
      <c r="IG310" s="42"/>
      <c r="IH310" s="42"/>
      <c r="II310" s="42"/>
      <c r="IJ310" s="42"/>
      <c r="IK310" s="42"/>
      <c r="IL310" s="42"/>
      <c r="IM310" s="42"/>
      <c r="IN310" s="42"/>
      <c r="IO310" s="42"/>
      <c r="IP310" s="42"/>
      <c r="IQ310" s="42"/>
      <c r="IR310" s="42"/>
      <c r="IS310" s="42"/>
      <c r="IT310" s="42"/>
      <c r="IU310" s="42"/>
      <c r="IV310" s="42"/>
      <c r="IW310" s="42"/>
      <c r="IX310" s="42"/>
    </row>
    <row r="311" spans="1:258" s="67" customFormat="1" ht="70.2" customHeight="1">
      <c r="A311" s="666" t="s">
        <v>163</v>
      </c>
      <c r="B311" s="667"/>
      <c r="C311" s="667"/>
      <c r="D311" s="667"/>
      <c r="E311" s="667"/>
      <c r="F311" s="667"/>
      <c r="G311" s="667"/>
      <c r="H311" s="667"/>
      <c r="I311" s="668"/>
      <c r="J311" s="669"/>
      <c r="K311" s="667"/>
      <c r="L311" s="667"/>
      <c r="M311" s="667"/>
      <c r="N311" s="667"/>
      <c r="O311" s="667"/>
      <c r="P311" s="670"/>
      <c r="Q311" s="139"/>
      <c r="R311" s="138"/>
      <c r="S311" s="78"/>
      <c r="T311" s="76"/>
      <c r="U311" s="77"/>
      <c r="V311" s="77"/>
      <c r="W311" s="77"/>
      <c r="X311" s="77"/>
      <c r="Y311" s="77"/>
      <c r="Z311" s="77"/>
      <c r="AA311" s="77"/>
      <c r="AB311" s="77"/>
      <c r="AC311" s="77"/>
      <c r="AD311" s="77"/>
      <c r="AE311" s="77"/>
      <c r="AF311" s="77"/>
      <c r="AG311" s="77"/>
      <c r="AH311" s="77"/>
      <c r="AI311" s="77"/>
      <c r="AJ311" s="77"/>
      <c r="AK311" s="77"/>
      <c r="AL311" s="77"/>
      <c r="AM311" s="77"/>
      <c r="AN311" s="77"/>
      <c r="AO311" s="77"/>
      <c r="AP311" s="77"/>
      <c r="AQ311" s="77"/>
      <c r="AR311" s="77"/>
      <c r="AS311" s="77"/>
      <c r="AT311" s="77"/>
      <c r="AU311" s="77"/>
      <c r="AV311" s="77"/>
      <c r="AW311" s="77"/>
      <c r="AX311" s="77"/>
      <c r="AY311" s="77"/>
      <c r="AZ311" s="77"/>
      <c r="BA311" s="77"/>
      <c r="BB311" s="77"/>
      <c r="BC311" s="77"/>
      <c r="BD311" s="77"/>
    </row>
    <row r="312" spans="1:258" s="64" customFormat="1" ht="69.900000000000006" customHeight="1">
      <c r="A312" s="600" t="s">
        <v>344</v>
      </c>
      <c r="B312" s="601"/>
      <c r="C312" s="601"/>
      <c r="D312" s="601"/>
      <c r="E312" s="601"/>
      <c r="F312" s="601"/>
      <c r="G312" s="601"/>
      <c r="H312" s="601"/>
      <c r="I312" s="601"/>
      <c r="J312" s="601"/>
      <c r="K312" s="601"/>
      <c r="L312" s="601"/>
      <c r="M312" s="601"/>
      <c r="N312" s="601"/>
      <c r="O312" s="601"/>
      <c r="P312" s="602"/>
      <c r="Q312" s="122"/>
      <c r="R312" s="138"/>
      <c r="S312" s="162"/>
    </row>
    <row r="313" spans="1:258" s="67" customFormat="1" ht="70.2" customHeight="1">
      <c r="A313" s="510" t="s">
        <v>150</v>
      </c>
      <c r="B313" s="511"/>
      <c r="C313" s="511"/>
      <c r="D313" s="511"/>
      <c r="E313" s="511"/>
      <c r="F313" s="511"/>
      <c r="G313" s="511"/>
      <c r="H313" s="511"/>
      <c r="I313" s="512"/>
      <c r="J313" s="596"/>
      <c r="K313" s="596"/>
      <c r="L313" s="596"/>
      <c r="M313" s="596"/>
      <c r="N313" s="596"/>
      <c r="O313" s="596"/>
      <c r="P313" s="662"/>
      <c r="Q313" s="139"/>
      <c r="R313" s="138"/>
      <c r="S313" s="78"/>
      <c r="T313" s="76"/>
      <c r="U313" s="77"/>
      <c r="V313" s="77"/>
      <c r="W313" s="77"/>
      <c r="X313" s="77"/>
      <c r="Y313" s="77"/>
      <c r="Z313" s="77"/>
      <c r="AA313" s="77"/>
      <c r="AB313" s="77"/>
      <c r="AC313" s="77"/>
      <c r="AD313" s="77"/>
      <c r="AE313" s="77"/>
      <c r="AF313" s="77"/>
      <c r="AG313" s="77"/>
      <c r="AH313" s="77"/>
      <c r="AI313" s="77"/>
      <c r="AJ313" s="77"/>
      <c r="AK313" s="77"/>
      <c r="AL313" s="77"/>
      <c r="AM313" s="77"/>
      <c r="AN313" s="77"/>
      <c r="AO313" s="77"/>
      <c r="AP313" s="77"/>
      <c r="AQ313" s="77"/>
      <c r="AR313" s="77"/>
      <c r="AS313" s="77"/>
      <c r="AT313" s="77"/>
      <c r="AU313" s="77"/>
      <c r="AV313" s="77"/>
      <c r="AW313" s="77"/>
      <c r="AX313" s="77"/>
      <c r="AY313" s="77"/>
      <c r="AZ313" s="77"/>
      <c r="BA313" s="77"/>
      <c r="BB313" s="77"/>
      <c r="BC313" s="77"/>
      <c r="BD313" s="77"/>
    </row>
    <row r="314" spans="1:258" s="67" customFormat="1" ht="70.2" customHeight="1">
      <c r="A314" s="528" t="s">
        <v>151</v>
      </c>
      <c r="B314" s="529"/>
      <c r="C314" s="529"/>
      <c r="D314" s="529"/>
      <c r="E314" s="529"/>
      <c r="F314" s="529"/>
      <c r="G314" s="529"/>
      <c r="H314" s="529"/>
      <c r="I314" s="530"/>
      <c r="J314" s="449" t="s">
        <v>152</v>
      </c>
      <c r="K314" s="537"/>
      <c r="L314" s="537"/>
      <c r="M314" s="537"/>
      <c r="N314" s="537"/>
      <c r="O314" s="537"/>
      <c r="P314" s="538"/>
      <c r="Q314" s="139"/>
      <c r="R314" s="138"/>
      <c r="S314" s="78"/>
      <c r="T314" s="76"/>
      <c r="U314" s="77"/>
      <c r="V314" s="77"/>
      <c r="W314" s="77"/>
      <c r="X314" s="77"/>
      <c r="Y314" s="77"/>
      <c r="Z314" s="77"/>
      <c r="AA314" s="77"/>
      <c r="AB314" s="77"/>
      <c r="AC314" s="77"/>
      <c r="AD314" s="77"/>
      <c r="AE314" s="77"/>
      <c r="AF314" s="77"/>
      <c r="AG314" s="77"/>
      <c r="AH314" s="77"/>
      <c r="AI314" s="77"/>
      <c r="AJ314" s="77"/>
      <c r="AK314" s="77"/>
      <c r="AL314" s="77"/>
      <c r="AM314" s="77"/>
      <c r="AN314" s="77"/>
      <c r="AO314" s="77"/>
      <c r="AP314" s="77"/>
      <c r="AQ314" s="77"/>
      <c r="AR314" s="77"/>
      <c r="AS314" s="77"/>
      <c r="AT314" s="77"/>
      <c r="AU314" s="77"/>
      <c r="AV314" s="77"/>
      <c r="AW314" s="77"/>
      <c r="AX314" s="77"/>
      <c r="AY314" s="77"/>
      <c r="AZ314" s="77"/>
      <c r="BA314" s="77"/>
      <c r="BB314" s="77"/>
      <c r="BC314" s="77"/>
      <c r="BD314" s="77"/>
    </row>
    <row r="315" spans="1:258" s="67" customFormat="1" ht="70.2" customHeight="1">
      <c r="A315" s="539"/>
      <c r="B315" s="540"/>
      <c r="C315" s="540"/>
      <c r="D315" s="540"/>
      <c r="E315" s="540"/>
      <c r="F315" s="540"/>
      <c r="G315" s="540"/>
      <c r="H315" s="540"/>
      <c r="I315" s="541"/>
      <c r="J315" s="649" t="s">
        <v>153</v>
      </c>
      <c r="K315" s="650"/>
      <c r="L315" s="110" t="s">
        <v>154</v>
      </c>
      <c r="M315" s="497"/>
      <c r="N315" s="498"/>
      <c r="O315" s="498"/>
      <c r="P315" s="499"/>
      <c r="Q315" s="139"/>
      <c r="R315" s="138"/>
      <c r="S315" s="78"/>
      <c r="T315" s="76"/>
      <c r="U315" s="77"/>
      <c r="V315" s="77"/>
      <c r="W315" s="77"/>
      <c r="X315" s="77"/>
      <c r="Y315" s="77"/>
      <c r="Z315" s="77"/>
      <c r="AA315" s="77"/>
      <c r="AB315" s="77"/>
      <c r="AC315" s="77"/>
      <c r="AD315" s="77"/>
      <c r="AE315" s="77"/>
      <c r="AF315" s="77"/>
      <c r="AG315" s="77"/>
      <c r="AH315" s="77"/>
      <c r="AI315" s="77"/>
      <c r="AJ315" s="77"/>
      <c r="AK315" s="77"/>
      <c r="AL315" s="77"/>
      <c r="AM315" s="77"/>
      <c r="AN315" s="77"/>
      <c r="AO315" s="77"/>
      <c r="AP315" s="77"/>
      <c r="AQ315" s="77"/>
      <c r="AR315" s="77"/>
      <c r="AS315" s="77"/>
      <c r="AT315" s="77"/>
      <c r="AU315" s="77"/>
      <c r="AV315" s="77"/>
      <c r="AW315" s="77"/>
      <c r="AX315" s="77"/>
      <c r="AY315" s="77"/>
      <c r="AZ315" s="77"/>
      <c r="BA315" s="77"/>
      <c r="BB315" s="77"/>
      <c r="BC315" s="77"/>
      <c r="BD315" s="77"/>
    </row>
    <row r="316" spans="1:258" s="64" customFormat="1" ht="69.900000000000006" customHeight="1">
      <c r="A316" s="600" t="s">
        <v>345</v>
      </c>
      <c r="B316" s="601"/>
      <c r="C316" s="601"/>
      <c r="D316" s="601"/>
      <c r="E316" s="601"/>
      <c r="F316" s="601"/>
      <c r="G316" s="601"/>
      <c r="H316" s="601"/>
      <c r="I316" s="601"/>
      <c r="J316" s="601"/>
      <c r="K316" s="601"/>
      <c r="L316" s="601"/>
      <c r="M316" s="601"/>
      <c r="N316" s="601"/>
      <c r="O316" s="601"/>
      <c r="P316" s="602"/>
      <c r="Q316" s="122"/>
      <c r="R316" s="138"/>
      <c r="S316" s="209" t="s">
        <v>346</v>
      </c>
    </row>
    <row r="317" spans="1:258" s="67" customFormat="1" ht="70.2" customHeight="1">
      <c r="A317" s="510" t="s">
        <v>150</v>
      </c>
      <c r="B317" s="511"/>
      <c r="C317" s="511"/>
      <c r="D317" s="511"/>
      <c r="E317" s="511"/>
      <c r="F317" s="511"/>
      <c r="G317" s="511"/>
      <c r="H317" s="511"/>
      <c r="I317" s="512"/>
      <c r="J317" s="596"/>
      <c r="K317" s="596"/>
      <c r="L317" s="596"/>
      <c r="M317" s="596"/>
      <c r="N317" s="596"/>
      <c r="O317" s="596"/>
      <c r="P317" s="662"/>
      <c r="Q317" s="139"/>
      <c r="R317" s="138"/>
      <c r="S317" s="78"/>
      <c r="T317" s="76"/>
      <c r="U317" s="77"/>
      <c r="V317" s="77"/>
      <c r="W317" s="77"/>
      <c r="X317" s="77"/>
      <c r="Y317" s="77"/>
      <c r="Z317" s="77"/>
      <c r="AA317" s="77"/>
      <c r="AB317" s="77"/>
      <c r="AC317" s="77"/>
      <c r="AD317" s="77"/>
      <c r="AE317" s="77"/>
      <c r="AF317" s="77"/>
      <c r="AG317" s="77"/>
      <c r="AH317" s="77"/>
      <c r="AI317" s="77"/>
      <c r="AJ317" s="77"/>
      <c r="AK317" s="77"/>
      <c r="AL317" s="77"/>
      <c r="AM317" s="77"/>
      <c r="AN317" s="77"/>
      <c r="AO317" s="77"/>
      <c r="AP317" s="77"/>
      <c r="AQ317" s="77"/>
      <c r="AR317" s="77"/>
      <c r="AS317" s="77"/>
      <c r="AT317" s="77"/>
      <c r="AU317" s="77"/>
      <c r="AV317" s="77"/>
      <c r="AW317" s="77"/>
      <c r="AX317" s="77"/>
      <c r="AY317" s="77"/>
      <c r="AZ317" s="77"/>
      <c r="BA317" s="77"/>
      <c r="BB317" s="77"/>
      <c r="BC317" s="77"/>
      <c r="BD317" s="77"/>
    </row>
    <row r="318" spans="1:258" s="67" customFormat="1" ht="70.2" customHeight="1">
      <c r="A318" s="528" t="s">
        <v>151</v>
      </c>
      <c r="B318" s="529"/>
      <c r="C318" s="529"/>
      <c r="D318" s="529"/>
      <c r="E318" s="529"/>
      <c r="F318" s="529"/>
      <c r="G318" s="529"/>
      <c r="H318" s="529"/>
      <c r="I318" s="530"/>
      <c r="J318" s="449" t="s">
        <v>152</v>
      </c>
      <c r="K318" s="537"/>
      <c r="L318" s="537"/>
      <c r="M318" s="537"/>
      <c r="N318" s="537"/>
      <c r="O318" s="537"/>
      <c r="P318" s="538"/>
      <c r="Q318" s="139"/>
      <c r="R318" s="138"/>
      <c r="S318" s="78"/>
      <c r="T318" s="76"/>
      <c r="U318" s="77"/>
      <c r="V318" s="77"/>
      <c r="W318" s="77"/>
      <c r="X318" s="77"/>
      <c r="Y318" s="77"/>
      <c r="Z318" s="77"/>
      <c r="AA318" s="77"/>
      <c r="AB318" s="77"/>
      <c r="AC318" s="77"/>
      <c r="AD318" s="77"/>
      <c r="AE318" s="77"/>
      <c r="AF318" s="77"/>
      <c r="AG318" s="77"/>
      <c r="AH318" s="77"/>
      <c r="AI318" s="77"/>
      <c r="AJ318" s="77"/>
      <c r="AK318" s="77"/>
      <c r="AL318" s="77"/>
      <c r="AM318" s="77"/>
      <c r="AN318" s="77"/>
      <c r="AO318" s="77"/>
      <c r="AP318" s="77"/>
      <c r="AQ318" s="77"/>
      <c r="AR318" s="77"/>
      <c r="AS318" s="77"/>
      <c r="AT318" s="77"/>
      <c r="AU318" s="77"/>
      <c r="AV318" s="77"/>
      <c r="AW318" s="77"/>
      <c r="AX318" s="77"/>
      <c r="AY318" s="77"/>
      <c r="AZ318" s="77"/>
      <c r="BA318" s="77"/>
      <c r="BB318" s="77"/>
      <c r="BC318" s="77"/>
      <c r="BD318" s="77"/>
    </row>
    <row r="319" spans="1:258" s="67" customFormat="1" ht="70.2" customHeight="1">
      <c r="A319" s="534"/>
      <c r="B319" s="535"/>
      <c r="C319" s="535"/>
      <c r="D319" s="535"/>
      <c r="E319" s="535"/>
      <c r="F319" s="535"/>
      <c r="G319" s="535"/>
      <c r="H319" s="535"/>
      <c r="I319" s="536"/>
      <c r="J319" s="598" t="s">
        <v>153</v>
      </c>
      <c r="K319" s="638"/>
      <c r="L319" s="108" t="s">
        <v>154</v>
      </c>
      <c r="M319" s="449"/>
      <c r="N319" s="537"/>
      <c r="O319" s="537"/>
      <c r="P319" s="538"/>
      <c r="Q319" s="139"/>
      <c r="R319" s="138"/>
      <c r="S319" s="78"/>
      <c r="T319" s="76"/>
      <c r="U319" s="77"/>
      <c r="V319" s="77"/>
      <c r="W319" s="77"/>
      <c r="X319" s="77"/>
      <c r="Y319" s="77"/>
      <c r="Z319" s="77"/>
      <c r="AA319" s="77"/>
      <c r="AB319" s="77"/>
      <c r="AC319" s="77"/>
      <c r="AD319" s="77"/>
      <c r="AE319" s="77"/>
      <c r="AF319" s="77"/>
      <c r="AG319" s="77"/>
      <c r="AH319" s="77"/>
      <c r="AI319" s="77"/>
      <c r="AJ319" s="77"/>
      <c r="AK319" s="77"/>
      <c r="AL319" s="77"/>
      <c r="AM319" s="77"/>
      <c r="AN319" s="77"/>
      <c r="AO319" s="77"/>
      <c r="AP319" s="77"/>
      <c r="AQ319" s="77"/>
      <c r="AR319" s="77"/>
      <c r="AS319" s="77"/>
      <c r="AT319" s="77"/>
      <c r="AU319" s="77"/>
      <c r="AV319" s="77"/>
      <c r="AW319" s="77"/>
      <c r="AX319" s="77"/>
      <c r="AY319" s="77"/>
      <c r="AZ319" s="77"/>
      <c r="BA319" s="77"/>
      <c r="BB319" s="77"/>
      <c r="BC319" s="77"/>
      <c r="BD319" s="77"/>
    </row>
    <row r="320" spans="1:258" s="67" customFormat="1" ht="70.2" customHeight="1">
      <c r="A320" s="674" t="s">
        <v>156</v>
      </c>
      <c r="B320" s="675"/>
      <c r="C320" s="675"/>
      <c r="D320" s="675"/>
      <c r="E320" s="675"/>
      <c r="F320" s="675"/>
      <c r="G320" s="675"/>
      <c r="H320" s="675"/>
      <c r="I320" s="676"/>
      <c r="J320" s="613"/>
      <c r="K320" s="613"/>
      <c r="L320" s="613"/>
      <c r="M320" s="613"/>
      <c r="N320" s="613"/>
      <c r="O320" s="613"/>
      <c r="P320" s="677"/>
      <c r="Q320" s="134"/>
      <c r="R320" s="133"/>
      <c r="S320" s="39"/>
      <c r="T320" s="40"/>
      <c r="U320" s="41"/>
      <c r="V320" s="41"/>
      <c r="W320" s="41"/>
      <c r="X320" s="41"/>
      <c r="Y320" s="41"/>
      <c r="Z320" s="41"/>
      <c r="AA320" s="41"/>
      <c r="AB320" s="41"/>
      <c r="AC320" s="41"/>
      <c r="AD320" s="41"/>
      <c r="AE320" s="41"/>
      <c r="AF320" s="41"/>
      <c r="AG320" s="41"/>
      <c r="AH320" s="41"/>
      <c r="AI320" s="41"/>
      <c r="AJ320" s="41"/>
      <c r="AK320" s="41"/>
      <c r="AL320" s="41"/>
      <c r="AM320" s="41"/>
      <c r="AN320" s="41"/>
      <c r="AO320" s="41"/>
      <c r="AP320" s="41"/>
      <c r="AQ320" s="41"/>
      <c r="AR320" s="41"/>
      <c r="AS320" s="41"/>
      <c r="AT320" s="41"/>
      <c r="AU320" s="41"/>
      <c r="AV320" s="41"/>
      <c r="AW320" s="41"/>
      <c r="AX320" s="41"/>
      <c r="AY320" s="41"/>
      <c r="AZ320" s="41"/>
      <c r="BA320" s="41"/>
      <c r="BB320" s="41"/>
      <c r="BC320" s="41"/>
      <c r="BD320" s="41"/>
      <c r="BE320" s="42"/>
      <c r="BF320" s="42"/>
      <c r="BG320" s="42"/>
      <c r="BH320" s="42"/>
      <c r="BI320" s="42"/>
      <c r="BJ320" s="42"/>
      <c r="BK320" s="42"/>
      <c r="BL320" s="42"/>
      <c r="BM320" s="42"/>
      <c r="BN320" s="42"/>
      <c r="BO320" s="42"/>
      <c r="BP320" s="42"/>
      <c r="BQ320" s="42"/>
      <c r="BR320" s="42"/>
      <c r="BS320" s="42"/>
      <c r="BT320" s="42"/>
      <c r="BU320" s="42"/>
      <c r="BV320" s="42"/>
      <c r="BW320" s="42"/>
      <c r="BX320" s="42"/>
      <c r="BY320" s="42"/>
      <c r="BZ320" s="42"/>
      <c r="CA320" s="42"/>
      <c r="CB320" s="42"/>
      <c r="CC320" s="42"/>
      <c r="CD320" s="42"/>
      <c r="CE320" s="42"/>
      <c r="CF320" s="42"/>
      <c r="CG320" s="42"/>
      <c r="CH320" s="42"/>
      <c r="CI320" s="42"/>
      <c r="CJ320" s="42"/>
      <c r="CK320" s="42"/>
      <c r="CL320" s="42"/>
      <c r="CM320" s="42"/>
      <c r="CN320" s="42"/>
      <c r="CO320" s="42"/>
      <c r="CP320" s="42"/>
      <c r="CQ320" s="42"/>
      <c r="CR320" s="42"/>
      <c r="CS320" s="42"/>
      <c r="CT320" s="42"/>
      <c r="CU320" s="42"/>
      <c r="CV320" s="42"/>
      <c r="CW320" s="42"/>
      <c r="CX320" s="42"/>
      <c r="CY320" s="42"/>
      <c r="CZ320" s="42"/>
      <c r="DA320" s="42"/>
      <c r="DB320" s="42"/>
      <c r="DC320" s="42"/>
      <c r="DD320" s="42"/>
      <c r="DE320" s="42"/>
      <c r="DF320" s="42"/>
      <c r="DG320" s="42"/>
      <c r="DH320" s="42"/>
      <c r="DI320" s="42"/>
      <c r="DJ320" s="42"/>
      <c r="DK320" s="42"/>
      <c r="DL320" s="42"/>
      <c r="DM320" s="42"/>
      <c r="DN320" s="42"/>
      <c r="DO320" s="42"/>
      <c r="DP320" s="42"/>
      <c r="DQ320" s="42"/>
      <c r="DR320" s="42"/>
      <c r="DS320" s="42"/>
      <c r="DT320" s="42"/>
      <c r="DU320" s="42"/>
      <c r="DV320" s="42"/>
      <c r="DW320" s="42"/>
      <c r="DX320" s="42"/>
      <c r="DY320" s="42"/>
      <c r="DZ320" s="42"/>
      <c r="EA320" s="42"/>
      <c r="EB320" s="42"/>
      <c r="EC320" s="42"/>
      <c r="ED320" s="42"/>
      <c r="EE320" s="42"/>
      <c r="EF320" s="42"/>
      <c r="EG320" s="42"/>
      <c r="EH320" s="42"/>
      <c r="EI320" s="42"/>
      <c r="EJ320" s="42"/>
      <c r="EK320" s="42"/>
      <c r="EL320" s="42"/>
      <c r="EM320" s="42"/>
      <c r="EN320" s="42"/>
      <c r="EO320" s="42"/>
      <c r="EP320" s="42"/>
      <c r="EQ320" s="42"/>
      <c r="ER320" s="42"/>
      <c r="ES320" s="42"/>
      <c r="ET320" s="42"/>
      <c r="EU320" s="42"/>
      <c r="EV320" s="42"/>
      <c r="EW320" s="42"/>
      <c r="EX320" s="42"/>
      <c r="EY320" s="42"/>
      <c r="EZ320" s="42"/>
      <c r="FA320" s="42"/>
      <c r="FB320" s="42"/>
      <c r="FC320" s="42"/>
      <c r="FD320" s="42"/>
      <c r="FE320" s="42"/>
      <c r="FF320" s="42"/>
      <c r="FG320" s="42"/>
      <c r="FH320" s="42"/>
      <c r="FI320" s="42"/>
      <c r="FJ320" s="42"/>
      <c r="FK320" s="42"/>
      <c r="FL320" s="42"/>
      <c r="FM320" s="42"/>
      <c r="FN320" s="42"/>
      <c r="FO320" s="42"/>
      <c r="FP320" s="42"/>
      <c r="FQ320" s="42"/>
      <c r="FR320" s="42"/>
      <c r="FS320" s="42"/>
      <c r="FT320" s="42"/>
      <c r="FU320" s="42"/>
      <c r="FV320" s="42"/>
      <c r="FW320" s="42"/>
      <c r="FX320" s="42"/>
      <c r="FY320" s="42"/>
      <c r="FZ320" s="42"/>
      <c r="GA320" s="42"/>
      <c r="GB320" s="42"/>
      <c r="GC320" s="42"/>
      <c r="GD320" s="42"/>
      <c r="GE320" s="42"/>
      <c r="GF320" s="42"/>
      <c r="GG320" s="42"/>
      <c r="GH320" s="42"/>
      <c r="GI320" s="42"/>
      <c r="GJ320" s="42"/>
      <c r="GK320" s="42"/>
      <c r="GL320" s="42"/>
      <c r="GM320" s="42"/>
      <c r="GN320" s="42"/>
      <c r="GO320" s="42"/>
      <c r="GP320" s="42"/>
      <c r="GQ320" s="42"/>
      <c r="GR320" s="42"/>
      <c r="GS320" s="42"/>
      <c r="GT320" s="42"/>
      <c r="GU320" s="42"/>
      <c r="GV320" s="42"/>
      <c r="GW320" s="42"/>
      <c r="GX320" s="42"/>
      <c r="GY320" s="42"/>
      <c r="GZ320" s="42"/>
      <c r="HA320" s="42"/>
      <c r="HB320" s="42"/>
      <c r="HC320" s="42"/>
      <c r="HD320" s="42"/>
      <c r="HE320" s="42"/>
      <c r="HF320" s="42"/>
      <c r="HG320" s="42"/>
      <c r="HH320" s="42"/>
      <c r="HI320" s="42"/>
      <c r="HJ320" s="42"/>
      <c r="HK320" s="42"/>
      <c r="HL320" s="42"/>
      <c r="HM320" s="42"/>
      <c r="HN320" s="42"/>
      <c r="HO320" s="42"/>
      <c r="HP320" s="42"/>
      <c r="HQ320" s="42"/>
      <c r="HR320" s="42"/>
      <c r="HS320" s="42"/>
      <c r="HT320" s="42"/>
      <c r="HU320" s="42"/>
      <c r="HV320" s="42"/>
      <c r="HW320" s="42"/>
      <c r="HX320" s="42"/>
      <c r="HY320" s="42"/>
      <c r="HZ320" s="42"/>
      <c r="IA320" s="42"/>
      <c r="IB320" s="42"/>
      <c r="IC320" s="42"/>
      <c r="ID320" s="42"/>
      <c r="IE320" s="42"/>
      <c r="IF320" s="42"/>
      <c r="IG320" s="42"/>
      <c r="IH320" s="42"/>
      <c r="II320" s="42"/>
      <c r="IJ320" s="42"/>
      <c r="IK320" s="42"/>
      <c r="IL320" s="42"/>
      <c r="IM320" s="42"/>
      <c r="IN320" s="42"/>
      <c r="IO320" s="42"/>
      <c r="IP320" s="42"/>
      <c r="IQ320" s="42"/>
      <c r="IR320" s="42"/>
      <c r="IS320" s="42"/>
      <c r="IT320" s="42"/>
      <c r="IU320" s="42"/>
      <c r="IV320" s="42"/>
      <c r="IW320" s="42"/>
      <c r="IX320" s="42"/>
    </row>
    <row r="321" spans="1:258" s="67" customFormat="1" ht="70.2" customHeight="1">
      <c r="A321" s="528" t="s">
        <v>157</v>
      </c>
      <c r="B321" s="529"/>
      <c r="C321" s="529"/>
      <c r="D321" s="529"/>
      <c r="E321" s="529"/>
      <c r="F321" s="529"/>
      <c r="G321" s="529"/>
      <c r="H321" s="529"/>
      <c r="I321" s="530"/>
      <c r="J321" s="109" t="s">
        <v>158</v>
      </c>
      <c r="K321" s="449" t="s">
        <v>159</v>
      </c>
      <c r="L321" s="537"/>
      <c r="M321" s="537"/>
      <c r="N321" s="537"/>
      <c r="O321" s="537"/>
      <c r="P321" s="538"/>
      <c r="Q321" s="134"/>
      <c r="R321" s="133"/>
      <c r="S321" s="39"/>
      <c r="T321" s="40"/>
      <c r="U321" s="41"/>
      <c r="V321" s="41"/>
      <c r="W321" s="41"/>
      <c r="X321" s="41"/>
      <c r="Y321" s="41"/>
      <c r="Z321" s="41"/>
      <c r="AA321" s="41"/>
      <c r="AB321" s="41"/>
      <c r="AC321" s="41"/>
      <c r="AD321" s="41"/>
      <c r="AE321" s="41"/>
      <c r="AF321" s="41"/>
      <c r="AG321" s="41"/>
      <c r="AH321" s="41"/>
      <c r="AI321" s="41"/>
      <c r="AJ321" s="41"/>
      <c r="AK321" s="41"/>
      <c r="AL321" s="41"/>
      <c r="AM321" s="41"/>
      <c r="AN321" s="41"/>
      <c r="AO321" s="41"/>
      <c r="AP321" s="41"/>
      <c r="AQ321" s="41"/>
      <c r="AR321" s="41"/>
      <c r="AS321" s="41"/>
      <c r="AT321" s="41"/>
      <c r="AU321" s="41"/>
      <c r="AV321" s="41"/>
      <c r="AW321" s="41"/>
      <c r="AX321" s="41"/>
      <c r="AY321" s="41"/>
      <c r="AZ321" s="41"/>
      <c r="BA321" s="41"/>
      <c r="BB321" s="41"/>
      <c r="BC321" s="41"/>
      <c r="BD321" s="41"/>
      <c r="BE321" s="42"/>
      <c r="BF321" s="42"/>
      <c r="BG321" s="42"/>
      <c r="BH321" s="42"/>
      <c r="BI321" s="42"/>
      <c r="BJ321" s="42"/>
      <c r="BK321" s="42"/>
      <c r="BL321" s="42"/>
      <c r="BM321" s="42"/>
      <c r="BN321" s="42"/>
      <c r="BO321" s="42"/>
      <c r="BP321" s="42"/>
      <c r="BQ321" s="42"/>
      <c r="BR321" s="42"/>
      <c r="BS321" s="42"/>
      <c r="BT321" s="42"/>
      <c r="BU321" s="42"/>
      <c r="BV321" s="42"/>
      <c r="BW321" s="42"/>
      <c r="BX321" s="42"/>
      <c r="BY321" s="42"/>
      <c r="BZ321" s="42"/>
      <c r="CA321" s="42"/>
      <c r="CB321" s="42"/>
      <c r="CC321" s="42"/>
      <c r="CD321" s="42"/>
      <c r="CE321" s="42"/>
      <c r="CF321" s="42"/>
      <c r="CG321" s="42"/>
      <c r="CH321" s="42"/>
      <c r="CI321" s="42"/>
      <c r="CJ321" s="42"/>
      <c r="CK321" s="42"/>
      <c r="CL321" s="42"/>
      <c r="CM321" s="42"/>
      <c r="CN321" s="42"/>
      <c r="CO321" s="42"/>
      <c r="CP321" s="42"/>
      <c r="CQ321" s="42"/>
      <c r="CR321" s="42"/>
      <c r="CS321" s="42"/>
      <c r="CT321" s="42"/>
      <c r="CU321" s="42"/>
      <c r="CV321" s="42"/>
      <c r="CW321" s="42"/>
      <c r="CX321" s="42"/>
      <c r="CY321" s="42"/>
      <c r="CZ321" s="42"/>
      <c r="DA321" s="42"/>
      <c r="DB321" s="42"/>
      <c r="DC321" s="42"/>
      <c r="DD321" s="42"/>
      <c r="DE321" s="42"/>
      <c r="DF321" s="42"/>
      <c r="DG321" s="42"/>
      <c r="DH321" s="42"/>
      <c r="DI321" s="42"/>
      <c r="DJ321" s="42"/>
      <c r="DK321" s="42"/>
      <c r="DL321" s="42"/>
      <c r="DM321" s="42"/>
      <c r="DN321" s="42"/>
      <c r="DO321" s="42"/>
      <c r="DP321" s="42"/>
      <c r="DQ321" s="42"/>
      <c r="DR321" s="42"/>
      <c r="DS321" s="42"/>
      <c r="DT321" s="42"/>
      <c r="DU321" s="42"/>
      <c r="DV321" s="42"/>
      <c r="DW321" s="42"/>
      <c r="DX321" s="42"/>
      <c r="DY321" s="42"/>
      <c r="DZ321" s="42"/>
      <c r="EA321" s="42"/>
      <c r="EB321" s="42"/>
      <c r="EC321" s="42"/>
      <c r="ED321" s="42"/>
      <c r="EE321" s="42"/>
      <c r="EF321" s="42"/>
      <c r="EG321" s="42"/>
      <c r="EH321" s="42"/>
      <c r="EI321" s="42"/>
      <c r="EJ321" s="42"/>
      <c r="EK321" s="42"/>
      <c r="EL321" s="42"/>
      <c r="EM321" s="42"/>
      <c r="EN321" s="42"/>
      <c r="EO321" s="42"/>
      <c r="EP321" s="42"/>
      <c r="EQ321" s="42"/>
      <c r="ER321" s="42"/>
      <c r="ES321" s="42"/>
      <c r="ET321" s="42"/>
      <c r="EU321" s="42"/>
      <c r="EV321" s="42"/>
      <c r="EW321" s="42"/>
      <c r="EX321" s="42"/>
      <c r="EY321" s="42"/>
      <c r="EZ321" s="42"/>
      <c r="FA321" s="42"/>
      <c r="FB321" s="42"/>
      <c r="FC321" s="42"/>
      <c r="FD321" s="42"/>
      <c r="FE321" s="42"/>
      <c r="FF321" s="42"/>
      <c r="FG321" s="42"/>
      <c r="FH321" s="42"/>
      <c r="FI321" s="42"/>
      <c r="FJ321" s="42"/>
      <c r="FK321" s="42"/>
      <c r="FL321" s="42"/>
      <c r="FM321" s="42"/>
      <c r="FN321" s="42"/>
      <c r="FO321" s="42"/>
      <c r="FP321" s="42"/>
      <c r="FQ321" s="42"/>
      <c r="FR321" s="42"/>
      <c r="FS321" s="42"/>
      <c r="FT321" s="42"/>
      <c r="FU321" s="42"/>
      <c r="FV321" s="42"/>
      <c r="FW321" s="42"/>
      <c r="FX321" s="42"/>
      <c r="FY321" s="42"/>
      <c r="FZ321" s="42"/>
      <c r="GA321" s="42"/>
      <c r="GB321" s="42"/>
      <c r="GC321" s="42"/>
      <c r="GD321" s="42"/>
      <c r="GE321" s="42"/>
      <c r="GF321" s="42"/>
      <c r="GG321" s="42"/>
      <c r="GH321" s="42"/>
      <c r="GI321" s="42"/>
      <c r="GJ321" s="42"/>
      <c r="GK321" s="42"/>
      <c r="GL321" s="42"/>
      <c r="GM321" s="42"/>
      <c r="GN321" s="42"/>
      <c r="GO321" s="42"/>
      <c r="GP321" s="42"/>
      <c r="GQ321" s="42"/>
      <c r="GR321" s="42"/>
      <c r="GS321" s="42"/>
      <c r="GT321" s="42"/>
      <c r="GU321" s="42"/>
      <c r="GV321" s="42"/>
      <c r="GW321" s="42"/>
      <c r="GX321" s="42"/>
      <c r="GY321" s="42"/>
      <c r="GZ321" s="42"/>
      <c r="HA321" s="42"/>
      <c r="HB321" s="42"/>
      <c r="HC321" s="42"/>
      <c r="HD321" s="42"/>
      <c r="HE321" s="42"/>
      <c r="HF321" s="42"/>
      <c r="HG321" s="42"/>
      <c r="HH321" s="42"/>
      <c r="HI321" s="42"/>
      <c r="HJ321" s="42"/>
      <c r="HK321" s="42"/>
      <c r="HL321" s="42"/>
      <c r="HM321" s="42"/>
      <c r="HN321" s="42"/>
      <c r="HO321" s="42"/>
      <c r="HP321" s="42"/>
      <c r="HQ321" s="42"/>
      <c r="HR321" s="42"/>
      <c r="HS321" s="42"/>
      <c r="HT321" s="42"/>
      <c r="HU321" s="42"/>
      <c r="HV321" s="42"/>
      <c r="HW321" s="42"/>
      <c r="HX321" s="42"/>
      <c r="HY321" s="42"/>
      <c r="HZ321" s="42"/>
      <c r="IA321" s="42"/>
      <c r="IB321" s="42"/>
      <c r="IC321" s="42"/>
      <c r="ID321" s="42"/>
      <c r="IE321" s="42"/>
      <c r="IF321" s="42"/>
      <c r="IG321" s="42"/>
      <c r="IH321" s="42"/>
      <c r="II321" s="42"/>
      <c r="IJ321" s="42"/>
      <c r="IK321" s="42"/>
      <c r="IL321" s="42"/>
      <c r="IM321" s="42"/>
      <c r="IN321" s="42"/>
      <c r="IO321" s="42"/>
      <c r="IP321" s="42"/>
      <c r="IQ321" s="42"/>
      <c r="IR321" s="42"/>
      <c r="IS321" s="42"/>
      <c r="IT321" s="42"/>
      <c r="IU321" s="42"/>
      <c r="IV321" s="42"/>
      <c r="IW321" s="42"/>
      <c r="IX321" s="42"/>
    </row>
    <row r="322" spans="1:258" s="67" customFormat="1" ht="70.2" customHeight="1">
      <c r="A322" s="531"/>
      <c r="B322" s="532"/>
      <c r="C322" s="532"/>
      <c r="D322" s="532"/>
      <c r="E322" s="532"/>
      <c r="F322" s="532"/>
      <c r="G322" s="532"/>
      <c r="H322" s="532"/>
      <c r="I322" s="533"/>
      <c r="J322" s="449" t="s">
        <v>160</v>
      </c>
      <c r="K322" s="537"/>
      <c r="L322" s="537"/>
      <c r="M322" s="537"/>
      <c r="N322" s="537"/>
      <c r="O322" s="537"/>
      <c r="P322" s="538"/>
      <c r="Q322" s="134"/>
      <c r="R322" s="133"/>
      <c r="S322" s="39"/>
      <c r="T322" s="40"/>
      <c r="U322" s="41"/>
      <c r="V322" s="41"/>
      <c r="W322" s="41"/>
      <c r="X322" s="41"/>
      <c r="Y322" s="41"/>
      <c r="Z322" s="41"/>
      <c r="AA322" s="41"/>
      <c r="AB322" s="41"/>
      <c r="AC322" s="41"/>
      <c r="AD322" s="41"/>
      <c r="AE322" s="41"/>
      <c r="AF322" s="41"/>
      <c r="AG322" s="41"/>
      <c r="AH322" s="41"/>
      <c r="AI322" s="41"/>
      <c r="AJ322" s="41"/>
      <c r="AK322" s="41"/>
      <c r="AL322" s="41"/>
      <c r="AM322" s="41"/>
      <c r="AN322" s="41"/>
      <c r="AO322" s="41"/>
      <c r="AP322" s="41"/>
      <c r="AQ322" s="41"/>
      <c r="AR322" s="41"/>
      <c r="AS322" s="41"/>
      <c r="AT322" s="41"/>
      <c r="AU322" s="41"/>
      <c r="AV322" s="41"/>
      <c r="AW322" s="41"/>
      <c r="AX322" s="41"/>
      <c r="AY322" s="41"/>
      <c r="AZ322" s="41"/>
      <c r="BA322" s="41"/>
      <c r="BB322" s="41"/>
      <c r="BC322" s="41"/>
      <c r="BD322" s="41"/>
      <c r="BE322" s="42"/>
      <c r="BF322" s="42"/>
      <c r="BG322" s="42"/>
      <c r="BH322" s="42"/>
      <c r="BI322" s="42"/>
      <c r="BJ322" s="42"/>
      <c r="BK322" s="42"/>
      <c r="BL322" s="42"/>
      <c r="BM322" s="42"/>
      <c r="BN322" s="42"/>
      <c r="BO322" s="42"/>
      <c r="BP322" s="42"/>
      <c r="BQ322" s="42"/>
      <c r="BR322" s="42"/>
      <c r="BS322" s="42"/>
      <c r="BT322" s="42"/>
      <c r="BU322" s="42"/>
      <c r="BV322" s="42"/>
      <c r="BW322" s="42"/>
      <c r="BX322" s="42"/>
      <c r="BY322" s="42"/>
      <c r="BZ322" s="42"/>
      <c r="CA322" s="42"/>
      <c r="CB322" s="42"/>
      <c r="CC322" s="42"/>
      <c r="CD322" s="42"/>
      <c r="CE322" s="42"/>
      <c r="CF322" s="42"/>
      <c r="CG322" s="42"/>
      <c r="CH322" s="42"/>
      <c r="CI322" s="42"/>
      <c r="CJ322" s="42"/>
      <c r="CK322" s="42"/>
      <c r="CL322" s="42"/>
      <c r="CM322" s="42"/>
      <c r="CN322" s="42"/>
      <c r="CO322" s="42"/>
      <c r="CP322" s="42"/>
      <c r="CQ322" s="42"/>
      <c r="CR322" s="42"/>
      <c r="CS322" s="42"/>
      <c r="CT322" s="42"/>
      <c r="CU322" s="42"/>
      <c r="CV322" s="42"/>
      <c r="CW322" s="42"/>
      <c r="CX322" s="42"/>
      <c r="CY322" s="42"/>
      <c r="CZ322" s="42"/>
      <c r="DA322" s="42"/>
      <c r="DB322" s="42"/>
      <c r="DC322" s="42"/>
      <c r="DD322" s="42"/>
      <c r="DE322" s="42"/>
      <c r="DF322" s="42"/>
      <c r="DG322" s="42"/>
      <c r="DH322" s="42"/>
      <c r="DI322" s="42"/>
      <c r="DJ322" s="42"/>
      <c r="DK322" s="42"/>
      <c r="DL322" s="42"/>
      <c r="DM322" s="42"/>
      <c r="DN322" s="42"/>
      <c r="DO322" s="42"/>
      <c r="DP322" s="42"/>
      <c r="DQ322" s="42"/>
      <c r="DR322" s="42"/>
      <c r="DS322" s="42"/>
      <c r="DT322" s="42"/>
      <c r="DU322" s="42"/>
      <c r="DV322" s="42"/>
      <c r="DW322" s="42"/>
      <c r="DX322" s="42"/>
      <c r="DY322" s="42"/>
      <c r="DZ322" s="42"/>
      <c r="EA322" s="42"/>
      <c r="EB322" s="42"/>
      <c r="EC322" s="42"/>
      <c r="ED322" s="42"/>
      <c r="EE322" s="42"/>
      <c r="EF322" s="42"/>
      <c r="EG322" s="42"/>
      <c r="EH322" s="42"/>
      <c r="EI322" s="42"/>
      <c r="EJ322" s="42"/>
      <c r="EK322" s="42"/>
      <c r="EL322" s="42"/>
      <c r="EM322" s="42"/>
      <c r="EN322" s="42"/>
      <c r="EO322" s="42"/>
      <c r="EP322" s="42"/>
      <c r="EQ322" s="42"/>
      <c r="ER322" s="42"/>
      <c r="ES322" s="42"/>
      <c r="ET322" s="42"/>
      <c r="EU322" s="42"/>
      <c r="EV322" s="42"/>
      <c r="EW322" s="42"/>
      <c r="EX322" s="42"/>
      <c r="EY322" s="42"/>
      <c r="EZ322" s="42"/>
      <c r="FA322" s="42"/>
      <c r="FB322" s="42"/>
      <c r="FC322" s="42"/>
      <c r="FD322" s="42"/>
      <c r="FE322" s="42"/>
      <c r="FF322" s="42"/>
      <c r="FG322" s="42"/>
      <c r="FH322" s="42"/>
      <c r="FI322" s="42"/>
      <c r="FJ322" s="42"/>
      <c r="FK322" s="42"/>
      <c r="FL322" s="42"/>
      <c r="FM322" s="42"/>
      <c r="FN322" s="42"/>
      <c r="FO322" s="42"/>
      <c r="FP322" s="42"/>
      <c r="FQ322" s="42"/>
      <c r="FR322" s="42"/>
      <c r="FS322" s="42"/>
      <c r="FT322" s="42"/>
      <c r="FU322" s="42"/>
      <c r="FV322" s="42"/>
      <c r="FW322" s="42"/>
      <c r="FX322" s="42"/>
      <c r="FY322" s="42"/>
      <c r="FZ322" s="42"/>
      <c r="GA322" s="42"/>
      <c r="GB322" s="42"/>
      <c r="GC322" s="42"/>
      <c r="GD322" s="42"/>
      <c r="GE322" s="42"/>
      <c r="GF322" s="42"/>
      <c r="GG322" s="42"/>
      <c r="GH322" s="42"/>
      <c r="GI322" s="42"/>
      <c r="GJ322" s="42"/>
      <c r="GK322" s="42"/>
      <c r="GL322" s="42"/>
      <c r="GM322" s="42"/>
      <c r="GN322" s="42"/>
      <c r="GO322" s="42"/>
      <c r="GP322" s="42"/>
      <c r="GQ322" s="42"/>
      <c r="GR322" s="42"/>
      <c r="GS322" s="42"/>
      <c r="GT322" s="42"/>
      <c r="GU322" s="42"/>
      <c r="GV322" s="42"/>
      <c r="GW322" s="42"/>
      <c r="GX322" s="42"/>
      <c r="GY322" s="42"/>
      <c r="GZ322" s="42"/>
      <c r="HA322" s="42"/>
      <c r="HB322" s="42"/>
      <c r="HC322" s="42"/>
      <c r="HD322" s="42"/>
      <c r="HE322" s="42"/>
      <c r="HF322" s="42"/>
      <c r="HG322" s="42"/>
      <c r="HH322" s="42"/>
      <c r="HI322" s="42"/>
      <c r="HJ322" s="42"/>
      <c r="HK322" s="42"/>
      <c r="HL322" s="42"/>
      <c r="HM322" s="42"/>
      <c r="HN322" s="42"/>
      <c r="HO322" s="42"/>
      <c r="HP322" s="42"/>
      <c r="HQ322" s="42"/>
      <c r="HR322" s="42"/>
      <c r="HS322" s="42"/>
      <c r="HT322" s="42"/>
      <c r="HU322" s="42"/>
      <c r="HV322" s="42"/>
      <c r="HW322" s="42"/>
      <c r="HX322" s="42"/>
      <c r="HY322" s="42"/>
      <c r="HZ322" s="42"/>
      <c r="IA322" s="42"/>
      <c r="IB322" s="42"/>
      <c r="IC322" s="42"/>
      <c r="ID322" s="42"/>
      <c r="IE322" s="42"/>
      <c r="IF322" s="42"/>
      <c r="IG322" s="42"/>
      <c r="IH322" s="42"/>
      <c r="II322" s="42"/>
      <c r="IJ322" s="42"/>
      <c r="IK322" s="42"/>
      <c r="IL322" s="42"/>
      <c r="IM322" s="42"/>
      <c r="IN322" s="42"/>
      <c r="IO322" s="42"/>
      <c r="IP322" s="42"/>
      <c r="IQ322" s="42"/>
      <c r="IR322" s="42"/>
      <c r="IS322" s="42"/>
      <c r="IT322" s="42"/>
      <c r="IU322" s="42"/>
      <c r="IV322" s="42"/>
      <c r="IW322" s="42"/>
      <c r="IX322" s="42"/>
    </row>
    <row r="323" spans="1:258" s="67" customFormat="1" ht="70.2" customHeight="1">
      <c r="A323" s="534"/>
      <c r="B323" s="535"/>
      <c r="C323" s="535"/>
      <c r="D323" s="535"/>
      <c r="E323" s="535"/>
      <c r="F323" s="535"/>
      <c r="G323" s="535"/>
      <c r="H323" s="535"/>
      <c r="I323" s="536"/>
      <c r="J323" s="598" t="s">
        <v>161</v>
      </c>
      <c r="K323" s="638"/>
      <c r="L323" s="108" t="s">
        <v>154</v>
      </c>
      <c r="M323" s="449"/>
      <c r="N323" s="537"/>
      <c r="O323" s="537"/>
      <c r="P323" s="538"/>
      <c r="Q323" s="134"/>
      <c r="R323" s="133"/>
      <c r="S323" s="39"/>
      <c r="T323" s="40"/>
      <c r="U323" s="41"/>
      <c r="V323" s="41"/>
      <c r="W323" s="41"/>
      <c r="X323" s="41"/>
      <c r="Y323" s="41"/>
      <c r="Z323" s="41"/>
      <c r="AA323" s="41"/>
      <c r="AB323" s="41"/>
      <c r="AC323" s="41"/>
      <c r="AD323" s="41"/>
      <c r="AE323" s="41"/>
      <c r="AF323" s="41"/>
      <c r="AG323" s="41"/>
      <c r="AH323" s="41"/>
      <c r="AI323" s="41"/>
      <c r="AJ323" s="41"/>
      <c r="AK323" s="41"/>
      <c r="AL323" s="41"/>
      <c r="AM323" s="41"/>
      <c r="AN323" s="41"/>
      <c r="AO323" s="41"/>
      <c r="AP323" s="41"/>
      <c r="AQ323" s="41"/>
      <c r="AR323" s="41"/>
      <c r="AS323" s="41"/>
      <c r="AT323" s="41"/>
      <c r="AU323" s="41"/>
      <c r="AV323" s="41"/>
      <c r="AW323" s="41"/>
      <c r="AX323" s="41"/>
      <c r="AY323" s="41"/>
      <c r="AZ323" s="41"/>
      <c r="BA323" s="41"/>
      <c r="BB323" s="41"/>
      <c r="BC323" s="41"/>
      <c r="BD323" s="41"/>
      <c r="BE323" s="42"/>
      <c r="BF323" s="42"/>
      <c r="BG323" s="42"/>
      <c r="BH323" s="42"/>
      <c r="BI323" s="42"/>
      <c r="BJ323" s="42"/>
      <c r="BK323" s="42"/>
      <c r="BL323" s="42"/>
      <c r="BM323" s="42"/>
      <c r="BN323" s="42"/>
      <c r="BO323" s="42"/>
      <c r="BP323" s="42"/>
      <c r="BQ323" s="42"/>
      <c r="BR323" s="42"/>
      <c r="BS323" s="42"/>
      <c r="BT323" s="42"/>
      <c r="BU323" s="42"/>
      <c r="BV323" s="42"/>
      <c r="BW323" s="42"/>
      <c r="BX323" s="42"/>
      <c r="BY323" s="42"/>
      <c r="BZ323" s="42"/>
      <c r="CA323" s="42"/>
      <c r="CB323" s="42"/>
      <c r="CC323" s="42"/>
      <c r="CD323" s="42"/>
      <c r="CE323" s="42"/>
      <c r="CF323" s="42"/>
      <c r="CG323" s="42"/>
      <c r="CH323" s="42"/>
      <c r="CI323" s="42"/>
      <c r="CJ323" s="42"/>
      <c r="CK323" s="42"/>
      <c r="CL323" s="42"/>
      <c r="CM323" s="42"/>
      <c r="CN323" s="42"/>
      <c r="CO323" s="42"/>
      <c r="CP323" s="42"/>
      <c r="CQ323" s="42"/>
      <c r="CR323" s="42"/>
      <c r="CS323" s="42"/>
      <c r="CT323" s="42"/>
      <c r="CU323" s="42"/>
      <c r="CV323" s="42"/>
      <c r="CW323" s="42"/>
      <c r="CX323" s="42"/>
      <c r="CY323" s="42"/>
      <c r="CZ323" s="42"/>
      <c r="DA323" s="42"/>
      <c r="DB323" s="42"/>
      <c r="DC323" s="42"/>
      <c r="DD323" s="42"/>
      <c r="DE323" s="42"/>
      <c r="DF323" s="42"/>
      <c r="DG323" s="42"/>
      <c r="DH323" s="42"/>
      <c r="DI323" s="42"/>
      <c r="DJ323" s="42"/>
      <c r="DK323" s="42"/>
      <c r="DL323" s="42"/>
      <c r="DM323" s="42"/>
      <c r="DN323" s="42"/>
      <c r="DO323" s="42"/>
      <c r="DP323" s="42"/>
      <c r="DQ323" s="42"/>
      <c r="DR323" s="42"/>
      <c r="DS323" s="42"/>
      <c r="DT323" s="42"/>
      <c r="DU323" s="42"/>
      <c r="DV323" s="42"/>
      <c r="DW323" s="42"/>
      <c r="DX323" s="42"/>
      <c r="DY323" s="42"/>
      <c r="DZ323" s="42"/>
      <c r="EA323" s="42"/>
      <c r="EB323" s="42"/>
      <c r="EC323" s="42"/>
      <c r="ED323" s="42"/>
      <c r="EE323" s="42"/>
      <c r="EF323" s="42"/>
      <c r="EG323" s="42"/>
      <c r="EH323" s="42"/>
      <c r="EI323" s="42"/>
      <c r="EJ323" s="42"/>
      <c r="EK323" s="42"/>
      <c r="EL323" s="42"/>
      <c r="EM323" s="42"/>
      <c r="EN323" s="42"/>
      <c r="EO323" s="42"/>
      <c r="EP323" s="42"/>
      <c r="EQ323" s="42"/>
      <c r="ER323" s="42"/>
      <c r="ES323" s="42"/>
      <c r="ET323" s="42"/>
      <c r="EU323" s="42"/>
      <c r="EV323" s="42"/>
      <c r="EW323" s="42"/>
      <c r="EX323" s="42"/>
      <c r="EY323" s="42"/>
      <c r="EZ323" s="42"/>
      <c r="FA323" s="42"/>
      <c r="FB323" s="42"/>
      <c r="FC323" s="42"/>
      <c r="FD323" s="42"/>
      <c r="FE323" s="42"/>
      <c r="FF323" s="42"/>
      <c r="FG323" s="42"/>
      <c r="FH323" s="42"/>
      <c r="FI323" s="42"/>
      <c r="FJ323" s="42"/>
      <c r="FK323" s="42"/>
      <c r="FL323" s="42"/>
      <c r="FM323" s="42"/>
      <c r="FN323" s="42"/>
      <c r="FO323" s="42"/>
      <c r="FP323" s="42"/>
      <c r="FQ323" s="42"/>
      <c r="FR323" s="42"/>
      <c r="FS323" s="42"/>
      <c r="FT323" s="42"/>
      <c r="FU323" s="42"/>
      <c r="FV323" s="42"/>
      <c r="FW323" s="42"/>
      <c r="FX323" s="42"/>
      <c r="FY323" s="42"/>
      <c r="FZ323" s="42"/>
      <c r="GA323" s="42"/>
      <c r="GB323" s="42"/>
      <c r="GC323" s="42"/>
      <c r="GD323" s="42"/>
      <c r="GE323" s="42"/>
      <c r="GF323" s="42"/>
      <c r="GG323" s="42"/>
      <c r="GH323" s="42"/>
      <c r="GI323" s="42"/>
      <c r="GJ323" s="42"/>
      <c r="GK323" s="42"/>
      <c r="GL323" s="42"/>
      <c r="GM323" s="42"/>
      <c r="GN323" s="42"/>
      <c r="GO323" s="42"/>
      <c r="GP323" s="42"/>
      <c r="GQ323" s="42"/>
      <c r="GR323" s="42"/>
      <c r="GS323" s="42"/>
      <c r="GT323" s="42"/>
      <c r="GU323" s="42"/>
      <c r="GV323" s="42"/>
      <c r="GW323" s="42"/>
      <c r="GX323" s="42"/>
      <c r="GY323" s="42"/>
      <c r="GZ323" s="42"/>
      <c r="HA323" s="42"/>
      <c r="HB323" s="42"/>
      <c r="HC323" s="42"/>
      <c r="HD323" s="42"/>
      <c r="HE323" s="42"/>
      <c r="HF323" s="42"/>
      <c r="HG323" s="42"/>
      <c r="HH323" s="42"/>
      <c r="HI323" s="42"/>
      <c r="HJ323" s="42"/>
      <c r="HK323" s="42"/>
      <c r="HL323" s="42"/>
      <c r="HM323" s="42"/>
      <c r="HN323" s="42"/>
      <c r="HO323" s="42"/>
      <c r="HP323" s="42"/>
      <c r="HQ323" s="42"/>
      <c r="HR323" s="42"/>
      <c r="HS323" s="42"/>
      <c r="HT323" s="42"/>
      <c r="HU323" s="42"/>
      <c r="HV323" s="42"/>
      <c r="HW323" s="42"/>
      <c r="HX323" s="42"/>
      <c r="HY323" s="42"/>
      <c r="HZ323" s="42"/>
      <c r="IA323" s="42"/>
      <c r="IB323" s="42"/>
      <c r="IC323" s="42"/>
      <c r="ID323" s="42"/>
      <c r="IE323" s="42"/>
      <c r="IF323" s="42"/>
      <c r="IG323" s="42"/>
      <c r="IH323" s="42"/>
      <c r="II323" s="42"/>
      <c r="IJ323" s="42"/>
      <c r="IK323" s="42"/>
      <c r="IL323" s="42"/>
      <c r="IM323" s="42"/>
      <c r="IN323" s="42"/>
      <c r="IO323" s="42"/>
      <c r="IP323" s="42"/>
      <c r="IQ323" s="42"/>
      <c r="IR323" s="42"/>
      <c r="IS323" s="42"/>
      <c r="IT323" s="42"/>
      <c r="IU323" s="42"/>
      <c r="IV323" s="42"/>
      <c r="IW323" s="42"/>
      <c r="IX323" s="42"/>
    </row>
    <row r="324" spans="1:258" s="67" customFormat="1" ht="70.2" customHeight="1">
      <c r="A324" s="674" t="s">
        <v>162</v>
      </c>
      <c r="B324" s="675"/>
      <c r="C324" s="675"/>
      <c r="D324" s="675"/>
      <c r="E324" s="675"/>
      <c r="F324" s="675"/>
      <c r="G324" s="675"/>
      <c r="H324" s="675"/>
      <c r="I324" s="676"/>
      <c r="J324" s="613"/>
      <c r="K324" s="613"/>
      <c r="L324" s="613"/>
      <c r="M324" s="613"/>
      <c r="N324" s="613"/>
      <c r="O324" s="613"/>
      <c r="P324" s="677"/>
      <c r="Q324" s="134"/>
      <c r="R324" s="133"/>
      <c r="S324" s="39"/>
      <c r="T324" s="40"/>
      <c r="U324" s="41"/>
      <c r="V324" s="41"/>
      <c r="W324" s="41"/>
      <c r="X324" s="41"/>
      <c r="Y324" s="41"/>
      <c r="Z324" s="41"/>
      <c r="AA324" s="41"/>
      <c r="AB324" s="41"/>
      <c r="AC324" s="41"/>
      <c r="AD324" s="41"/>
      <c r="AE324" s="41"/>
      <c r="AF324" s="41"/>
      <c r="AG324" s="41"/>
      <c r="AH324" s="41"/>
      <c r="AI324" s="41"/>
      <c r="AJ324" s="41"/>
      <c r="AK324" s="41"/>
      <c r="AL324" s="41"/>
      <c r="AM324" s="41"/>
      <c r="AN324" s="41"/>
      <c r="AO324" s="41"/>
      <c r="AP324" s="41"/>
      <c r="AQ324" s="41"/>
      <c r="AR324" s="41"/>
      <c r="AS324" s="41"/>
      <c r="AT324" s="41"/>
      <c r="AU324" s="41"/>
      <c r="AV324" s="41"/>
      <c r="AW324" s="41"/>
      <c r="AX324" s="41"/>
      <c r="AY324" s="41"/>
      <c r="AZ324" s="41"/>
      <c r="BA324" s="41"/>
      <c r="BB324" s="41"/>
      <c r="BC324" s="41"/>
      <c r="BD324" s="41"/>
      <c r="BE324" s="42"/>
      <c r="BF324" s="42"/>
      <c r="BG324" s="42"/>
      <c r="BH324" s="42"/>
      <c r="BI324" s="42"/>
      <c r="BJ324" s="42"/>
      <c r="BK324" s="42"/>
      <c r="BL324" s="42"/>
      <c r="BM324" s="42"/>
      <c r="BN324" s="42"/>
      <c r="BO324" s="42"/>
      <c r="BP324" s="42"/>
      <c r="BQ324" s="42"/>
      <c r="BR324" s="42"/>
      <c r="BS324" s="42"/>
      <c r="BT324" s="42"/>
      <c r="BU324" s="42"/>
      <c r="BV324" s="42"/>
      <c r="BW324" s="42"/>
      <c r="BX324" s="42"/>
      <c r="BY324" s="42"/>
      <c r="BZ324" s="42"/>
      <c r="CA324" s="42"/>
      <c r="CB324" s="42"/>
      <c r="CC324" s="42"/>
      <c r="CD324" s="42"/>
      <c r="CE324" s="42"/>
      <c r="CF324" s="42"/>
      <c r="CG324" s="42"/>
      <c r="CH324" s="42"/>
      <c r="CI324" s="42"/>
      <c r="CJ324" s="42"/>
      <c r="CK324" s="42"/>
      <c r="CL324" s="42"/>
      <c r="CM324" s="42"/>
      <c r="CN324" s="42"/>
      <c r="CO324" s="42"/>
      <c r="CP324" s="42"/>
      <c r="CQ324" s="42"/>
      <c r="CR324" s="42"/>
      <c r="CS324" s="42"/>
      <c r="CT324" s="42"/>
      <c r="CU324" s="42"/>
      <c r="CV324" s="42"/>
      <c r="CW324" s="42"/>
      <c r="CX324" s="42"/>
      <c r="CY324" s="42"/>
      <c r="CZ324" s="42"/>
      <c r="DA324" s="42"/>
      <c r="DB324" s="42"/>
      <c r="DC324" s="42"/>
      <c r="DD324" s="42"/>
      <c r="DE324" s="42"/>
      <c r="DF324" s="42"/>
      <c r="DG324" s="42"/>
      <c r="DH324" s="42"/>
      <c r="DI324" s="42"/>
      <c r="DJ324" s="42"/>
      <c r="DK324" s="42"/>
      <c r="DL324" s="42"/>
      <c r="DM324" s="42"/>
      <c r="DN324" s="42"/>
      <c r="DO324" s="42"/>
      <c r="DP324" s="42"/>
      <c r="DQ324" s="42"/>
      <c r="DR324" s="42"/>
      <c r="DS324" s="42"/>
      <c r="DT324" s="42"/>
      <c r="DU324" s="42"/>
      <c r="DV324" s="42"/>
      <c r="DW324" s="42"/>
      <c r="DX324" s="42"/>
      <c r="DY324" s="42"/>
      <c r="DZ324" s="42"/>
      <c r="EA324" s="42"/>
      <c r="EB324" s="42"/>
      <c r="EC324" s="42"/>
      <c r="ED324" s="42"/>
      <c r="EE324" s="42"/>
      <c r="EF324" s="42"/>
      <c r="EG324" s="42"/>
      <c r="EH324" s="42"/>
      <c r="EI324" s="42"/>
      <c r="EJ324" s="42"/>
      <c r="EK324" s="42"/>
      <c r="EL324" s="42"/>
      <c r="EM324" s="42"/>
      <c r="EN324" s="42"/>
      <c r="EO324" s="42"/>
      <c r="EP324" s="42"/>
      <c r="EQ324" s="42"/>
      <c r="ER324" s="42"/>
      <c r="ES324" s="42"/>
      <c r="ET324" s="42"/>
      <c r="EU324" s="42"/>
      <c r="EV324" s="42"/>
      <c r="EW324" s="42"/>
      <c r="EX324" s="42"/>
      <c r="EY324" s="42"/>
      <c r="EZ324" s="42"/>
      <c r="FA324" s="42"/>
      <c r="FB324" s="42"/>
      <c r="FC324" s="42"/>
      <c r="FD324" s="42"/>
      <c r="FE324" s="42"/>
      <c r="FF324" s="42"/>
      <c r="FG324" s="42"/>
      <c r="FH324" s="42"/>
      <c r="FI324" s="42"/>
      <c r="FJ324" s="42"/>
      <c r="FK324" s="42"/>
      <c r="FL324" s="42"/>
      <c r="FM324" s="42"/>
      <c r="FN324" s="42"/>
      <c r="FO324" s="42"/>
      <c r="FP324" s="42"/>
      <c r="FQ324" s="42"/>
      <c r="FR324" s="42"/>
      <c r="FS324" s="42"/>
      <c r="FT324" s="42"/>
      <c r="FU324" s="42"/>
      <c r="FV324" s="42"/>
      <c r="FW324" s="42"/>
      <c r="FX324" s="42"/>
      <c r="FY324" s="42"/>
      <c r="FZ324" s="42"/>
      <c r="GA324" s="42"/>
      <c r="GB324" s="42"/>
      <c r="GC324" s="42"/>
      <c r="GD324" s="42"/>
      <c r="GE324" s="42"/>
      <c r="GF324" s="42"/>
      <c r="GG324" s="42"/>
      <c r="GH324" s="42"/>
      <c r="GI324" s="42"/>
      <c r="GJ324" s="42"/>
      <c r="GK324" s="42"/>
      <c r="GL324" s="42"/>
      <c r="GM324" s="42"/>
      <c r="GN324" s="42"/>
      <c r="GO324" s="42"/>
      <c r="GP324" s="42"/>
      <c r="GQ324" s="42"/>
      <c r="GR324" s="42"/>
      <c r="GS324" s="42"/>
      <c r="GT324" s="42"/>
      <c r="GU324" s="42"/>
      <c r="GV324" s="42"/>
      <c r="GW324" s="42"/>
      <c r="GX324" s="42"/>
      <c r="GY324" s="42"/>
      <c r="GZ324" s="42"/>
      <c r="HA324" s="42"/>
      <c r="HB324" s="42"/>
      <c r="HC324" s="42"/>
      <c r="HD324" s="42"/>
      <c r="HE324" s="42"/>
      <c r="HF324" s="42"/>
      <c r="HG324" s="42"/>
      <c r="HH324" s="42"/>
      <c r="HI324" s="42"/>
      <c r="HJ324" s="42"/>
      <c r="HK324" s="42"/>
      <c r="HL324" s="42"/>
      <c r="HM324" s="42"/>
      <c r="HN324" s="42"/>
      <c r="HO324" s="42"/>
      <c r="HP324" s="42"/>
      <c r="HQ324" s="42"/>
      <c r="HR324" s="42"/>
      <c r="HS324" s="42"/>
      <c r="HT324" s="42"/>
      <c r="HU324" s="42"/>
      <c r="HV324" s="42"/>
      <c r="HW324" s="42"/>
      <c r="HX324" s="42"/>
      <c r="HY324" s="42"/>
      <c r="HZ324" s="42"/>
      <c r="IA324" s="42"/>
      <c r="IB324" s="42"/>
      <c r="IC324" s="42"/>
      <c r="ID324" s="42"/>
      <c r="IE324" s="42"/>
      <c r="IF324" s="42"/>
      <c r="IG324" s="42"/>
      <c r="IH324" s="42"/>
      <c r="II324" s="42"/>
      <c r="IJ324" s="42"/>
      <c r="IK324" s="42"/>
      <c r="IL324" s="42"/>
      <c r="IM324" s="42"/>
      <c r="IN324" s="42"/>
      <c r="IO324" s="42"/>
      <c r="IP324" s="42"/>
      <c r="IQ324" s="42"/>
      <c r="IR324" s="42"/>
      <c r="IS324" s="42"/>
      <c r="IT324" s="42"/>
      <c r="IU324" s="42"/>
      <c r="IV324" s="42"/>
      <c r="IW324" s="42"/>
      <c r="IX324" s="42"/>
    </row>
    <row r="325" spans="1:258" s="67" customFormat="1" ht="70.2" customHeight="1">
      <c r="A325" s="666" t="s">
        <v>163</v>
      </c>
      <c r="B325" s="667"/>
      <c r="C325" s="667"/>
      <c r="D325" s="667"/>
      <c r="E325" s="667"/>
      <c r="F325" s="667"/>
      <c r="G325" s="667"/>
      <c r="H325" s="667"/>
      <c r="I325" s="668"/>
      <c r="J325" s="669"/>
      <c r="K325" s="667"/>
      <c r="L325" s="667"/>
      <c r="M325" s="667"/>
      <c r="N325" s="667"/>
      <c r="O325" s="667"/>
      <c r="P325" s="670"/>
      <c r="Q325" s="139"/>
      <c r="R325" s="138"/>
      <c r="S325" s="78"/>
      <c r="T325" s="76"/>
      <c r="U325" s="77"/>
      <c r="V325" s="77"/>
      <c r="W325" s="77"/>
      <c r="X325" s="77"/>
      <c r="Y325" s="77"/>
      <c r="Z325" s="77"/>
      <c r="AA325" s="77"/>
      <c r="AB325" s="77"/>
      <c r="AC325" s="77"/>
      <c r="AD325" s="77"/>
      <c r="AE325" s="77"/>
      <c r="AF325" s="77"/>
      <c r="AG325" s="77"/>
      <c r="AH325" s="77"/>
      <c r="AI325" s="77"/>
      <c r="AJ325" s="77"/>
      <c r="AK325" s="77"/>
      <c r="AL325" s="77"/>
      <c r="AM325" s="77"/>
      <c r="AN325" s="77"/>
      <c r="AO325" s="77"/>
      <c r="AP325" s="77"/>
      <c r="AQ325" s="77"/>
      <c r="AR325" s="77"/>
      <c r="AS325" s="77"/>
      <c r="AT325" s="77"/>
      <c r="AU325" s="77"/>
      <c r="AV325" s="77"/>
      <c r="AW325" s="77"/>
      <c r="AX325" s="77"/>
      <c r="AY325" s="77"/>
      <c r="AZ325" s="77"/>
      <c r="BA325" s="77"/>
      <c r="BB325" s="77"/>
      <c r="BC325" s="77"/>
      <c r="BD325" s="77"/>
    </row>
    <row r="326" spans="1:258" s="64" customFormat="1" ht="69.900000000000006" customHeight="1">
      <c r="A326" s="678" t="s">
        <v>145</v>
      </c>
      <c r="B326" s="672"/>
      <c r="C326" s="672"/>
      <c r="D326" s="672"/>
      <c r="E326" s="672"/>
      <c r="F326" s="672"/>
      <c r="G326" s="672"/>
      <c r="H326" s="672"/>
      <c r="I326" s="672"/>
      <c r="J326" s="672"/>
      <c r="K326" s="672"/>
      <c r="L326" s="672"/>
      <c r="M326" s="672"/>
      <c r="N326" s="672"/>
      <c r="O326" s="672"/>
      <c r="P326" s="673"/>
      <c r="Q326" s="122"/>
      <c r="R326" s="138"/>
      <c r="S326" s="162"/>
    </row>
    <row r="327" spans="1:258" s="64" customFormat="1" ht="69.900000000000006" customHeight="1">
      <c r="A327" s="507" t="s">
        <v>146</v>
      </c>
      <c r="B327" s="508"/>
      <c r="C327" s="508"/>
      <c r="D327" s="508"/>
      <c r="E327" s="508"/>
      <c r="F327" s="508"/>
      <c r="G327" s="508"/>
      <c r="H327" s="508"/>
      <c r="I327" s="508"/>
      <c r="J327" s="508"/>
      <c r="K327" s="508"/>
      <c r="L327" s="508"/>
      <c r="M327" s="508"/>
      <c r="N327" s="508"/>
      <c r="O327" s="508"/>
      <c r="P327" s="509"/>
      <c r="Q327" s="122"/>
      <c r="R327" s="138"/>
      <c r="S327" s="162"/>
      <c r="T327" s="193"/>
    </row>
    <row r="328" spans="1:258" s="64" customFormat="1" ht="69.900000000000006" customHeight="1">
      <c r="A328" s="679" t="s">
        <v>347</v>
      </c>
      <c r="B328" s="680"/>
      <c r="C328" s="680"/>
      <c r="D328" s="680"/>
      <c r="E328" s="680"/>
      <c r="F328" s="680"/>
      <c r="G328" s="680"/>
      <c r="H328" s="680"/>
      <c r="I328" s="681"/>
      <c r="J328" s="659" t="s">
        <v>348</v>
      </c>
      <c r="K328" s="659"/>
      <c r="L328" s="659"/>
      <c r="M328" s="659"/>
      <c r="N328" s="659"/>
      <c r="O328" s="659"/>
      <c r="P328" s="660"/>
      <c r="Q328" s="122"/>
      <c r="R328" s="138"/>
      <c r="S328" s="162"/>
      <c r="T328" s="193"/>
    </row>
    <row r="329" spans="1:258" s="64" customFormat="1" ht="69.900000000000006" customHeight="1">
      <c r="A329" s="682" t="s">
        <v>349</v>
      </c>
      <c r="B329" s="683"/>
      <c r="C329" s="683"/>
      <c r="D329" s="683"/>
      <c r="E329" s="683"/>
      <c r="F329" s="683"/>
      <c r="G329" s="683"/>
      <c r="H329" s="683"/>
      <c r="I329" s="684"/>
      <c r="J329" s="627" t="s">
        <v>348</v>
      </c>
      <c r="K329" s="627"/>
      <c r="L329" s="627"/>
      <c r="M329" s="627"/>
      <c r="N329" s="627"/>
      <c r="O329" s="627"/>
      <c r="P329" s="628"/>
      <c r="Q329" s="122"/>
      <c r="R329" s="138"/>
      <c r="S329" s="162"/>
      <c r="T329" s="193"/>
    </row>
    <row r="330" spans="1:258" s="67" customFormat="1" ht="69.599999999999994" customHeight="1">
      <c r="A330" s="631" t="s">
        <v>350</v>
      </c>
      <c r="B330" s="685"/>
      <c r="C330" s="685"/>
      <c r="D330" s="685"/>
      <c r="E330" s="685"/>
      <c r="F330" s="685"/>
      <c r="G330" s="685"/>
      <c r="H330" s="685"/>
      <c r="I330" s="686"/>
      <c r="J330" s="687" t="s">
        <v>348</v>
      </c>
      <c r="K330" s="687"/>
      <c r="L330" s="687"/>
      <c r="M330" s="687"/>
      <c r="N330" s="687"/>
      <c r="O330" s="687"/>
      <c r="P330" s="688"/>
      <c r="Q330" s="139"/>
      <c r="R330" s="138"/>
      <c r="S330" s="78"/>
      <c r="T330" s="76"/>
      <c r="U330" s="77"/>
      <c r="V330" s="77"/>
      <c r="W330" s="77"/>
      <c r="X330" s="77"/>
      <c r="Y330" s="77"/>
      <c r="Z330" s="77"/>
      <c r="AA330" s="77"/>
      <c r="AB330" s="77"/>
      <c r="AC330" s="77"/>
      <c r="AD330" s="77"/>
      <c r="AE330" s="77"/>
      <c r="AF330" s="77"/>
      <c r="AG330" s="77"/>
      <c r="AH330" s="77"/>
      <c r="AI330" s="77"/>
      <c r="AJ330" s="77"/>
      <c r="AK330" s="77"/>
      <c r="AL330" s="77"/>
      <c r="AM330" s="77"/>
      <c r="AN330" s="77"/>
      <c r="AO330" s="77"/>
      <c r="AP330" s="77"/>
      <c r="AQ330" s="77"/>
      <c r="AR330" s="77"/>
      <c r="AS330" s="77"/>
      <c r="AT330" s="77"/>
      <c r="AU330" s="77"/>
      <c r="AV330" s="77"/>
      <c r="AW330" s="77"/>
      <c r="AX330" s="77"/>
      <c r="AY330" s="77"/>
      <c r="AZ330" s="77"/>
      <c r="BA330" s="77"/>
      <c r="BB330" s="77"/>
      <c r="BC330" s="77"/>
      <c r="BD330" s="77"/>
    </row>
    <row r="331" spans="1:258" s="64" customFormat="1" ht="69.900000000000006" customHeight="1">
      <c r="A331" s="600" t="s">
        <v>149</v>
      </c>
      <c r="B331" s="601"/>
      <c r="C331" s="601"/>
      <c r="D331" s="601"/>
      <c r="E331" s="601"/>
      <c r="F331" s="601"/>
      <c r="G331" s="601"/>
      <c r="H331" s="601"/>
      <c r="I331" s="601"/>
      <c r="J331" s="601"/>
      <c r="K331" s="601"/>
      <c r="L331" s="601"/>
      <c r="M331" s="601"/>
      <c r="N331" s="601"/>
      <c r="O331" s="601"/>
      <c r="P331" s="602"/>
      <c r="Q331" s="122"/>
      <c r="R331" s="138"/>
      <c r="S331" s="162"/>
      <c r="T331" s="104"/>
    </row>
    <row r="332" spans="1:258" s="67" customFormat="1" ht="70.2" customHeight="1">
      <c r="A332" s="510" t="s">
        <v>150</v>
      </c>
      <c r="B332" s="511"/>
      <c r="C332" s="511"/>
      <c r="D332" s="511"/>
      <c r="E332" s="511"/>
      <c r="F332" s="511"/>
      <c r="G332" s="511"/>
      <c r="H332" s="511"/>
      <c r="I332" s="512"/>
      <c r="J332" s="596"/>
      <c r="K332" s="596"/>
      <c r="L332" s="596"/>
      <c r="M332" s="596"/>
      <c r="N332" s="596"/>
      <c r="O332" s="596"/>
      <c r="P332" s="662"/>
      <c r="Q332" s="139"/>
      <c r="R332" s="138"/>
      <c r="S332" s="78"/>
      <c r="T332" s="104"/>
      <c r="U332" s="77"/>
      <c r="V332" s="77"/>
      <c r="W332" s="77"/>
      <c r="X332" s="77"/>
      <c r="Y332" s="77"/>
      <c r="Z332" s="77"/>
      <c r="AA332" s="77"/>
      <c r="AB332" s="77"/>
      <c r="AC332" s="77"/>
      <c r="AD332" s="77"/>
      <c r="AE332" s="77"/>
      <c r="AF332" s="77"/>
      <c r="AG332" s="77"/>
      <c r="AH332" s="77"/>
      <c r="AI332" s="77"/>
      <c r="AJ332" s="77"/>
      <c r="AK332" s="77"/>
      <c r="AL332" s="77"/>
      <c r="AM332" s="77"/>
      <c r="AN332" s="77"/>
      <c r="AO332" s="77"/>
      <c r="AP332" s="77"/>
      <c r="AQ332" s="77"/>
      <c r="AR332" s="77"/>
      <c r="AS332" s="77"/>
      <c r="AT332" s="77"/>
      <c r="AU332" s="77"/>
      <c r="AV332" s="77"/>
      <c r="AW332" s="77"/>
      <c r="AX332" s="77"/>
      <c r="AY332" s="77"/>
      <c r="AZ332" s="77"/>
      <c r="BA332" s="77"/>
      <c r="BB332" s="77"/>
      <c r="BC332" s="77"/>
      <c r="BD332" s="77"/>
    </row>
    <row r="333" spans="1:258" s="67" customFormat="1" ht="70.2" customHeight="1">
      <c r="A333" s="528" t="s">
        <v>151</v>
      </c>
      <c r="B333" s="529"/>
      <c r="C333" s="529"/>
      <c r="D333" s="529"/>
      <c r="E333" s="529"/>
      <c r="F333" s="529"/>
      <c r="G333" s="529"/>
      <c r="H333" s="529"/>
      <c r="I333" s="530"/>
      <c r="J333" s="449" t="s">
        <v>152</v>
      </c>
      <c r="K333" s="537"/>
      <c r="L333" s="537"/>
      <c r="M333" s="537"/>
      <c r="N333" s="537"/>
      <c r="O333" s="537"/>
      <c r="P333" s="538"/>
      <c r="Q333" s="139"/>
      <c r="R333" s="138"/>
      <c r="S333" s="78"/>
      <c r="T333" s="76"/>
      <c r="U333" s="77"/>
      <c r="V333" s="77"/>
      <c r="W333" s="77"/>
      <c r="X333" s="77"/>
      <c r="Y333" s="77"/>
      <c r="Z333" s="77"/>
      <c r="AA333" s="77"/>
      <c r="AB333" s="77"/>
      <c r="AC333" s="77"/>
      <c r="AD333" s="77"/>
      <c r="AE333" s="77"/>
      <c r="AF333" s="77"/>
      <c r="AG333" s="77"/>
      <c r="AH333" s="77"/>
      <c r="AI333" s="77"/>
      <c r="AJ333" s="77"/>
      <c r="AK333" s="77"/>
      <c r="AL333" s="77"/>
      <c r="AM333" s="77"/>
      <c r="AN333" s="77"/>
      <c r="AO333" s="77"/>
      <c r="AP333" s="77"/>
      <c r="AQ333" s="77"/>
      <c r="AR333" s="77"/>
      <c r="AS333" s="77"/>
      <c r="AT333" s="77"/>
      <c r="AU333" s="77"/>
      <c r="AV333" s="77"/>
      <c r="AW333" s="77"/>
      <c r="AX333" s="77"/>
      <c r="AY333" s="77"/>
      <c r="AZ333" s="77"/>
      <c r="BA333" s="77"/>
      <c r="BB333" s="77"/>
      <c r="BC333" s="77"/>
      <c r="BD333" s="77"/>
    </row>
    <row r="334" spans="1:258" s="67" customFormat="1" ht="70.2" customHeight="1">
      <c r="A334" s="534"/>
      <c r="B334" s="535"/>
      <c r="C334" s="535"/>
      <c r="D334" s="535"/>
      <c r="E334" s="535"/>
      <c r="F334" s="535"/>
      <c r="G334" s="535"/>
      <c r="H334" s="535"/>
      <c r="I334" s="536"/>
      <c r="J334" s="598" t="s">
        <v>153</v>
      </c>
      <c r="K334" s="638"/>
      <c r="L334" s="108" t="s">
        <v>154</v>
      </c>
      <c r="M334" s="449"/>
      <c r="N334" s="537"/>
      <c r="O334" s="537"/>
      <c r="P334" s="538"/>
      <c r="Q334" s="139"/>
      <c r="R334" s="138"/>
      <c r="S334" s="78"/>
      <c r="T334" s="76"/>
      <c r="U334" s="77"/>
      <c r="V334" s="77"/>
      <c r="W334" s="77"/>
      <c r="X334" s="77"/>
      <c r="Y334" s="77"/>
      <c r="Z334" s="77"/>
      <c r="AA334" s="77"/>
      <c r="AB334" s="77"/>
      <c r="AC334" s="77"/>
      <c r="AD334" s="77"/>
      <c r="AE334" s="77"/>
      <c r="AF334" s="77"/>
      <c r="AG334" s="77"/>
      <c r="AH334" s="77"/>
      <c r="AI334" s="77"/>
      <c r="AJ334" s="77"/>
      <c r="AK334" s="77"/>
      <c r="AL334" s="77"/>
      <c r="AM334" s="77"/>
      <c r="AN334" s="77"/>
      <c r="AO334" s="77"/>
      <c r="AP334" s="77"/>
      <c r="AQ334" s="77"/>
      <c r="AR334" s="77"/>
      <c r="AS334" s="77"/>
      <c r="AT334" s="77"/>
      <c r="AU334" s="77"/>
      <c r="AV334" s="77"/>
      <c r="AW334" s="77"/>
      <c r="AX334" s="77"/>
      <c r="AY334" s="77"/>
      <c r="AZ334" s="77"/>
      <c r="BA334" s="77"/>
      <c r="BB334" s="77"/>
      <c r="BC334" s="77"/>
      <c r="BD334" s="77"/>
    </row>
    <row r="335" spans="1:258" s="67" customFormat="1" ht="70.2" customHeight="1">
      <c r="A335" s="674" t="s">
        <v>155</v>
      </c>
      <c r="B335" s="675"/>
      <c r="C335" s="675"/>
      <c r="D335" s="675"/>
      <c r="E335" s="675"/>
      <c r="F335" s="675"/>
      <c r="G335" s="675"/>
      <c r="H335" s="675"/>
      <c r="I335" s="676"/>
      <c r="J335" s="613"/>
      <c r="K335" s="613"/>
      <c r="L335" s="613"/>
      <c r="M335" s="613"/>
      <c r="N335" s="613"/>
      <c r="O335" s="613"/>
      <c r="P335" s="677"/>
      <c r="Q335" s="139"/>
      <c r="R335" s="138"/>
      <c r="S335" s="78"/>
      <c r="T335" s="76"/>
      <c r="U335" s="77"/>
      <c r="V335" s="77"/>
      <c r="W335" s="77"/>
      <c r="X335" s="77"/>
      <c r="Y335" s="77"/>
      <c r="Z335" s="77"/>
      <c r="AA335" s="77"/>
      <c r="AB335" s="77"/>
      <c r="AC335" s="77"/>
      <c r="AD335" s="77"/>
      <c r="AE335" s="77"/>
      <c r="AF335" s="77"/>
      <c r="AG335" s="77"/>
      <c r="AH335" s="77"/>
      <c r="AI335" s="77"/>
      <c r="AJ335" s="77"/>
      <c r="AK335" s="77"/>
      <c r="AL335" s="77"/>
      <c r="AM335" s="77"/>
      <c r="AN335" s="77"/>
      <c r="AO335" s="77"/>
      <c r="AP335" s="77"/>
      <c r="AQ335" s="77"/>
      <c r="AR335" s="77"/>
      <c r="AS335" s="77"/>
      <c r="AT335" s="77"/>
      <c r="AU335" s="77"/>
      <c r="AV335" s="77"/>
      <c r="AW335" s="77"/>
      <c r="AX335" s="77"/>
      <c r="AY335" s="77"/>
      <c r="AZ335" s="77"/>
      <c r="BA335" s="77"/>
      <c r="BB335" s="77"/>
      <c r="BC335" s="77"/>
      <c r="BD335" s="77"/>
    </row>
    <row r="336" spans="1:258" s="67" customFormat="1" ht="70.2" customHeight="1">
      <c r="A336" s="674" t="s">
        <v>156</v>
      </c>
      <c r="B336" s="675"/>
      <c r="C336" s="675"/>
      <c r="D336" s="675"/>
      <c r="E336" s="675"/>
      <c r="F336" s="675"/>
      <c r="G336" s="675"/>
      <c r="H336" s="675"/>
      <c r="I336" s="676"/>
      <c r="J336" s="613"/>
      <c r="K336" s="613"/>
      <c r="L336" s="613"/>
      <c r="M336" s="613"/>
      <c r="N336" s="613"/>
      <c r="O336" s="613"/>
      <c r="P336" s="677"/>
      <c r="Q336" s="134"/>
      <c r="R336" s="133"/>
      <c r="S336" s="39"/>
      <c r="T336" s="40"/>
      <c r="U336" s="41"/>
      <c r="V336" s="41"/>
      <c r="W336" s="41"/>
      <c r="X336" s="41"/>
      <c r="Y336" s="41"/>
      <c r="Z336" s="41"/>
      <c r="AA336" s="41"/>
      <c r="AB336" s="41"/>
      <c r="AC336" s="41"/>
      <c r="AD336" s="41"/>
      <c r="AE336" s="41"/>
      <c r="AF336" s="41"/>
      <c r="AG336" s="41"/>
      <c r="AH336" s="41"/>
      <c r="AI336" s="41"/>
      <c r="AJ336" s="41"/>
      <c r="AK336" s="41"/>
      <c r="AL336" s="41"/>
      <c r="AM336" s="41"/>
      <c r="AN336" s="41"/>
      <c r="AO336" s="41"/>
      <c r="AP336" s="41"/>
      <c r="AQ336" s="41"/>
      <c r="AR336" s="41"/>
      <c r="AS336" s="41"/>
      <c r="AT336" s="41"/>
      <c r="AU336" s="41"/>
      <c r="AV336" s="41"/>
      <c r="AW336" s="41"/>
      <c r="AX336" s="41"/>
      <c r="AY336" s="41"/>
      <c r="AZ336" s="41"/>
      <c r="BA336" s="41"/>
      <c r="BB336" s="41"/>
      <c r="BC336" s="41"/>
      <c r="BD336" s="41"/>
      <c r="BE336" s="42"/>
      <c r="BF336" s="42"/>
      <c r="BG336" s="42"/>
      <c r="BH336" s="42"/>
      <c r="BI336" s="42"/>
      <c r="BJ336" s="42"/>
      <c r="BK336" s="42"/>
      <c r="BL336" s="42"/>
      <c r="BM336" s="42"/>
      <c r="BN336" s="42"/>
      <c r="BO336" s="42"/>
      <c r="BP336" s="42"/>
      <c r="BQ336" s="42"/>
      <c r="BR336" s="42"/>
      <c r="BS336" s="42"/>
      <c r="BT336" s="42"/>
      <c r="BU336" s="42"/>
      <c r="BV336" s="42"/>
      <c r="BW336" s="42"/>
      <c r="BX336" s="42"/>
      <c r="BY336" s="42"/>
      <c r="BZ336" s="42"/>
      <c r="CA336" s="42"/>
      <c r="CB336" s="42"/>
      <c r="CC336" s="42"/>
      <c r="CD336" s="42"/>
      <c r="CE336" s="42"/>
      <c r="CF336" s="42"/>
      <c r="CG336" s="42"/>
      <c r="CH336" s="42"/>
      <c r="CI336" s="42"/>
      <c r="CJ336" s="42"/>
      <c r="CK336" s="42"/>
      <c r="CL336" s="42"/>
      <c r="CM336" s="42"/>
      <c r="CN336" s="42"/>
      <c r="CO336" s="42"/>
      <c r="CP336" s="42"/>
      <c r="CQ336" s="42"/>
      <c r="CR336" s="42"/>
      <c r="CS336" s="42"/>
      <c r="CT336" s="42"/>
      <c r="CU336" s="42"/>
      <c r="CV336" s="42"/>
      <c r="CW336" s="42"/>
      <c r="CX336" s="42"/>
      <c r="CY336" s="42"/>
      <c r="CZ336" s="42"/>
      <c r="DA336" s="42"/>
      <c r="DB336" s="42"/>
      <c r="DC336" s="42"/>
      <c r="DD336" s="42"/>
      <c r="DE336" s="42"/>
      <c r="DF336" s="42"/>
      <c r="DG336" s="42"/>
      <c r="DH336" s="42"/>
      <c r="DI336" s="42"/>
      <c r="DJ336" s="42"/>
      <c r="DK336" s="42"/>
      <c r="DL336" s="42"/>
      <c r="DM336" s="42"/>
      <c r="DN336" s="42"/>
      <c r="DO336" s="42"/>
      <c r="DP336" s="42"/>
      <c r="DQ336" s="42"/>
      <c r="DR336" s="42"/>
      <c r="DS336" s="42"/>
      <c r="DT336" s="42"/>
      <c r="DU336" s="42"/>
      <c r="DV336" s="42"/>
      <c r="DW336" s="42"/>
      <c r="DX336" s="42"/>
      <c r="DY336" s="42"/>
      <c r="DZ336" s="42"/>
      <c r="EA336" s="42"/>
      <c r="EB336" s="42"/>
      <c r="EC336" s="42"/>
      <c r="ED336" s="42"/>
      <c r="EE336" s="42"/>
      <c r="EF336" s="42"/>
      <c r="EG336" s="42"/>
      <c r="EH336" s="42"/>
      <c r="EI336" s="42"/>
      <c r="EJ336" s="42"/>
      <c r="EK336" s="42"/>
      <c r="EL336" s="42"/>
      <c r="EM336" s="42"/>
      <c r="EN336" s="42"/>
      <c r="EO336" s="42"/>
      <c r="EP336" s="42"/>
      <c r="EQ336" s="42"/>
      <c r="ER336" s="42"/>
      <c r="ES336" s="42"/>
      <c r="ET336" s="42"/>
      <c r="EU336" s="42"/>
      <c r="EV336" s="42"/>
      <c r="EW336" s="42"/>
      <c r="EX336" s="42"/>
      <c r="EY336" s="42"/>
      <c r="EZ336" s="42"/>
      <c r="FA336" s="42"/>
      <c r="FB336" s="42"/>
      <c r="FC336" s="42"/>
      <c r="FD336" s="42"/>
      <c r="FE336" s="42"/>
      <c r="FF336" s="42"/>
      <c r="FG336" s="42"/>
      <c r="FH336" s="42"/>
      <c r="FI336" s="42"/>
      <c r="FJ336" s="42"/>
      <c r="FK336" s="42"/>
      <c r="FL336" s="42"/>
      <c r="FM336" s="42"/>
      <c r="FN336" s="42"/>
      <c r="FO336" s="42"/>
      <c r="FP336" s="42"/>
      <c r="FQ336" s="42"/>
      <c r="FR336" s="42"/>
      <c r="FS336" s="42"/>
      <c r="FT336" s="42"/>
      <c r="FU336" s="42"/>
      <c r="FV336" s="42"/>
      <c r="FW336" s="42"/>
      <c r="FX336" s="42"/>
      <c r="FY336" s="42"/>
      <c r="FZ336" s="42"/>
      <c r="GA336" s="42"/>
      <c r="GB336" s="42"/>
      <c r="GC336" s="42"/>
      <c r="GD336" s="42"/>
      <c r="GE336" s="42"/>
      <c r="GF336" s="42"/>
      <c r="GG336" s="42"/>
      <c r="GH336" s="42"/>
      <c r="GI336" s="42"/>
      <c r="GJ336" s="42"/>
      <c r="GK336" s="42"/>
      <c r="GL336" s="42"/>
      <c r="GM336" s="42"/>
      <c r="GN336" s="42"/>
      <c r="GO336" s="42"/>
      <c r="GP336" s="42"/>
      <c r="GQ336" s="42"/>
      <c r="GR336" s="42"/>
      <c r="GS336" s="42"/>
      <c r="GT336" s="42"/>
      <c r="GU336" s="42"/>
      <c r="GV336" s="42"/>
      <c r="GW336" s="42"/>
      <c r="GX336" s="42"/>
      <c r="GY336" s="42"/>
      <c r="GZ336" s="42"/>
      <c r="HA336" s="42"/>
      <c r="HB336" s="42"/>
      <c r="HC336" s="42"/>
      <c r="HD336" s="42"/>
      <c r="HE336" s="42"/>
      <c r="HF336" s="42"/>
      <c r="HG336" s="42"/>
      <c r="HH336" s="42"/>
      <c r="HI336" s="42"/>
      <c r="HJ336" s="42"/>
      <c r="HK336" s="42"/>
      <c r="HL336" s="42"/>
      <c r="HM336" s="42"/>
      <c r="HN336" s="42"/>
      <c r="HO336" s="42"/>
      <c r="HP336" s="42"/>
      <c r="HQ336" s="42"/>
      <c r="HR336" s="42"/>
      <c r="HS336" s="42"/>
      <c r="HT336" s="42"/>
      <c r="HU336" s="42"/>
      <c r="HV336" s="42"/>
      <c r="HW336" s="42"/>
      <c r="HX336" s="42"/>
      <c r="HY336" s="42"/>
      <c r="HZ336" s="42"/>
      <c r="IA336" s="42"/>
      <c r="IB336" s="42"/>
      <c r="IC336" s="42"/>
      <c r="ID336" s="42"/>
      <c r="IE336" s="42"/>
      <c r="IF336" s="42"/>
      <c r="IG336" s="42"/>
      <c r="IH336" s="42"/>
      <c r="II336" s="42"/>
      <c r="IJ336" s="42"/>
      <c r="IK336" s="42"/>
      <c r="IL336" s="42"/>
      <c r="IM336" s="42"/>
      <c r="IN336" s="42"/>
      <c r="IO336" s="42"/>
      <c r="IP336" s="42"/>
      <c r="IQ336" s="42"/>
      <c r="IR336" s="42"/>
      <c r="IS336" s="42"/>
      <c r="IT336" s="42"/>
      <c r="IU336" s="42"/>
      <c r="IV336" s="42"/>
      <c r="IW336" s="42"/>
      <c r="IX336" s="42"/>
    </row>
    <row r="337" spans="1:258" s="67" customFormat="1" ht="70.2" customHeight="1">
      <c r="A337" s="528" t="s">
        <v>157</v>
      </c>
      <c r="B337" s="529"/>
      <c r="C337" s="529"/>
      <c r="D337" s="529"/>
      <c r="E337" s="529"/>
      <c r="F337" s="529"/>
      <c r="G337" s="529"/>
      <c r="H337" s="529"/>
      <c r="I337" s="530"/>
      <c r="J337" s="109" t="s">
        <v>158</v>
      </c>
      <c r="K337" s="449" t="s">
        <v>159</v>
      </c>
      <c r="L337" s="537"/>
      <c r="M337" s="537"/>
      <c r="N337" s="537"/>
      <c r="O337" s="537"/>
      <c r="P337" s="538"/>
      <c r="Q337" s="134"/>
      <c r="R337" s="133"/>
      <c r="S337" s="39"/>
      <c r="T337" s="40"/>
      <c r="U337" s="41"/>
      <c r="V337" s="41"/>
      <c r="W337" s="41"/>
      <c r="X337" s="41"/>
      <c r="Y337" s="41"/>
      <c r="Z337" s="41"/>
      <c r="AA337" s="41"/>
      <c r="AB337" s="41"/>
      <c r="AC337" s="41"/>
      <c r="AD337" s="41"/>
      <c r="AE337" s="41"/>
      <c r="AF337" s="41"/>
      <c r="AG337" s="41"/>
      <c r="AH337" s="41"/>
      <c r="AI337" s="41"/>
      <c r="AJ337" s="41"/>
      <c r="AK337" s="41"/>
      <c r="AL337" s="41"/>
      <c r="AM337" s="41"/>
      <c r="AN337" s="41"/>
      <c r="AO337" s="41"/>
      <c r="AP337" s="41"/>
      <c r="AQ337" s="41"/>
      <c r="AR337" s="41"/>
      <c r="AS337" s="41"/>
      <c r="AT337" s="41"/>
      <c r="AU337" s="41"/>
      <c r="AV337" s="41"/>
      <c r="AW337" s="41"/>
      <c r="AX337" s="41"/>
      <c r="AY337" s="41"/>
      <c r="AZ337" s="41"/>
      <c r="BA337" s="41"/>
      <c r="BB337" s="41"/>
      <c r="BC337" s="41"/>
      <c r="BD337" s="41"/>
      <c r="BE337" s="42"/>
      <c r="BF337" s="42"/>
      <c r="BG337" s="42"/>
      <c r="BH337" s="42"/>
      <c r="BI337" s="42"/>
      <c r="BJ337" s="42"/>
      <c r="BK337" s="42"/>
      <c r="BL337" s="42"/>
      <c r="BM337" s="42"/>
      <c r="BN337" s="42"/>
      <c r="BO337" s="42"/>
      <c r="BP337" s="42"/>
      <c r="BQ337" s="42"/>
      <c r="BR337" s="42"/>
      <c r="BS337" s="42"/>
      <c r="BT337" s="42"/>
      <c r="BU337" s="42"/>
      <c r="BV337" s="42"/>
      <c r="BW337" s="42"/>
      <c r="BX337" s="42"/>
      <c r="BY337" s="42"/>
      <c r="BZ337" s="42"/>
      <c r="CA337" s="42"/>
      <c r="CB337" s="42"/>
      <c r="CC337" s="42"/>
      <c r="CD337" s="42"/>
      <c r="CE337" s="42"/>
      <c r="CF337" s="42"/>
      <c r="CG337" s="42"/>
      <c r="CH337" s="42"/>
      <c r="CI337" s="42"/>
      <c r="CJ337" s="42"/>
      <c r="CK337" s="42"/>
      <c r="CL337" s="42"/>
      <c r="CM337" s="42"/>
      <c r="CN337" s="42"/>
      <c r="CO337" s="42"/>
      <c r="CP337" s="42"/>
      <c r="CQ337" s="42"/>
      <c r="CR337" s="42"/>
      <c r="CS337" s="42"/>
      <c r="CT337" s="42"/>
      <c r="CU337" s="42"/>
      <c r="CV337" s="42"/>
      <c r="CW337" s="42"/>
      <c r="CX337" s="42"/>
      <c r="CY337" s="42"/>
      <c r="CZ337" s="42"/>
      <c r="DA337" s="42"/>
      <c r="DB337" s="42"/>
      <c r="DC337" s="42"/>
      <c r="DD337" s="42"/>
      <c r="DE337" s="42"/>
      <c r="DF337" s="42"/>
      <c r="DG337" s="42"/>
      <c r="DH337" s="42"/>
      <c r="DI337" s="42"/>
      <c r="DJ337" s="42"/>
      <c r="DK337" s="42"/>
      <c r="DL337" s="42"/>
      <c r="DM337" s="42"/>
      <c r="DN337" s="42"/>
      <c r="DO337" s="42"/>
      <c r="DP337" s="42"/>
      <c r="DQ337" s="42"/>
      <c r="DR337" s="42"/>
      <c r="DS337" s="42"/>
      <c r="DT337" s="42"/>
      <c r="DU337" s="42"/>
      <c r="DV337" s="42"/>
      <c r="DW337" s="42"/>
      <c r="DX337" s="42"/>
      <c r="DY337" s="42"/>
      <c r="DZ337" s="42"/>
      <c r="EA337" s="42"/>
      <c r="EB337" s="42"/>
      <c r="EC337" s="42"/>
      <c r="ED337" s="42"/>
      <c r="EE337" s="42"/>
      <c r="EF337" s="42"/>
      <c r="EG337" s="42"/>
      <c r="EH337" s="42"/>
      <c r="EI337" s="42"/>
      <c r="EJ337" s="42"/>
      <c r="EK337" s="42"/>
      <c r="EL337" s="42"/>
      <c r="EM337" s="42"/>
      <c r="EN337" s="42"/>
      <c r="EO337" s="42"/>
      <c r="EP337" s="42"/>
      <c r="EQ337" s="42"/>
      <c r="ER337" s="42"/>
      <c r="ES337" s="42"/>
      <c r="ET337" s="42"/>
      <c r="EU337" s="42"/>
      <c r="EV337" s="42"/>
      <c r="EW337" s="42"/>
      <c r="EX337" s="42"/>
      <c r="EY337" s="42"/>
      <c r="EZ337" s="42"/>
      <c r="FA337" s="42"/>
      <c r="FB337" s="42"/>
      <c r="FC337" s="42"/>
      <c r="FD337" s="42"/>
      <c r="FE337" s="42"/>
      <c r="FF337" s="42"/>
      <c r="FG337" s="42"/>
      <c r="FH337" s="42"/>
      <c r="FI337" s="42"/>
      <c r="FJ337" s="42"/>
      <c r="FK337" s="42"/>
      <c r="FL337" s="42"/>
      <c r="FM337" s="42"/>
      <c r="FN337" s="42"/>
      <c r="FO337" s="42"/>
      <c r="FP337" s="42"/>
      <c r="FQ337" s="42"/>
      <c r="FR337" s="42"/>
      <c r="FS337" s="42"/>
      <c r="FT337" s="42"/>
      <c r="FU337" s="42"/>
      <c r="FV337" s="42"/>
      <c r="FW337" s="42"/>
      <c r="FX337" s="42"/>
      <c r="FY337" s="42"/>
      <c r="FZ337" s="42"/>
      <c r="GA337" s="42"/>
      <c r="GB337" s="42"/>
      <c r="GC337" s="42"/>
      <c r="GD337" s="42"/>
      <c r="GE337" s="42"/>
      <c r="GF337" s="42"/>
      <c r="GG337" s="42"/>
      <c r="GH337" s="42"/>
      <c r="GI337" s="42"/>
      <c r="GJ337" s="42"/>
      <c r="GK337" s="42"/>
      <c r="GL337" s="42"/>
      <c r="GM337" s="42"/>
      <c r="GN337" s="42"/>
      <c r="GO337" s="42"/>
      <c r="GP337" s="42"/>
      <c r="GQ337" s="42"/>
      <c r="GR337" s="42"/>
      <c r="GS337" s="42"/>
      <c r="GT337" s="42"/>
      <c r="GU337" s="42"/>
      <c r="GV337" s="42"/>
      <c r="GW337" s="42"/>
      <c r="GX337" s="42"/>
      <c r="GY337" s="42"/>
      <c r="GZ337" s="42"/>
      <c r="HA337" s="42"/>
      <c r="HB337" s="42"/>
      <c r="HC337" s="42"/>
      <c r="HD337" s="42"/>
      <c r="HE337" s="42"/>
      <c r="HF337" s="42"/>
      <c r="HG337" s="42"/>
      <c r="HH337" s="42"/>
      <c r="HI337" s="42"/>
      <c r="HJ337" s="42"/>
      <c r="HK337" s="42"/>
      <c r="HL337" s="42"/>
      <c r="HM337" s="42"/>
      <c r="HN337" s="42"/>
      <c r="HO337" s="42"/>
      <c r="HP337" s="42"/>
      <c r="HQ337" s="42"/>
      <c r="HR337" s="42"/>
      <c r="HS337" s="42"/>
      <c r="HT337" s="42"/>
      <c r="HU337" s="42"/>
      <c r="HV337" s="42"/>
      <c r="HW337" s="42"/>
      <c r="HX337" s="42"/>
      <c r="HY337" s="42"/>
      <c r="HZ337" s="42"/>
      <c r="IA337" s="42"/>
      <c r="IB337" s="42"/>
      <c r="IC337" s="42"/>
      <c r="ID337" s="42"/>
      <c r="IE337" s="42"/>
      <c r="IF337" s="42"/>
      <c r="IG337" s="42"/>
      <c r="IH337" s="42"/>
      <c r="II337" s="42"/>
      <c r="IJ337" s="42"/>
      <c r="IK337" s="42"/>
      <c r="IL337" s="42"/>
      <c r="IM337" s="42"/>
      <c r="IN337" s="42"/>
      <c r="IO337" s="42"/>
      <c r="IP337" s="42"/>
      <c r="IQ337" s="42"/>
      <c r="IR337" s="42"/>
      <c r="IS337" s="42"/>
      <c r="IT337" s="42"/>
      <c r="IU337" s="42"/>
      <c r="IV337" s="42"/>
      <c r="IW337" s="42"/>
      <c r="IX337" s="42"/>
    </row>
    <row r="338" spans="1:258" s="67" customFormat="1" ht="70.2" customHeight="1">
      <c r="A338" s="531"/>
      <c r="B338" s="532"/>
      <c r="C338" s="532"/>
      <c r="D338" s="532"/>
      <c r="E338" s="532"/>
      <c r="F338" s="532"/>
      <c r="G338" s="532"/>
      <c r="H338" s="532"/>
      <c r="I338" s="533"/>
      <c r="J338" s="449" t="s">
        <v>160</v>
      </c>
      <c r="K338" s="537"/>
      <c r="L338" s="537"/>
      <c r="M338" s="537"/>
      <c r="N338" s="537"/>
      <c r="O338" s="537"/>
      <c r="P338" s="538"/>
      <c r="Q338" s="134"/>
      <c r="R338" s="133"/>
      <c r="S338" s="39"/>
      <c r="T338" s="40"/>
      <c r="U338" s="41"/>
      <c r="V338" s="41"/>
      <c r="W338" s="41"/>
      <c r="X338" s="41"/>
      <c r="Y338" s="41"/>
      <c r="Z338" s="41"/>
      <c r="AA338" s="41"/>
      <c r="AB338" s="41"/>
      <c r="AC338" s="41"/>
      <c r="AD338" s="41"/>
      <c r="AE338" s="41"/>
      <c r="AF338" s="41"/>
      <c r="AG338" s="41"/>
      <c r="AH338" s="41"/>
      <c r="AI338" s="41"/>
      <c r="AJ338" s="41"/>
      <c r="AK338" s="41"/>
      <c r="AL338" s="41"/>
      <c r="AM338" s="41"/>
      <c r="AN338" s="41"/>
      <c r="AO338" s="41"/>
      <c r="AP338" s="41"/>
      <c r="AQ338" s="41"/>
      <c r="AR338" s="41"/>
      <c r="AS338" s="41"/>
      <c r="AT338" s="41"/>
      <c r="AU338" s="41"/>
      <c r="AV338" s="41"/>
      <c r="AW338" s="41"/>
      <c r="AX338" s="41"/>
      <c r="AY338" s="41"/>
      <c r="AZ338" s="41"/>
      <c r="BA338" s="41"/>
      <c r="BB338" s="41"/>
      <c r="BC338" s="41"/>
      <c r="BD338" s="41"/>
      <c r="BE338" s="42"/>
      <c r="BF338" s="42"/>
      <c r="BG338" s="42"/>
      <c r="BH338" s="42"/>
      <c r="BI338" s="42"/>
      <c r="BJ338" s="42"/>
      <c r="BK338" s="42"/>
      <c r="BL338" s="42"/>
      <c r="BM338" s="42"/>
      <c r="BN338" s="42"/>
      <c r="BO338" s="42"/>
      <c r="BP338" s="42"/>
      <c r="BQ338" s="42"/>
      <c r="BR338" s="42"/>
      <c r="BS338" s="42"/>
      <c r="BT338" s="42"/>
      <c r="BU338" s="42"/>
      <c r="BV338" s="42"/>
      <c r="BW338" s="42"/>
      <c r="BX338" s="42"/>
      <c r="BY338" s="42"/>
      <c r="BZ338" s="42"/>
      <c r="CA338" s="42"/>
      <c r="CB338" s="42"/>
      <c r="CC338" s="42"/>
      <c r="CD338" s="42"/>
      <c r="CE338" s="42"/>
      <c r="CF338" s="42"/>
      <c r="CG338" s="42"/>
      <c r="CH338" s="42"/>
      <c r="CI338" s="42"/>
      <c r="CJ338" s="42"/>
      <c r="CK338" s="42"/>
      <c r="CL338" s="42"/>
      <c r="CM338" s="42"/>
      <c r="CN338" s="42"/>
      <c r="CO338" s="42"/>
      <c r="CP338" s="42"/>
      <c r="CQ338" s="42"/>
      <c r="CR338" s="42"/>
      <c r="CS338" s="42"/>
      <c r="CT338" s="42"/>
      <c r="CU338" s="42"/>
      <c r="CV338" s="42"/>
      <c r="CW338" s="42"/>
      <c r="CX338" s="42"/>
      <c r="CY338" s="42"/>
      <c r="CZ338" s="42"/>
      <c r="DA338" s="42"/>
      <c r="DB338" s="42"/>
      <c r="DC338" s="42"/>
      <c r="DD338" s="42"/>
      <c r="DE338" s="42"/>
      <c r="DF338" s="42"/>
      <c r="DG338" s="42"/>
      <c r="DH338" s="42"/>
      <c r="DI338" s="42"/>
      <c r="DJ338" s="42"/>
      <c r="DK338" s="42"/>
      <c r="DL338" s="42"/>
      <c r="DM338" s="42"/>
      <c r="DN338" s="42"/>
      <c r="DO338" s="42"/>
      <c r="DP338" s="42"/>
      <c r="DQ338" s="42"/>
      <c r="DR338" s="42"/>
      <c r="DS338" s="42"/>
      <c r="DT338" s="42"/>
      <c r="DU338" s="42"/>
      <c r="DV338" s="42"/>
      <c r="DW338" s="42"/>
      <c r="DX338" s="42"/>
      <c r="DY338" s="42"/>
      <c r="DZ338" s="42"/>
      <c r="EA338" s="42"/>
      <c r="EB338" s="42"/>
      <c r="EC338" s="42"/>
      <c r="ED338" s="42"/>
      <c r="EE338" s="42"/>
      <c r="EF338" s="42"/>
      <c r="EG338" s="42"/>
      <c r="EH338" s="42"/>
      <c r="EI338" s="42"/>
      <c r="EJ338" s="42"/>
      <c r="EK338" s="42"/>
      <c r="EL338" s="42"/>
      <c r="EM338" s="42"/>
      <c r="EN338" s="42"/>
      <c r="EO338" s="42"/>
      <c r="EP338" s="42"/>
      <c r="EQ338" s="42"/>
      <c r="ER338" s="42"/>
      <c r="ES338" s="42"/>
      <c r="ET338" s="42"/>
      <c r="EU338" s="42"/>
      <c r="EV338" s="42"/>
      <c r="EW338" s="42"/>
      <c r="EX338" s="42"/>
      <c r="EY338" s="42"/>
      <c r="EZ338" s="42"/>
      <c r="FA338" s="42"/>
      <c r="FB338" s="42"/>
      <c r="FC338" s="42"/>
      <c r="FD338" s="42"/>
      <c r="FE338" s="42"/>
      <c r="FF338" s="42"/>
      <c r="FG338" s="42"/>
      <c r="FH338" s="42"/>
      <c r="FI338" s="42"/>
      <c r="FJ338" s="42"/>
      <c r="FK338" s="42"/>
      <c r="FL338" s="42"/>
      <c r="FM338" s="42"/>
      <c r="FN338" s="42"/>
      <c r="FO338" s="42"/>
      <c r="FP338" s="42"/>
      <c r="FQ338" s="42"/>
      <c r="FR338" s="42"/>
      <c r="FS338" s="42"/>
      <c r="FT338" s="42"/>
      <c r="FU338" s="42"/>
      <c r="FV338" s="42"/>
      <c r="FW338" s="42"/>
      <c r="FX338" s="42"/>
      <c r="FY338" s="42"/>
      <c r="FZ338" s="42"/>
      <c r="GA338" s="42"/>
      <c r="GB338" s="42"/>
      <c r="GC338" s="42"/>
      <c r="GD338" s="42"/>
      <c r="GE338" s="42"/>
      <c r="GF338" s="42"/>
      <c r="GG338" s="42"/>
      <c r="GH338" s="42"/>
      <c r="GI338" s="42"/>
      <c r="GJ338" s="42"/>
      <c r="GK338" s="42"/>
      <c r="GL338" s="42"/>
      <c r="GM338" s="42"/>
      <c r="GN338" s="42"/>
      <c r="GO338" s="42"/>
      <c r="GP338" s="42"/>
      <c r="GQ338" s="42"/>
      <c r="GR338" s="42"/>
      <c r="GS338" s="42"/>
      <c r="GT338" s="42"/>
      <c r="GU338" s="42"/>
      <c r="GV338" s="42"/>
      <c r="GW338" s="42"/>
      <c r="GX338" s="42"/>
      <c r="GY338" s="42"/>
      <c r="GZ338" s="42"/>
      <c r="HA338" s="42"/>
      <c r="HB338" s="42"/>
      <c r="HC338" s="42"/>
      <c r="HD338" s="42"/>
      <c r="HE338" s="42"/>
      <c r="HF338" s="42"/>
      <c r="HG338" s="42"/>
      <c r="HH338" s="42"/>
      <c r="HI338" s="42"/>
      <c r="HJ338" s="42"/>
      <c r="HK338" s="42"/>
      <c r="HL338" s="42"/>
      <c r="HM338" s="42"/>
      <c r="HN338" s="42"/>
      <c r="HO338" s="42"/>
      <c r="HP338" s="42"/>
      <c r="HQ338" s="42"/>
      <c r="HR338" s="42"/>
      <c r="HS338" s="42"/>
      <c r="HT338" s="42"/>
      <c r="HU338" s="42"/>
      <c r="HV338" s="42"/>
      <c r="HW338" s="42"/>
      <c r="HX338" s="42"/>
      <c r="HY338" s="42"/>
      <c r="HZ338" s="42"/>
      <c r="IA338" s="42"/>
      <c r="IB338" s="42"/>
      <c r="IC338" s="42"/>
      <c r="ID338" s="42"/>
      <c r="IE338" s="42"/>
      <c r="IF338" s="42"/>
      <c r="IG338" s="42"/>
      <c r="IH338" s="42"/>
      <c r="II338" s="42"/>
      <c r="IJ338" s="42"/>
      <c r="IK338" s="42"/>
      <c r="IL338" s="42"/>
      <c r="IM338" s="42"/>
      <c r="IN338" s="42"/>
      <c r="IO338" s="42"/>
      <c r="IP338" s="42"/>
      <c r="IQ338" s="42"/>
      <c r="IR338" s="42"/>
      <c r="IS338" s="42"/>
      <c r="IT338" s="42"/>
      <c r="IU338" s="42"/>
      <c r="IV338" s="42"/>
      <c r="IW338" s="42"/>
      <c r="IX338" s="42"/>
    </row>
    <row r="339" spans="1:258" s="67" customFormat="1" ht="70.2" customHeight="1">
      <c r="A339" s="534"/>
      <c r="B339" s="535"/>
      <c r="C339" s="535"/>
      <c r="D339" s="535"/>
      <c r="E339" s="535"/>
      <c r="F339" s="535"/>
      <c r="G339" s="535"/>
      <c r="H339" s="535"/>
      <c r="I339" s="536"/>
      <c r="J339" s="598" t="s">
        <v>161</v>
      </c>
      <c r="K339" s="638"/>
      <c r="L339" s="108" t="s">
        <v>154</v>
      </c>
      <c r="M339" s="449"/>
      <c r="N339" s="537"/>
      <c r="O339" s="537"/>
      <c r="P339" s="538"/>
      <c r="Q339" s="134"/>
      <c r="R339" s="133"/>
      <c r="S339" s="39"/>
      <c r="T339" s="40"/>
      <c r="U339" s="41"/>
      <c r="V339" s="41"/>
      <c r="W339" s="41"/>
      <c r="X339" s="41"/>
      <c r="Y339" s="41"/>
      <c r="Z339" s="41"/>
      <c r="AA339" s="41"/>
      <c r="AB339" s="41"/>
      <c r="AC339" s="41"/>
      <c r="AD339" s="41"/>
      <c r="AE339" s="41"/>
      <c r="AF339" s="41"/>
      <c r="AG339" s="41"/>
      <c r="AH339" s="41"/>
      <c r="AI339" s="41"/>
      <c r="AJ339" s="41"/>
      <c r="AK339" s="41"/>
      <c r="AL339" s="41"/>
      <c r="AM339" s="41"/>
      <c r="AN339" s="41"/>
      <c r="AO339" s="41"/>
      <c r="AP339" s="41"/>
      <c r="AQ339" s="41"/>
      <c r="AR339" s="41"/>
      <c r="AS339" s="41"/>
      <c r="AT339" s="41"/>
      <c r="AU339" s="41"/>
      <c r="AV339" s="41"/>
      <c r="AW339" s="41"/>
      <c r="AX339" s="41"/>
      <c r="AY339" s="41"/>
      <c r="AZ339" s="41"/>
      <c r="BA339" s="41"/>
      <c r="BB339" s="41"/>
      <c r="BC339" s="41"/>
      <c r="BD339" s="41"/>
      <c r="BE339" s="42"/>
      <c r="BF339" s="42"/>
      <c r="BG339" s="42"/>
      <c r="BH339" s="42"/>
      <c r="BI339" s="42"/>
      <c r="BJ339" s="42"/>
      <c r="BK339" s="42"/>
      <c r="BL339" s="42"/>
      <c r="BM339" s="42"/>
      <c r="BN339" s="42"/>
      <c r="BO339" s="42"/>
      <c r="BP339" s="42"/>
      <c r="BQ339" s="42"/>
      <c r="BR339" s="42"/>
      <c r="BS339" s="42"/>
      <c r="BT339" s="42"/>
      <c r="BU339" s="42"/>
      <c r="BV339" s="42"/>
      <c r="BW339" s="42"/>
      <c r="BX339" s="42"/>
      <c r="BY339" s="42"/>
      <c r="BZ339" s="42"/>
      <c r="CA339" s="42"/>
      <c r="CB339" s="42"/>
      <c r="CC339" s="42"/>
      <c r="CD339" s="42"/>
      <c r="CE339" s="42"/>
      <c r="CF339" s="42"/>
      <c r="CG339" s="42"/>
      <c r="CH339" s="42"/>
      <c r="CI339" s="42"/>
      <c r="CJ339" s="42"/>
      <c r="CK339" s="42"/>
      <c r="CL339" s="42"/>
      <c r="CM339" s="42"/>
      <c r="CN339" s="42"/>
      <c r="CO339" s="42"/>
      <c r="CP339" s="42"/>
      <c r="CQ339" s="42"/>
      <c r="CR339" s="42"/>
      <c r="CS339" s="42"/>
      <c r="CT339" s="42"/>
      <c r="CU339" s="42"/>
      <c r="CV339" s="42"/>
      <c r="CW339" s="42"/>
      <c r="CX339" s="42"/>
      <c r="CY339" s="42"/>
      <c r="CZ339" s="42"/>
      <c r="DA339" s="42"/>
      <c r="DB339" s="42"/>
      <c r="DC339" s="42"/>
      <c r="DD339" s="42"/>
      <c r="DE339" s="42"/>
      <c r="DF339" s="42"/>
      <c r="DG339" s="42"/>
      <c r="DH339" s="42"/>
      <c r="DI339" s="42"/>
      <c r="DJ339" s="42"/>
      <c r="DK339" s="42"/>
      <c r="DL339" s="42"/>
      <c r="DM339" s="42"/>
      <c r="DN339" s="42"/>
      <c r="DO339" s="42"/>
      <c r="DP339" s="42"/>
      <c r="DQ339" s="42"/>
      <c r="DR339" s="42"/>
      <c r="DS339" s="42"/>
      <c r="DT339" s="42"/>
      <c r="DU339" s="42"/>
      <c r="DV339" s="42"/>
      <c r="DW339" s="42"/>
      <c r="DX339" s="42"/>
      <c r="DY339" s="42"/>
      <c r="DZ339" s="42"/>
      <c r="EA339" s="42"/>
      <c r="EB339" s="42"/>
      <c r="EC339" s="42"/>
      <c r="ED339" s="42"/>
      <c r="EE339" s="42"/>
      <c r="EF339" s="42"/>
      <c r="EG339" s="42"/>
      <c r="EH339" s="42"/>
      <c r="EI339" s="42"/>
      <c r="EJ339" s="42"/>
      <c r="EK339" s="42"/>
      <c r="EL339" s="42"/>
      <c r="EM339" s="42"/>
      <c r="EN339" s="42"/>
      <c r="EO339" s="42"/>
      <c r="EP339" s="42"/>
      <c r="EQ339" s="42"/>
      <c r="ER339" s="42"/>
      <c r="ES339" s="42"/>
      <c r="ET339" s="42"/>
      <c r="EU339" s="42"/>
      <c r="EV339" s="42"/>
      <c r="EW339" s="42"/>
      <c r="EX339" s="42"/>
      <c r="EY339" s="42"/>
      <c r="EZ339" s="42"/>
      <c r="FA339" s="42"/>
      <c r="FB339" s="42"/>
      <c r="FC339" s="42"/>
      <c r="FD339" s="42"/>
      <c r="FE339" s="42"/>
      <c r="FF339" s="42"/>
      <c r="FG339" s="42"/>
      <c r="FH339" s="42"/>
      <c r="FI339" s="42"/>
      <c r="FJ339" s="42"/>
      <c r="FK339" s="42"/>
      <c r="FL339" s="42"/>
      <c r="FM339" s="42"/>
      <c r="FN339" s="42"/>
      <c r="FO339" s="42"/>
      <c r="FP339" s="42"/>
      <c r="FQ339" s="42"/>
      <c r="FR339" s="42"/>
      <c r="FS339" s="42"/>
      <c r="FT339" s="42"/>
      <c r="FU339" s="42"/>
      <c r="FV339" s="42"/>
      <c r="FW339" s="42"/>
      <c r="FX339" s="42"/>
      <c r="FY339" s="42"/>
      <c r="FZ339" s="42"/>
      <c r="GA339" s="42"/>
      <c r="GB339" s="42"/>
      <c r="GC339" s="42"/>
      <c r="GD339" s="42"/>
      <c r="GE339" s="42"/>
      <c r="GF339" s="42"/>
      <c r="GG339" s="42"/>
      <c r="GH339" s="42"/>
      <c r="GI339" s="42"/>
      <c r="GJ339" s="42"/>
      <c r="GK339" s="42"/>
      <c r="GL339" s="42"/>
      <c r="GM339" s="42"/>
      <c r="GN339" s="42"/>
      <c r="GO339" s="42"/>
      <c r="GP339" s="42"/>
      <c r="GQ339" s="42"/>
      <c r="GR339" s="42"/>
      <c r="GS339" s="42"/>
      <c r="GT339" s="42"/>
      <c r="GU339" s="42"/>
      <c r="GV339" s="42"/>
      <c r="GW339" s="42"/>
      <c r="GX339" s="42"/>
      <c r="GY339" s="42"/>
      <c r="GZ339" s="42"/>
      <c r="HA339" s="42"/>
      <c r="HB339" s="42"/>
      <c r="HC339" s="42"/>
      <c r="HD339" s="42"/>
      <c r="HE339" s="42"/>
      <c r="HF339" s="42"/>
      <c r="HG339" s="42"/>
      <c r="HH339" s="42"/>
      <c r="HI339" s="42"/>
      <c r="HJ339" s="42"/>
      <c r="HK339" s="42"/>
      <c r="HL339" s="42"/>
      <c r="HM339" s="42"/>
      <c r="HN339" s="42"/>
      <c r="HO339" s="42"/>
      <c r="HP339" s="42"/>
      <c r="HQ339" s="42"/>
      <c r="HR339" s="42"/>
      <c r="HS339" s="42"/>
      <c r="HT339" s="42"/>
      <c r="HU339" s="42"/>
      <c r="HV339" s="42"/>
      <c r="HW339" s="42"/>
      <c r="HX339" s="42"/>
      <c r="HY339" s="42"/>
      <c r="HZ339" s="42"/>
      <c r="IA339" s="42"/>
      <c r="IB339" s="42"/>
      <c r="IC339" s="42"/>
      <c r="ID339" s="42"/>
      <c r="IE339" s="42"/>
      <c r="IF339" s="42"/>
      <c r="IG339" s="42"/>
      <c r="IH339" s="42"/>
      <c r="II339" s="42"/>
      <c r="IJ339" s="42"/>
      <c r="IK339" s="42"/>
      <c r="IL339" s="42"/>
      <c r="IM339" s="42"/>
      <c r="IN339" s="42"/>
      <c r="IO339" s="42"/>
      <c r="IP339" s="42"/>
      <c r="IQ339" s="42"/>
      <c r="IR339" s="42"/>
      <c r="IS339" s="42"/>
      <c r="IT339" s="42"/>
      <c r="IU339" s="42"/>
      <c r="IV339" s="42"/>
      <c r="IW339" s="42"/>
      <c r="IX339" s="42"/>
    </row>
    <row r="340" spans="1:258" s="67" customFormat="1" ht="70.2" customHeight="1">
      <c r="A340" s="674" t="s">
        <v>162</v>
      </c>
      <c r="B340" s="675"/>
      <c r="C340" s="675"/>
      <c r="D340" s="675"/>
      <c r="E340" s="675"/>
      <c r="F340" s="675"/>
      <c r="G340" s="675"/>
      <c r="H340" s="675"/>
      <c r="I340" s="676"/>
      <c r="J340" s="613"/>
      <c r="K340" s="613"/>
      <c r="L340" s="613"/>
      <c r="M340" s="613"/>
      <c r="N340" s="613"/>
      <c r="O340" s="613"/>
      <c r="P340" s="677"/>
      <c r="Q340" s="134"/>
      <c r="R340" s="133"/>
      <c r="S340" s="39"/>
      <c r="T340" s="40"/>
      <c r="U340" s="41"/>
      <c r="V340" s="41"/>
      <c r="W340" s="41"/>
      <c r="X340" s="41"/>
      <c r="Y340" s="41"/>
      <c r="Z340" s="41"/>
      <c r="AA340" s="41"/>
      <c r="AB340" s="41"/>
      <c r="AC340" s="41"/>
      <c r="AD340" s="41"/>
      <c r="AE340" s="41"/>
      <c r="AF340" s="41"/>
      <c r="AG340" s="41"/>
      <c r="AH340" s="41"/>
      <c r="AI340" s="41"/>
      <c r="AJ340" s="41"/>
      <c r="AK340" s="41"/>
      <c r="AL340" s="41"/>
      <c r="AM340" s="41"/>
      <c r="AN340" s="41"/>
      <c r="AO340" s="41"/>
      <c r="AP340" s="41"/>
      <c r="AQ340" s="41"/>
      <c r="AR340" s="41"/>
      <c r="AS340" s="41"/>
      <c r="AT340" s="41"/>
      <c r="AU340" s="41"/>
      <c r="AV340" s="41"/>
      <c r="AW340" s="41"/>
      <c r="AX340" s="41"/>
      <c r="AY340" s="41"/>
      <c r="AZ340" s="41"/>
      <c r="BA340" s="41"/>
      <c r="BB340" s="41"/>
      <c r="BC340" s="41"/>
      <c r="BD340" s="41"/>
      <c r="BE340" s="42"/>
      <c r="BF340" s="42"/>
      <c r="BG340" s="42"/>
      <c r="BH340" s="42"/>
      <c r="BI340" s="42"/>
      <c r="BJ340" s="42"/>
      <c r="BK340" s="42"/>
      <c r="BL340" s="42"/>
      <c r="BM340" s="42"/>
      <c r="BN340" s="42"/>
      <c r="BO340" s="42"/>
      <c r="BP340" s="42"/>
      <c r="BQ340" s="42"/>
      <c r="BR340" s="42"/>
      <c r="BS340" s="42"/>
      <c r="BT340" s="42"/>
      <c r="BU340" s="42"/>
      <c r="BV340" s="42"/>
      <c r="BW340" s="42"/>
      <c r="BX340" s="42"/>
      <c r="BY340" s="42"/>
      <c r="BZ340" s="42"/>
      <c r="CA340" s="42"/>
      <c r="CB340" s="42"/>
      <c r="CC340" s="42"/>
      <c r="CD340" s="42"/>
      <c r="CE340" s="42"/>
      <c r="CF340" s="42"/>
      <c r="CG340" s="42"/>
      <c r="CH340" s="42"/>
      <c r="CI340" s="42"/>
      <c r="CJ340" s="42"/>
      <c r="CK340" s="42"/>
      <c r="CL340" s="42"/>
      <c r="CM340" s="42"/>
      <c r="CN340" s="42"/>
      <c r="CO340" s="42"/>
      <c r="CP340" s="42"/>
      <c r="CQ340" s="42"/>
      <c r="CR340" s="42"/>
      <c r="CS340" s="42"/>
      <c r="CT340" s="42"/>
      <c r="CU340" s="42"/>
      <c r="CV340" s="42"/>
      <c r="CW340" s="42"/>
      <c r="CX340" s="42"/>
      <c r="CY340" s="42"/>
      <c r="CZ340" s="42"/>
      <c r="DA340" s="42"/>
      <c r="DB340" s="42"/>
      <c r="DC340" s="42"/>
      <c r="DD340" s="42"/>
      <c r="DE340" s="42"/>
      <c r="DF340" s="42"/>
      <c r="DG340" s="42"/>
      <c r="DH340" s="42"/>
      <c r="DI340" s="42"/>
      <c r="DJ340" s="42"/>
      <c r="DK340" s="42"/>
      <c r="DL340" s="42"/>
      <c r="DM340" s="42"/>
      <c r="DN340" s="42"/>
      <c r="DO340" s="42"/>
      <c r="DP340" s="42"/>
      <c r="DQ340" s="42"/>
      <c r="DR340" s="42"/>
      <c r="DS340" s="42"/>
      <c r="DT340" s="42"/>
      <c r="DU340" s="42"/>
      <c r="DV340" s="42"/>
      <c r="DW340" s="42"/>
      <c r="DX340" s="42"/>
      <c r="DY340" s="42"/>
      <c r="DZ340" s="42"/>
      <c r="EA340" s="42"/>
      <c r="EB340" s="42"/>
      <c r="EC340" s="42"/>
      <c r="ED340" s="42"/>
      <c r="EE340" s="42"/>
      <c r="EF340" s="42"/>
      <c r="EG340" s="42"/>
      <c r="EH340" s="42"/>
      <c r="EI340" s="42"/>
      <c r="EJ340" s="42"/>
      <c r="EK340" s="42"/>
      <c r="EL340" s="42"/>
      <c r="EM340" s="42"/>
      <c r="EN340" s="42"/>
      <c r="EO340" s="42"/>
      <c r="EP340" s="42"/>
      <c r="EQ340" s="42"/>
      <c r="ER340" s="42"/>
      <c r="ES340" s="42"/>
      <c r="ET340" s="42"/>
      <c r="EU340" s="42"/>
      <c r="EV340" s="42"/>
      <c r="EW340" s="42"/>
      <c r="EX340" s="42"/>
      <c r="EY340" s="42"/>
      <c r="EZ340" s="42"/>
      <c r="FA340" s="42"/>
      <c r="FB340" s="42"/>
      <c r="FC340" s="42"/>
      <c r="FD340" s="42"/>
      <c r="FE340" s="42"/>
      <c r="FF340" s="42"/>
      <c r="FG340" s="42"/>
      <c r="FH340" s="42"/>
      <c r="FI340" s="42"/>
      <c r="FJ340" s="42"/>
      <c r="FK340" s="42"/>
      <c r="FL340" s="42"/>
      <c r="FM340" s="42"/>
      <c r="FN340" s="42"/>
      <c r="FO340" s="42"/>
      <c r="FP340" s="42"/>
      <c r="FQ340" s="42"/>
      <c r="FR340" s="42"/>
      <c r="FS340" s="42"/>
      <c r="FT340" s="42"/>
      <c r="FU340" s="42"/>
      <c r="FV340" s="42"/>
      <c r="FW340" s="42"/>
      <c r="FX340" s="42"/>
      <c r="FY340" s="42"/>
      <c r="FZ340" s="42"/>
      <c r="GA340" s="42"/>
      <c r="GB340" s="42"/>
      <c r="GC340" s="42"/>
      <c r="GD340" s="42"/>
      <c r="GE340" s="42"/>
      <c r="GF340" s="42"/>
      <c r="GG340" s="42"/>
      <c r="GH340" s="42"/>
      <c r="GI340" s="42"/>
      <c r="GJ340" s="42"/>
      <c r="GK340" s="42"/>
      <c r="GL340" s="42"/>
      <c r="GM340" s="42"/>
      <c r="GN340" s="42"/>
      <c r="GO340" s="42"/>
      <c r="GP340" s="42"/>
      <c r="GQ340" s="42"/>
      <c r="GR340" s="42"/>
      <c r="GS340" s="42"/>
      <c r="GT340" s="42"/>
      <c r="GU340" s="42"/>
      <c r="GV340" s="42"/>
      <c r="GW340" s="42"/>
      <c r="GX340" s="42"/>
      <c r="GY340" s="42"/>
      <c r="GZ340" s="42"/>
      <c r="HA340" s="42"/>
      <c r="HB340" s="42"/>
      <c r="HC340" s="42"/>
      <c r="HD340" s="42"/>
      <c r="HE340" s="42"/>
      <c r="HF340" s="42"/>
      <c r="HG340" s="42"/>
      <c r="HH340" s="42"/>
      <c r="HI340" s="42"/>
      <c r="HJ340" s="42"/>
      <c r="HK340" s="42"/>
      <c r="HL340" s="42"/>
      <c r="HM340" s="42"/>
      <c r="HN340" s="42"/>
      <c r="HO340" s="42"/>
      <c r="HP340" s="42"/>
      <c r="HQ340" s="42"/>
      <c r="HR340" s="42"/>
      <c r="HS340" s="42"/>
      <c r="HT340" s="42"/>
      <c r="HU340" s="42"/>
      <c r="HV340" s="42"/>
      <c r="HW340" s="42"/>
      <c r="HX340" s="42"/>
      <c r="HY340" s="42"/>
      <c r="HZ340" s="42"/>
      <c r="IA340" s="42"/>
      <c r="IB340" s="42"/>
      <c r="IC340" s="42"/>
      <c r="ID340" s="42"/>
      <c r="IE340" s="42"/>
      <c r="IF340" s="42"/>
      <c r="IG340" s="42"/>
      <c r="IH340" s="42"/>
      <c r="II340" s="42"/>
      <c r="IJ340" s="42"/>
      <c r="IK340" s="42"/>
      <c r="IL340" s="42"/>
      <c r="IM340" s="42"/>
      <c r="IN340" s="42"/>
      <c r="IO340" s="42"/>
      <c r="IP340" s="42"/>
      <c r="IQ340" s="42"/>
      <c r="IR340" s="42"/>
      <c r="IS340" s="42"/>
      <c r="IT340" s="42"/>
      <c r="IU340" s="42"/>
      <c r="IV340" s="42"/>
      <c r="IW340" s="42"/>
      <c r="IX340" s="42"/>
    </row>
    <row r="341" spans="1:258" s="67" customFormat="1" ht="70.2" customHeight="1">
      <c r="A341" s="528" t="s">
        <v>163</v>
      </c>
      <c r="B341" s="529"/>
      <c r="C341" s="529"/>
      <c r="D341" s="529"/>
      <c r="E341" s="529"/>
      <c r="F341" s="529"/>
      <c r="G341" s="529"/>
      <c r="H341" s="529"/>
      <c r="I341" s="530"/>
      <c r="J341" s="690"/>
      <c r="K341" s="529"/>
      <c r="L341" s="529"/>
      <c r="M341" s="529"/>
      <c r="N341" s="529"/>
      <c r="O341" s="529"/>
      <c r="P341" s="691"/>
      <c r="Q341" s="139"/>
      <c r="R341" s="138"/>
      <c r="S341" s="78"/>
      <c r="T341" s="76"/>
      <c r="U341" s="77"/>
      <c r="V341" s="77"/>
      <c r="W341" s="77"/>
      <c r="X341" s="77"/>
      <c r="Y341" s="77"/>
      <c r="Z341" s="77"/>
      <c r="AA341" s="77"/>
      <c r="AB341" s="77"/>
      <c r="AC341" s="77"/>
      <c r="AD341" s="77"/>
      <c r="AE341" s="77"/>
      <c r="AF341" s="77"/>
      <c r="AG341" s="77"/>
      <c r="AH341" s="77"/>
      <c r="AI341" s="77"/>
      <c r="AJ341" s="77"/>
      <c r="AK341" s="77"/>
      <c r="AL341" s="77"/>
      <c r="AM341" s="77"/>
      <c r="AN341" s="77"/>
      <c r="AO341" s="77"/>
      <c r="AP341" s="77"/>
      <c r="AQ341" s="77"/>
      <c r="AR341" s="77"/>
      <c r="AS341" s="77"/>
      <c r="AT341" s="77"/>
      <c r="AU341" s="77"/>
      <c r="AV341" s="77"/>
      <c r="AW341" s="77"/>
      <c r="AX341" s="77"/>
      <c r="AY341" s="77"/>
      <c r="AZ341" s="77"/>
      <c r="BA341" s="77"/>
      <c r="BB341" s="77"/>
      <c r="BC341" s="77"/>
      <c r="BD341" s="77"/>
    </row>
    <row r="342" spans="1:258" s="64" customFormat="1" ht="69.900000000000006" customHeight="1">
      <c r="A342" s="600" t="s">
        <v>351</v>
      </c>
      <c r="B342" s="601"/>
      <c r="C342" s="601"/>
      <c r="D342" s="601"/>
      <c r="E342" s="601"/>
      <c r="F342" s="601"/>
      <c r="G342" s="601"/>
      <c r="H342" s="601"/>
      <c r="I342" s="601"/>
      <c r="J342" s="601"/>
      <c r="K342" s="601"/>
      <c r="L342" s="601"/>
      <c r="M342" s="601"/>
      <c r="N342" s="601"/>
      <c r="O342" s="601"/>
      <c r="P342" s="602"/>
      <c r="Q342" s="122"/>
      <c r="R342" s="138"/>
      <c r="S342" s="162"/>
    </row>
    <row r="343" spans="1:258" s="64" customFormat="1" ht="69.900000000000006" customHeight="1">
      <c r="A343" s="488" t="s">
        <v>352</v>
      </c>
      <c r="B343" s="489"/>
      <c r="C343" s="489"/>
      <c r="D343" s="489"/>
      <c r="E343" s="489"/>
      <c r="F343" s="489"/>
      <c r="G343" s="489"/>
      <c r="H343" s="489"/>
      <c r="I343" s="490"/>
      <c r="J343" s="692"/>
      <c r="K343" s="511"/>
      <c r="L343" s="511"/>
      <c r="M343" s="511"/>
      <c r="N343" s="511"/>
      <c r="O343" s="511"/>
      <c r="P343" s="693"/>
      <c r="Q343" s="122"/>
      <c r="R343" s="138"/>
      <c r="S343" s="162"/>
    </row>
    <row r="344" spans="1:258" s="67" customFormat="1" ht="69.900000000000006" customHeight="1" thickBot="1">
      <c r="A344" s="494" t="s">
        <v>353</v>
      </c>
      <c r="B344" s="495"/>
      <c r="C344" s="495"/>
      <c r="D344" s="495"/>
      <c r="E344" s="495"/>
      <c r="F344" s="495"/>
      <c r="G344" s="495"/>
      <c r="H344" s="495"/>
      <c r="I344" s="496"/>
      <c r="J344" s="669"/>
      <c r="K344" s="667"/>
      <c r="L344" s="667"/>
      <c r="M344" s="667"/>
      <c r="N344" s="667"/>
      <c r="O344" s="667"/>
      <c r="P344" s="670"/>
      <c r="Q344" s="139"/>
      <c r="R344" s="138"/>
      <c r="S344" s="91"/>
      <c r="T344" s="92"/>
      <c r="U344" s="93"/>
      <c r="V344" s="93"/>
      <c r="W344" s="93"/>
      <c r="X344" s="93"/>
      <c r="Y344" s="93"/>
      <c r="Z344" s="93"/>
      <c r="AA344" s="93"/>
      <c r="AB344" s="93"/>
      <c r="AC344" s="93"/>
      <c r="AD344" s="93"/>
      <c r="AE344" s="93"/>
      <c r="AF344" s="93"/>
      <c r="AG344" s="93"/>
      <c r="AH344" s="93"/>
      <c r="AI344" s="93"/>
      <c r="AJ344" s="93"/>
      <c r="AK344" s="93"/>
      <c r="AL344" s="93"/>
      <c r="AM344" s="93"/>
      <c r="AN344" s="93"/>
      <c r="AO344" s="93"/>
      <c r="AP344" s="93"/>
      <c r="AQ344" s="93"/>
      <c r="AR344" s="93"/>
      <c r="AS344" s="93"/>
      <c r="AT344" s="93"/>
      <c r="AU344" s="93"/>
      <c r="AV344" s="93"/>
      <c r="AW344" s="93"/>
      <c r="AX344" s="93"/>
      <c r="AY344" s="93"/>
      <c r="AZ344" s="93"/>
      <c r="BA344" s="93"/>
      <c r="BB344" s="93"/>
      <c r="BC344" s="93"/>
      <c r="BD344" s="93"/>
    </row>
    <row r="345" spans="1:258" s="67" customFormat="1" ht="201.6" customHeight="1" thickTop="1" thickBot="1">
      <c r="A345" s="447" t="s">
        <v>354</v>
      </c>
      <c r="B345" s="352"/>
      <c r="C345" s="352"/>
      <c r="D345" s="352"/>
      <c r="E345" s="352"/>
      <c r="F345" s="352"/>
      <c r="G345" s="352"/>
      <c r="H345" s="352"/>
      <c r="I345" s="352"/>
      <c r="J345" s="352"/>
      <c r="K345" s="352"/>
      <c r="L345" s="352"/>
      <c r="M345" s="352"/>
      <c r="N345" s="689"/>
      <c r="O345" s="68" t="s">
        <v>20</v>
      </c>
      <c r="P345" s="69" t="s">
        <v>21</v>
      </c>
      <c r="Q345" s="139"/>
      <c r="R345" s="138"/>
      <c r="S345" s="137"/>
      <c r="T345" s="76"/>
      <c r="U345" s="77"/>
      <c r="V345" s="77"/>
      <c r="W345" s="77"/>
      <c r="X345" s="77"/>
      <c r="Y345" s="77"/>
      <c r="Z345" s="77"/>
      <c r="AA345" s="77"/>
      <c r="AB345" s="77"/>
      <c r="AC345" s="77"/>
      <c r="AD345" s="77"/>
      <c r="AE345" s="77"/>
      <c r="AF345" s="77"/>
      <c r="AG345" s="77"/>
      <c r="AH345" s="77"/>
      <c r="AI345" s="77"/>
      <c r="AJ345" s="77"/>
      <c r="AK345" s="77"/>
      <c r="AL345" s="77"/>
      <c r="AM345" s="77"/>
      <c r="AN345" s="77"/>
      <c r="AO345" s="77"/>
      <c r="AP345" s="77"/>
      <c r="AQ345" s="77"/>
      <c r="AR345" s="77"/>
      <c r="AS345" s="77"/>
      <c r="AT345" s="77"/>
      <c r="AU345" s="77"/>
      <c r="AV345" s="77"/>
      <c r="AW345" s="77"/>
      <c r="AX345" s="77"/>
      <c r="AY345" s="77"/>
      <c r="AZ345" s="77"/>
      <c r="BA345" s="77"/>
      <c r="BB345" s="77"/>
      <c r="BC345" s="77"/>
      <c r="BD345" s="77"/>
    </row>
    <row r="346" spans="1:258" s="67" customFormat="1" ht="139.94999999999999" customHeight="1" thickTop="1" thickBot="1">
      <c r="A346" s="636" t="s">
        <v>355</v>
      </c>
      <c r="B346" s="497"/>
      <c r="C346" s="497"/>
      <c r="D346" s="497"/>
      <c r="E346" s="497"/>
      <c r="F346" s="497"/>
      <c r="G346" s="497"/>
      <c r="H346" s="497"/>
      <c r="I346" s="497"/>
      <c r="J346" s="497"/>
      <c r="K346" s="497"/>
      <c r="L346" s="307"/>
      <c r="M346" s="497"/>
      <c r="N346" s="103" t="s">
        <v>24</v>
      </c>
      <c r="O346" s="95" t="s">
        <v>20</v>
      </c>
      <c r="P346" s="96" t="s">
        <v>21</v>
      </c>
      <c r="Q346" s="139"/>
      <c r="R346" s="138"/>
      <c r="S346" s="137"/>
      <c r="T346" s="76"/>
      <c r="U346" s="77"/>
      <c r="V346" s="77"/>
      <c r="W346" s="77"/>
      <c r="X346" s="77"/>
      <c r="Y346" s="77"/>
      <c r="Z346" s="77"/>
      <c r="AA346" s="77"/>
      <c r="AB346" s="77"/>
      <c r="AC346" s="77"/>
      <c r="AD346" s="77"/>
      <c r="AE346" s="77"/>
      <c r="AF346" s="77"/>
      <c r="AG346" s="77"/>
      <c r="AH346" s="77"/>
      <c r="AI346" s="77"/>
      <c r="AJ346" s="77"/>
      <c r="AK346" s="77"/>
      <c r="AL346" s="77"/>
      <c r="AM346" s="77"/>
      <c r="AN346" s="77"/>
      <c r="AO346" s="77"/>
      <c r="AP346" s="77"/>
      <c r="AQ346" s="77"/>
      <c r="AR346" s="77"/>
      <c r="AS346" s="77"/>
      <c r="AT346" s="77"/>
      <c r="AU346" s="77"/>
      <c r="AV346" s="77"/>
      <c r="AW346" s="77"/>
      <c r="AX346" s="77"/>
      <c r="AY346" s="77"/>
      <c r="AZ346" s="77"/>
      <c r="BA346" s="77"/>
      <c r="BB346" s="77"/>
      <c r="BC346" s="77"/>
      <c r="BD346" s="77"/>
    </row>
    <row r="347" spans="1:258" s="64" customFormat="1" ht="69.900000000000006" customHeight="1" thickTop="1">
      <c r="A347" s="503" t="s">
        <v>52</v>
      </c>
      <c r="B347" s="577"/>
      <c r="C347" s="577"/>
      <c r="D347" s="577"/>
      <c r="E347" s="577"/>
      <c r="F347" s="577"/>
      <c r="G347" s="577"/>
      <c r="H347" s="577"/>
      <c r="I347" s="577"/>
      <c r="J347" s="577"/>
      <c r="K347" s="577"/>
      <c r="L347" s="505"/>
      <c r="M347" s="577"/>
      <c r="N347" s="577"/>
      <c r="O347" s="577"/>
      <c r="P347" s="578"/>
      <c r="Q347" s="122"/>
      <c r="R347" s="138"/>
      <c r="S347" s="162"/>
    </row>
    <row r="348" spans="1:258" s="64" customFormat="1" ht="69.900000000000006" customHeight="1">
      <c r="A348" s="507" t="s">
        <v>356</v>
      </c>
      <c r="B348" s="508"/>
      <c r="C348" s="508"/>
      <c r="D348" s="508"/>
      <c r="E348" s="508"/>
      <c r="F348" s="508"/>
      <c r="G348" s="508"/>
      <c r="H348" s="508"/>
      <c r="I348" s="508"/>
      <c r="J348" s="508"/>
      <c r="K348" s="508"/>
      <c r="L348" s="508"/>
      <c r="M348" s="508"/>
      <c r="N348" s="508"/>
      <c r="O348" s="508"/>
      <c r="P348" s="509"/>
      <c r="Q348" s="122"/>
      <c r="R348" s="138"/>
      <c r="S348" s="162"/>
    </row>
    <row r="349" spans="1:258" s="67" customFormat="1" ht="70.2" customHeight="1">
      <c r="A349" s="510" t="s">
        <v>150</v>
      </c>
      <c r="B349" s="511"/>
      <c r="C349" s="511"/>
      <c r="D349" s="511"/>
      <c r="E349" s="511"/>
      <c r="F349" s="511"/>
      <c r="G349" s="511"/>
      <c r="H349" s="511"/>
      <c r="I349" s="512"/>
      <c r="J349" s="596"/>
      <c r="K349" s="596"/>
      <c r="L349" s="596"/>
      <c r="M349" s="596"/>
      <c r="N349" s="596"/>
      <c r="O349" s="596"/>
      <c r="P349" s="662"/>
      <c r="Q349" s="139"/>
      <c r="R349" s="138"/>
      <c r="S349" s="78"/>
      <c r="T349" s="76"/>
      <c r="U349" s="77"/>
      <c r="V349" s="77"/>
      <c r="W349" s="77"/>
      <c r="X349" s="77"/>
      <c r="Y349" s="77"/>
      <c r="Z349" s="77"/>
      <c r="AA349" s="77"/>
      <c r="AB349" s="77"/>
      <c r="AC349" s="77"/>
      <c r="AD349" s="77"/>
      <c r="AE349" s="77"/>
      <c r="AF349" s="77"/>
      <c r="AG349" s="77"/>
      <c r="AH349" s="77"/>
      <c r="AI349" s="77"/>
      <c r="AJ349" s="77"/>
      <c r="AK349" s="77"/>
      <c r="AL349" s="77"/>
      <c r="AM349" s="77"/>
      <c r="AN349" s="77"/>
      <c r="AO349" s="77"/>
      <c r="AP349" s="77"/>
      <c r="AQ349" s="77"/>
      <c r="AR349" s="77"/>
      <c r="AS349" s="77"/>
      <c r="AT349" s="77"/>
      <c r="AU349" s="77"/>
      <c r="AV349" s="77"/>
      <c r="AW349" s="77"/>
      <c r="AX349" s="77"/>
      <c r="AY349" s="77"/>
      <c r="AZ349" s="77"/>
      <c r="BA349" s="77"/>
      <c r="BB349" s="77"/>
      <c r="BC349" s="77"/>
      <c r="BD349" s="77"/>
    </row>
    <row r="350" spans="1:258" s="67" customFormat="1" ht="70.2" customHeight="1">
      <c r="A350" s="528" t="s">
        <v>114</v>
      </c>
      <c r="B350" s="529"/>
      <c r="C350" s="529"/>
      <c r="D350" s="529"/>
      <c r="E350" s="529"/>
      <c r="F350" s="529"/>
      <c r="G350" s="529"/>
      <c r="H350" s="529"/>
      <c r="I350" s="530"/>
      <c r="J350" s="109" t="s">
        <v>158</v>
      </c>
      <c r="K350" s="449" t="s">
        <v>159</v>
      </c>
      <c r="L350" s="537"/>
      <c r="M350" s="537"/>
      <c r="N350" s="537"/>
      <c r="O350" s="537"/>
      <c r="P350" s="538"/>
      <c r="Q350" s="134"/>
      <c r="R350" s="133"/>
      <c r="S350" s="39"/>
      <c r="T350" s="40"/>
      <c r="U350" s="41"/>
      <c r="V350" s="41"/>
      <c r="W350" s="41"/>
      <c r="X350" s="41"/>
      <c r="Y350" s="41"/>
      <c r="Z350" s="41"/>
      <c r="AA350" s="41"/>
      <c r="AB350" s="41"/>
      <c r="AC350" s="41"/>
      <c r="AD350" s="41"/>
      <c r="AE350" s="41"/>
      <c r="AF350" s="41"/>
      <c r="AG350" s="41"/>
      <c r="AH350" s="41"/>
      <c r="AI350" s="41"/>
      <c r="AJ350" s="41"/>
      <c r="AK350" s="41"/>
      <c r="AL350" s="41"/>
      <c r="AM350" s="41"/>
      <c r="AN350" s="41"/>
      <c r="AO350" s="41"/>
      <c r="AP350" s="41"/>
      <c r="AQ350" s="41"/>
      <c r="AR350" s="41"/>
      <c r="AS350" s="41"/>
      <c r="AT350" s="41"/>
      <c r="AU350" s="41"/>
      <c r="AV350" s="41"/>
      <c r="AW350" s="41"/>
      <c r="AX350" s="41"/>
      <c r="AY350" s="41"/>
      <c r="AZ350" s="41"/>
      <c r="BA350" s="41"/>
      <c r="BB350" s="41"/>
      <c r="BC350" s="41"/>
      <c r="BD350" s="41"/>
      <c r="BE350" s="42"/>
      <c r="BF350" s="42"/>
      <c r="BG350" s="42"/>
      <c r="BH350" s="42"/>
      <c r="BI350" s="42"/>
      <c r="BJ350" s="42"/>
      <c r="BK350" s="42"/>
      <c r="BL350" s="42"/>
      <c r="BM350" s="42"/>
      <c r="BN350" s="42"/>
      <c r="BO350" s="42"/>
      <c r="BP350" s="42"/>
      <c r="BQ350" s="42"/>
      <c r="BR350" s="42"/>
      <c r="BS350" s="42"/>
      <c r="BT350" s="42"/>
      <c r="BU350" s="42"/>
      <c r="BV350" s="42"/>
      <c r="BW350" s="42"/>
      <c r="BX350" s="42"/>
      <c r="BY350" s="42"/>
      <c r="BZ350" s="42"/>
      <c r="CA350" s="42"/>
      <c r="CB350" s="42"/>
      <c r="CC350" s="42"/>
      <c r="CD350" s="42"/>
      <c r="CE350" s="42"/>
      <c r="CF350" s="42"/>
      <c r="CG350" s="42"/>
      <c r="CH350" s="42"/>
      <c r="CI350" s="42"/>
      <c r="CJ350" s="42"/>
      <c r="CK350" s="42"/>
      <c r="CL350" s="42"/>
      <c r="CM350" s="42"/>
      <c r="CN350" s="42"/>
      <c r="CO350" s="42"/>
      <c r="CP350" s="42"/>
      <c r="CQ350" s="42"/>
      <c r="CR350" s="42"/>
      <c r="CS350" s="42"/>
      <c r="CT350" s="42"/>
      <c r="CU350" s="42"/>
      <c r="CV350" s="42"/>
      <c r="CW350" s="42"/>
      <c r="CX350" s="42"/>
      <c r="CY350" s="42"/>
      <c r="CZ350" s="42"/>
      <c r="DA350" s="42"/>
      <c r="DB350" s="42"/>
      <c r="DC350" s="42"/>
      <c r="DD350" s="42"/>
      <c r="DE350" s="42"/>
      <c r="DF350" s="42"/>
      <c r="DG350" s="42"/>
      <c r="DH350" s="42"/>
      <c r="DI350" s="42"/>
      <c r="DJ350" s="42"/>
      <c r="DK350" s="42"/>
      <c r="DL350" s="42"/>
      <c r="DM350" s="42"/>
      <c r="DN350" s="42"/>
      <c r="DO350" s="42"/>
      <c r="DP350" s="42"/>
      <c r="DQ350" s="42"/>
      <c r="DR350" s="42"/>
      <c r="DS350" s="42"/>
      <c r="DT350" s="42"/>
      <c r="DU350" s="42"/>
      <c r="DV350" s="42"/>
      <c r="DW350" s="42"/>
      <c r="DX350" s="42"/>
      <c r="DY350" s="42"/>
      <c r="DZ350" s="42"/>
      <c r="EA350" s="42"/>
      <c r="EB350" s="42"/>
      <c r="EC350" s="42"/>
      <c r="ED350" s="42"/>
      <c r="EE350" s="42"/>
      <c r="EF350" s="42"/>
      <c r="EG350" s="42"/>
      <c r="EH350" s="42"/>
      <c r="EI350" s="42"/>
      <c r="EJ350" s="42"/>
      <c r="EK350" s="42"/>
      <c r="EL350" s="42"/>
      <c r="EM350" s="42"/>
      <c r="EN350" s="42"/>
      <c r="EO350" s="42"/>
      <c r="EP350" s="42"/>
      <c r="EQ350" s="42"/>
      <c r="ER350" s="42"/>
      <c r="ES350" s="42"/>
      <c r="ET350" s="42"/>
      <c r="EU350" s="42"/>
      <c r="EV350" s="42"/>
      <c r="EW350" s="42"/>
      <c r="EX350" s="42"/>
      <c r="EY350" s="42"/>
      <c r="EZ350" s="42"/>
      <c r="FA350" s="42"/>
      <c r="FB350" s="42"/>
      <c r="FC350" s="42"/>
      <c r="FD350" s="42"/>
      <c r="FE350" s="42"/>
      <c r="FF350" s="42"/>
      <c r="FG350" s="42"/>
      <c r="FH350" s="42"/>
      <c r="FI350" s="42"/>
      <c r="FJ350" s="42"/>
      <c r="FK350" s="42"/>
      <c r="FL350" s="42"/>
      <c r="FM350" s="42"/>
      <c r="FN350" s="42"/>
      <c r="FO350" s="42"/>
      <c r="FP350" s="42"/>
      <c r="FQ350" s="42"/>
      <c r="FR350" s="42"/>
      <c r="FS350" s="42"/>
      <c r="FT350" s="42"/>
      <c r="FU350" s="42"/>
      <c r="FV350" s="42"/>
      <c r="FW350" s="42"/>
      <c r="FX350" s="42"/>
      <c r="FY350" s="42"/>
      <c r="FZ350" s="42"/>
      <c r="GA350" s="42"/>
      <c r="GB350" s="42"/>
      <c r="GC350" s="42"/>
      <c r="GD350" s="42"/>
      <c r="GE350" s="42"/>
      <c r="GF350" s="42"/>
      <c r="GG350" s="42"/>
      <c r="GH350" s="42"/>
      <c r="GI350" s="42"/>
      <c r="GJ350" s="42"/>
      <c r="GK350" s="42"/>
      <c r="GL350" s="42"/>
      <c r="GM350" s="42"/>
      <c r="GN350" s="42"/>
      <c r="GO350" s="42"/>
      <c r="GP350" s="42"/>
      <c r="GQ350" s="42"/>
      <c r="GR350" s="42"/>
      <c r="GS350" s="42"/>
      <c r="GT350" s="42"/>
      <c r="GU350" s="42"/>
      <c r="GV350" s="42"/>
      <c r="GW350" s="42"/>
      <c r="GX350" s="42"/>
      <c r="GY350" s="42"/>
      <c r="GZ350" s="42"/>
      <c r="HA350" s="42"/>
      <c r="HB350" s="42"/>
      <c r="HC350" s="42"/>
      <c r="HD350" s="42"/>
      <c r="HE350" s="42"/>
      <c r="HF350" s="42"/>
      <c r="HG350" s="42"/>
      <c r="HH350" s="42"/>
      <c r="HI350" s="42"/>
      <c r="HJ350" s="42"/>
      <c r="HK350" s="42"/>
      <c r="HL350" s="42"/>
      <c r="HM350" s="42"/>
      <c r="HN350" s="42"/>
      <c r="HO350" s="42"/>
      <c r="HP350" s="42"/>
      <c r="HQ350" s="42"/>
      <c r="HR350" s="42"/>
      <c r="HS350" s="42"/>
      <c r="HT350" s="42"/>
      <c r="HU350" s="42"/>
      <c r="HV350" s="42"/>
      <c r="HW350" s="42"/>
      <c r="HX350" s="42"/>
      <c r="HY350" s="42"/>
      <c r="HZ350" s="42"/>
      <c r="IA350" s="42"/>
      <c r="IB350" s="42"/>
      <c r="IC350" s="42"/>
      <c r="ID350" s="42"/>
      <c r="IE350" s="42"/>
      <c r="IF350" s="42"/>
      <c r="IG350" s="42"/>
      <c r="IH350" s="42"/>
      <c r="II350" s="42"/>
      <c r="IJ350" s="42"/>
      <c r="IK350" s="42"/>
      <c r="IL350" s="42"/>
      <c r="IM350" s="42"/>
      <c r="IN350" s="42"/>
      <c r="IO350" s="42"/>
      <c r="IP350" s="42"/>
      <c r="IQ350" s="42"/>
      <c r="IR350" s="42"/>
      <c r="IS350" s="42"/>
      <c r="IT350" s="42"/>
      <c r="IU350" s="42"/>
      <c r="IV350" s="42"/>
      <c r="IW350" s="42"/>
      <c r="IX350" s="42"/>
    </row>
    <row r="351" spans="1:258" s="67" customFormat="1" ht="70.2" customHeight="1">
      <c r="A351" s="531"/>
      <c r="B351" s="532"/>
      <c r="C351" s="532"/>
      <c r="D351" s="532"/>
      <c r="E351" s="532"/>
      <c r="F351" s="532"/>
      <c r="G351" s="532"/>
      <c r="H351" s="532"/>
      <c r="I351" s="533"/>
      <c r="J351" s="449" t="s">
        <v>160</v>
      </c>
      <c r="K351" s="537"/>
      <c r="L351" s="537"/>
      <c r="M351" s="537"/>
      <c r="N351" s="537"/>
      <c r="O351" s="537"/>
      <c r="P351" s="538"/>
      <c r="Q351" s="134"/>
      <c r="R351" s="133"/>
      <c r="S351" s="39"/>
      <c r="T351" s="40"/>
      <c r="U351" s="41"/>
      <c r="V351" s="41"/>
      <c r="W351" s="41"/>
      <c r="X351" s="41"/>
      <c r="Y351" s="41"/>
      <c r="Z351" s="41"/>
      <c r="AA351" s="41"/>
      <c r="AB351" s="41"/>
      <c r="AC351" s="41"/>
      <c r="AD351" s="41"/>
      <c r="AE351" s="41"/>
      <c r="AF351" s="41"/>
      <c r="AG351" s="41"/>
      <c r="AH351" s="41"/>
      <c r="AI351" s="41"/>
      <c r="AJ351" s="41"/>
      <c r="AK351" s="41"/>
      <c r="AL351" s="41"/>
      <c r="AM351" s="41"/>
      <c r="AN351" s="41"/>
      <c r="AO351" s="41"/>
      <c r="AP351" s="41"/>
      <c r="AQ351" s="41"/>
      <c r="AR351" s="41"/>
      <c r="AS351" s="41"/>
      <c r="AT351" s="41"/>
      <c r="AU351" s="41"/>
      <c r="AV351" s="41"/>
      <c r="AW351" s="41"/>
      <c r="AX351" s="41"/>
      <c r="AY351" s="41"/>
      <c r="AZ351" s="41"/>
      <c r="BA351" s="41"/>
      <c r="BB351" s="41"/>
      <c r="BC351" s="41"/>
      <c r="BD351" s="41"/>
      <c r="BE351" s="42"/>
      <c r="BF351" s="42"/>
      <c r="BG351" s="42"/>
      <c r="BH351" s="42"/>
      <c r="BI351" s="42"/>
      <c r="BJ351" s="42"/>
      <c r="BK351" s="42"/>
      <c r="BL351" s="42"/>
      <c r="BM351" s="42"/>
      <c r="BN351" s="42"/>
      <c r="BO351" s="42"/>
      <c r="BP351" s="42"/>
      <c r="BQ351" s="42"/>
      <c r="BR351" s="42"/>
      <c r="BS351" s="42"/>
      <c r="BT351" s="42"/>
      <c r="BU351" s="42"/>
      <c r="BV351" s="42"/>
      <c r="BW351" s="42"/>
      <c r="BX351" s="42"/>
      <c r="BY351" s="42"/>
      <c r="BZ351" s="42"/>
      <c r="CA351" s="42"/>
      <c r="CB351" s="42"/>
      <c r="CC351" s="42"/>
      <c r="CD351" s="42"/>
      <c r="CE351" s="42"/>
      <c r="CF351" s="42"/>
      <c r="CG351" s="42"/>
      <c r="CH351" s="42"/>
      <c r="CI351" s="42"/>
      <c r="CJ351" s="42"/>
      <c r="CK351" s="42"/>
      <c r="CL351" s="42"/>
      <c r="CM351" s="42"/>
      <c r="CN351" s="42"/>
      <c r="CO351" s="42"/>
      <c r="CP351" s="42"/>
      <c r="CQ351" s="42"/>
      <c r="CR351" s="42"/>
      <c r="CS351" s="42"/>
      <c r="CT351" s="42"/>
      <c r="CU351" s="42"/>
      <c r="CV351" s="42"/>
      <c r="CW351" s="42"/>
      <c r="CX351" s="42"/>
      <c r="CY351" s="42"/>
      <c r="CZ351" s="42"/>
      <c r="DA351" s="42"/>
      <c r="DB351" s="42"/>
      <c r="DC351" s="42"/>
      <c r="DD351" s="42"/>
      <c r="DE351" s="42"/>
      <c r="DF351" s="42"/>
      <c r="DG351" s="42"/>
      <c r="DH351" s="42"/>
      <c r="DI351" s="42"/>
      <c r="DJ351" s="42"/>
      <c r="DK351" s="42"/>
      <c r="DL351" s="42"/>
      <c r="DM351" s="42"/>
      <c r="DN351" s="42"/>
      <c r="DO351" s="42"/>
      <c r="DP351" s="42"/>
      <c r="DQ351" s="42"/>
      <c r="DR351" s="42"/>
      <c r="DS351" s="42"/>
      <c r="DT351" s="42"/>
      <c r="DU351" s="42"/>
      <c r="DV351" s="42"/>
      <c r="DW351" s="42"/>
      <c r="DX351" s="42"/>
      <c r="DY351" s="42"/>
      <c r="DZ351" s="42"/>
      <c r="EA351" s="42"/>
      <c r="EB351" s="42"/>
      <c r="EC351" s="42"/>
      <c r="ED351" s="42"/>
      <c r="EE351" s="42"/>
      <c r="EF351" s="42"/>
      <c r="EG351" s="42"/>
      <c r="EH351" s="42"/>
      <c r="EI351" s="42"/>
      <c r="EJ351" s="42"/>
      <c r="EK351" s="42"/>
      <c r="EL351" s="42"/>
      <c r="EM351" s="42"/>
      <c r="EN351" s="42"/>
      <c r="EO351" s="42"/>
      <c r="EP351" s="42"/>
      <c r="EQ351" s="42"/>
      <c r="ER351" s="42"/>
      <c r="ES351" s="42"/>
      <c r="ET351" s="42"/>
      <c r="EU351" s="42"/>
      <c r="EV351" s="42"/>
      <c r="EW351" s="42"/>
      <c r="EX351" s="42"/>
      <c r="EY351" s="42"/>
      <c r="EZ351" s="42"/>
      <c r="FA351" s="42"/>
      <c r="FB351" s="42"/>
      <c r="FC351" s="42"/>
      <c r="FD351" s="42"/>
      <c r="FE351" s="42"/>
      <c r="FF351" s="42"/>
      <c r="FG351" s="42"/>
      <c r="FH351" s="42"/>
      <c r="FI351" s="42"/>
      <c r="FJ351" s="42"/>
      <c r="FK351" s="42"/>
      <c r="FL351" s="42"/>
      <c r="FM351" s="42"/>
      <c r="FN351" s="42"/>
      <c r="FO351" s="42"/>
      <c r="FP351" s="42"/>
      <c r="FQ351" s="42"/>
      <c r="FR351" s="42"/>
      <c r="FS351" s="42"/>
      <c r="FT351" s="42"/>
      <c r="FU351" s="42"/>
      <c r="FV351" s="42"/>
      <c r="FW351" s="42"/>
      <c r="FX351" s="42"/>
      <c r="FY351" s="42"/>
      <c r="FZ351" s="42"/>
      <c r="GA351" s="42"/>
      <c r="GB351" s="42"/>
      <c r="GC351" s="42"/>
      <c r="GD351" s="42"/>
      <c r="GE351" s="42"/>
      <c r="GF351" s="42"/>
      <c r="GG351" s="42"/>
      <c r="GH351" s="42"/>
      <c r="GI351" s="42"/>
      <c r="GJ351" s="42"/>
      <c r="GK351" s="42"/>
      <c r="GL351" s="42"/>
      <c r="GM351" s="42"/>
      <c r="GN351" s="42"/>
      <c r="GO351" s="42"/>
      <c r="GP351" s="42"/>
      <c r="GQ351" s="42"/>
      <c r="GR351" s="42"/>
      <c r="GS351" s="42"/>
      <c r="GT351" s="42"/>
      <c r="GU351" s="42"/>
      <c r="GV351" s="42"/>
      <c r="GW351" s="42"/>
      <c r="GX351" s="42"/>
      <c r="GY351" s="42"/>
      <c r="GZ351" s="42"/>
      <c r="HA351" s="42"/>
      <c r="HB351" s="42"/>
      <c r="HC351" s="42"/>
      <c r="HD351" s="42"/>
      <c r="HE351" s="42"/>
      <c r="HF351" s="42"/>
      <c r="HG351" s="42"/>
      <c r="HH351" s="42"/>
      <c r="HI351" s="42"/>
      <c r="HJ351" s="42"/>
      <c r="HK351" s="42"/>
      <c r="HL351" s="42"/>
      <c r="HM351" s="42"/>
      <c r="HN351" s="42"/>
      <c r="HO351" s="42"/>
      <c r="HP351" s="42"/>
      <c r="HQ351" s="42"/>
      <c r="HR351" s="42"/>
      <c r="HS351" s="42"/>
      <c r="HT351" s="42"/>
      <c r="HU351" s="42"/>
      <c r="HV351" s="42"/>
      <c r="HW351" s="42"/>
      <c r="HX351" s="42"/>
      <c r="HY351" s="42"/>
      <c r="HZ351" s="42"/>
      <c r="IA351" s="42"/>
      <c r="IB351" s="42"/>
      <c r="IC351" s="42"/>
      <c r="ID351" s="42"/>
      <c r="IE351" s="42"/>
      <c r="IF351" s="42"/>
      <c r="IG351" s="42"/>
      <c r="IH351" s="42"/>
      <c r="II351" s="42"/>
      <c r="IJ351" s="42"/>
      <c r="IK351" s="42"/>
      <c r="IL351" s="42"/>
      <c r="IM351" s="42"/>
      <c r="IN351" s="42"/>
      <c r="IO351" s="42"/>
      <c r="IP351" s="42"/>
      <c r="IQ351" s="42"/>
      <c r="IR351" s="42"/>
      <c r="IS351" s="42"/>
      <c r="IT351" s="42"/>
      <c r="IU351" s="42"/>
      <c r="IV351" s="42"/>
      <c r="IW351" s="42"/>
      <c r="IX351" s="42"/>
    </row>
    <row r="352" spans="1:258" s="67" customFormat="1" ht="70.2" customHeight="1">
      <c r="A352" s="531"/>
      <c r="B352" s="532"/>
      <c r="C352" s="532"/>
      <c r="D352" s="532"/>
      <c r="E352" s="532"/>
      <c r="F352" s="532"/>
      <c r="G352" s="532"/>
      <c r="H352" s="532"/>
      <c r="I352" s="533"/>
      <c r="J352" s="629" t="s">
        <v>161</v>
      </c>
      <c r="K352" s="576"/>
      <c r="L352" s="111" t="s">
        <v>154</v>
      </c>
      <c r="M352" s="451"/>
      <c r="N352" s="610"/>
      <c r="O352" s="610"/>
      <c r="P352" s="611"/>
      <c r="Q352" s="134"/>
      <c r="R352" s="133"/>
      <c r="S352" s="39"/>
      <c r="T352" s="40"/>
      <c r="U352" s="41"/>
      <c r="V352" s="41"/>
      <c r="W352" s="41"/>
      <c r="X352" s="41"/>
      <c r="Y352" s="41"/>
      <c r="Z352" s="41"/>
      <c r="AA352" s="41"/>
      <c r="AB352" s="41"/>
      <c r="AC352" s="41"/>
      <c r="AD352" s="41"/>
      <c r="AE352" s="41"/>
      <c r="AF352" s="41"/>
      <c r="AG352" s="41"/>
      <c r="AH352" s="41"/>
      <c r="AI352" s="41"/>
      <c r="AJ352" s="41"/>
      <c r="AK352" s="41"/>
      <c r="AL352" s="41"/>
      <c r="AM352" s="41"/>
      <c r="AN352" s="41"/>
      <c r="AO352" s="41"/>
      <c r="AP352" s="41"/>
      <c r="AQ352" s="41"/>
      <c r="AR352" s="41"/>
      <c r="AS352" s="41"/>
      <c r="AT352" s="41"/>
      <c r="AU352" s="41"/>
      <c r="AV352" s="41"/>
      <c r="AW352" s="41"/>
      <c r="AX352" s="41"/>
      <c r="AY352" s="41"/>
      <c r="AZ352" s="41"/>
      <c r="BA352" s="41"/>
      <c r="BB352" s="41"/>
      <c r="BC352" s="41"/>
      <c r="BD352" s="41"/>
      <c r="BE352" s="42"/>
      <c r="BF352" s="42"/>
      <c r="BG352" s="42"/>
      <c r="BH352" s="42"/>
      <c r="BI352" s="42"/>
      <c r="BJ352" s="42"/>
      <c r="BK352" s="42"/>
      <c r="BL352" s="42"/>
      <c r="BM352" s="42"/>
      <c r="BN352" s="42"/>
      <c r="BO352" s="42"/>
      <c r="BP352" s="42"/>
      <c r="BQ352" s="42"/>
      <c r="BR352" s="42"/>
      <c r="BS352" s="42"/>
      <c r="BT352" s="42"/>
      <c r="BU352" s="42"/>
      <c r="BV352" s="42"/>
      <c r="BW352" s="42"/>
      <c r="BX352" s="42"/>
      <c r="BY352" s="42"/>
      <c r="BZ352" s="42"/>
      <c r="CA352" s="42"/>
      <c r="CB352" s="42"/>
      <c r="CC352" s="42"/>
      <c r="CD352" s="42"/>
      <c r="CE352" s="42"/>
      <c r="CF352" s="42"/>
      <c r="CG352" s="42"/>
      <c r="CH352" s="42"/>
      <c r="CI352" s="42"/>
      <c r="CJ352" s="42"/>
      <c r="CK352" s="42"/>
      <c r="CL352" s="42"/>
      <c r="CM352" s="42"/>
      <c r="CN352" s="42"/>
      <c r="CO352" s="42"/>
      <c r="CP352" s="42"/>
      <c r="CQ352" s="42"/>
      <c r="CR352" s="42"/>
      <c r="CS352" s="42"/>
      <c r="CT352" s="42"/>
      <c r="CU352" s="42"/>
      <c r="CV352" s="42"/>
      <c r="CW352" s="42"/>
      <c r="CX352" s="42"/>
      <c r="CY352" s="42"/>
      <c r="CZ352" s="42"/>
      <c r="DA352" s="42"/>
      <c r="DB352" s="42"/>
      <c r="DC352" s="42"/>
      <c r="DD352" s="42"/>
      <c r="DE352" s="42"/>
      <c r="DF352" s="42"/>
      <c r="DG352" s="42"/>
      <c r="DH352" s="42"/>
      <c r="DI352" s="42"/>
      <c r="DJ352" s="42"/>
      <c r="DK352" s="42"/>
      <c r="DL352" s="42"/>
      <c r="DM352" s="42"/>
      <c r="DN352" s="42"/>
      <c r="DO352" s="42"/>
      <c r="DP352" s="42"/>
      <c r="DQ352" s="42"/>
      <c r="DR352" s="42"/>
      <c r="DS352" s="42"/>
      <c r="DT352" s="42"/>
      <c r="DU352" s="42"/>
      <c r="DV352" s="42"/>
      <c r="DW352" s="42"/>
      <c r="DX352" s="42"/>
      <c r="DY352" s="42"/>
      <c r="DZ352" s="42"/>
      <c r="EA352" s="42"/>
      <c r="EB352" s="42"/>
      <c r="EC352" s="42"/>
      <c r="ED352" s="42"/>
      <c r="EE352" s="42"/>
      <c r="EF352" s="42"/>
      <c r="EG352" s="42"/>
      <c r="EH352" s="42"/>
      <c r="EI352" s="42"/>
      <c r="EJ352" s="42"/>
      <c r="EK352" s="42"/>
      <c r="EL352" s="42"/>
      <c r="EM352" s="42"/>
      <c r="EN352" s="42"/>
      <c r="EO352" s="42"/>
      <c r="EP352" s="42"/>
      <c r="EQ352" s="42"/>
      <c r="ER352" s="42"/>
      <c r="ES352" s="42"/>
      <c r="ET352" s="42"/>
      <c r="EU352" s="42"/>
      <c r="EV352" s="42"/>
      <c r="EW352" s="42"/>
      <c r="EX352" s="42"/>
      <c r="EY352" s="42"/>
      <c r="EZ352" s="42"/>
      <c r="FA352" s="42"/>
      <c r="FB352" s="42"/>
      <c r="FC352" s="42"/>
      <c r="FD352" s="42"/>
      <c r="FE352" s="42"/>
      <c r="FF352" s="42"/>
      <c r="FG352" s="42"/>
      <c r="FH352" s="42"/>
      <c r="FI352" s="42"/>
      <c r="FJ352" s="42"/>
      <c r="FK352" s="42"/>
      <c r="FL352" s="42"/>
      <c r="FM352" s="42"/>
      <c r="FN352" s="42"/>
      <c r="FO352" s="42"/>
      <c r="FP352" s="42"/>
      <c r="FQ352" s="42"/>
      <c r="FR352" s="42"/>
      <c r="FS352" s="42"/>
      <c r="FT352" s="42"/>
      <c r="FU352" s="42"/>
      <c r="FV352" s="42"/>
      <c r="FW352" s="42"/>
      <c r="FX352" s="42"/>
      <c r="FY352" s="42"/>
      <c r="FZ352" s="42"/>
      <c r="GA352" s="42"/>
      <c r="GB352" s="42"/>
      <c r="GC352" s="42"/>
      <c r="GD352" s="42"/>
      <c r="GE352" s="42"/>
      <c r="GF352" s="42"/>
      <c r="GG352" s="42"/>
      <c r="GH352" s="42"/>
      <c r="GI352" s="42"/>
      <c r="GJ352" s="42"/>
      <c r="GK352" s="42"/>
      <c r="GL352" s="42"/>
      <c r="GM352" s="42"/>
      <c r="GN352" s="42"/>
      <c r="GO352" s="42"/>
      <c r="GP352" s="42"/>
      <c r="GQ352" s="42"/>
      <c r="GR352" s="42"/>
      <c r="GS352" s="42"/>
      <c r="GT352" s="42"/>
      <c r="GU352" s="42"/>
      <c r="GV352" s="42"/>
      <c r="GW352" s="42"/>
      <c r="GX352" s="42"/>
      <c r="GY352" s="42"/>
      <c r="GZ352" s="42"/>
      <c r="HA352" s="42"/>
      <c r="HB352" s="42"/>
      <c r="HC352" s="42"/>
      <c r="HD352" s="42"/>
      <c r="HE352" s="42"/>
      <c r="HF352" s="42"/>
      <c r="HG352" s="42"/>
      <c r="HH352" s="42"/>
      <c r="HI352" s="42"/>
      <c r="HJ352" s="42"/>
      <c r="HK352" s="42"/>
      <c r="HL352" s="42"/>
      <c r="HM352" s="42"/>
      <c r="HN352" s="42"/>
      <c r="HO352" s="42"/>
      <c r="HP352" s="42"/>
      <c r="HQ352" s="42"/>
      <c r="HR352" s="42"/>
      <c r="HS352" s="42"/>
      <c r="HT352" s="42"/>
      <c r="HU352" s="42"/>
      <c r="HV352" s="42"/>
      <c r="HW352" s="42"/>
      <c r="HX352" s="42"/>
      <c r="HY352" s="42"/>
      <c r="HZ352" s="42"/>
      <c r="IA352" s="42"/>
      <c r="IB352" s="42"/>
      <c r="IC352" s="42"/>
      <c r="ID352" s="42"/>
      <c r="IE352" s="42"/>
      <c r="IF352" s="42"/>
      <c r="IG352" s="42"/>
      <c r="IH352" s="42"/>
      <c r="II352" s="42"/>
      <c r="IJ352" s="42"/>
      <c r="IK352" s="42"/>
      <c r="IL352" s="42"/>
      <c r="IM352" s="42"/>
      <c r="IN352" s="42"/>
      <c r="IO352" s="42"/>
      <c r="IP352" s="42"/>
      <c r="IQ352" s="42"/>
      <c r="IR352" s="42"/>
      <c r="IS352" s="42"/>
      <c r="IT352" s="42"/>
      <c r="IU352" s="42"/>
      <c r="IV352" s="42"/>
      <c r="IW352" s="42"/>
      <c r="IX352" s="42"/>
    </row>
    <row r="353" spans="1:258" s="64" customFormat="1" ht="69.900000000000006" customHeight="1">
      <c r="A353" s="600" t="s">
        <v>357</v>
      </c>
      <c r="B353" s="601"/>
      <c r="C353" s="601"/>
      <c r="D353" s="601"/>
      <c r="E353" s="601"/>
      <c r="F353" s="601"/>
      <c r="G353" s="601"/>
      <c r="H353" s="601"/>
      <c r="I353" s="601"/>
      <c r="J353" s="601"/>
      <c r="K353" s="601"/>
      <c r="L353" s="601"/>
      <c r="M353" s="601"/>
      <c r="N353" s="601"/>
      <c r="O353" s="601"/>
      <c r="P353" s="602"/>
      <c r="Q353" s="122"/>
      <c r="R353" s="138"/>
      <c r="S353" s="162"/>
    </row>
    <row r="354" spans="1:258" s="67" customFormat="1" ht="69" customHeight="1">
      <c r="A354" s="694" t="s">
        <v>358</v>
      </c>
      <c r="B354" s="695"/>
      <c r="C354" s="695"/>
      <c r="D354" s="695"/>
      <c r="E354" s="695"/>
      <c r="F354" s="695"/>
      <c r="G354" s="695"/>
      <c r="H354" s="695"/>
      <c r="I354" s="695"/>
      <c r="J354" s="695"/>
      <c r="K354" s="695"/>
      <c r="L354" s="695"/>
      <c r="M354" s="695"/>
      <c r="N354" s="695"/>
      <c r="O354" s="695"/>
      <c r="P354" s="696"/>
      <c r="Q354" s="139"/>
      <c r="R354" s="138"/>
      <c r="S354" s="78"/>
      <c r="T354" s="104"/>
      <c r="U354" s="77"/>
      <c r="V354" s="77"/>
      <c r="W354" s="77"/>
      <c r="X354" s="77"/>
      <c r="Y354" s="77"/>
      <c r="Z354" s="77"/>
      <c r="AA354" s="77"/>
      <c r="AB354" s="77"/>
      <c r="AC354" s="77"/>
      <c r="AD354" s="77"/>
      <c r="AE354" s="77"/>
      <c r="AF354" s="77"/>
      <c r="AG354" s="77"/>
      <c r="AH354" s="77"/>
      <c r="AI354" s="77"/>
      <c r="AJ354" s="77"/>
      <c r="AK354" s="77"/>
      <c r="AL354" s="77"/>
      <c r="AM354" s="77"/>
      <c r="AN354" s="77"/>
      <c r="AO354" s="77"/>
      <c r="AP354" s="77"/>
      <c r="AQ354" s="77"/>
      <c r="AR354" s="77"/>
      <c r="AS354" s="77"/>
      <c r="AT354" s="77"/>
      <c r="AU354" s="77"/>
      <c r="AV354" s="77"/>
      <c r="AW354" s="77"/>
      <c r="AX354" s="77"/>
      <c r="AY354" s="77"/>
      <c r="AZ354" s="77"/>
      <c r="BA354" s="77"/>
      <c r="BB354" s="77"/>
      <c r="BC354" s="77"/>
      <c r="BD354" s="77"/>
    </row>
    <row r="355" spans="1:258" s="64" customFormat="1" ht="69.900000000000006" customHeight="1">
      <c r="A355" s="468" t="s">
        <v>25</v>
      </c>
      <c r="B355" s="574"/>
      <c r="C355" s="574"/>
      <c r="D355" s="574"/>
      <c r="E355" s="574"/>
      <c r="F355" s="574"/>
      <c r="G355" s="574"/>
      <c r="H355" s="574"/>
      <c r="I355" s="574"/>
      <c r="J355" s="574"/>
      <c r="K355" s="574"/>
      <c r="L355" s="454"/>
      <c r="M355" s="574"/>
      <c r="N355" s="574"/>
      <c r="O355" s="574"/>
      <c r="P355" s="575"/>
      <c r="Q355" s="122"/>
      <c r="R355" s="138"/>
      <c r="S355" s="162"/>
    </row>
    <row r="356" spans="1:258" s="67" customFormat="1" ht="75" customHeight="1">
      <c r="A356" s="456"/>
      <c r="B356" s="457"/>
      <c r="C356" s="457"/>
      <c r="D356" s="457"/>
      <c r="E356" s="457"/>
      <c r="F356" s="457"/>
      <c r="G356" s="457"/>
      <c r="H356" s="457"/>
      <c r="I356" s="457"/>
      <c r="J356" s="457"/>
      <c r="K356" s="457"/>
      <c r="L356" s="458"/>
      <c r="M356" s="457"/>
      <c r="N356" s="457"/>
      <c r="O356" s="457"/>
      <c r="P356" s="459"/>
      <c r="Q356" s="139"/>
      <c r="R356" s="138"/>
      <c r="S356" s="141"/>
      <c r="T356" s="64"/>
    </row>
    <row r="357" spans="1:258" s="67" customFormat="1" ht="75" customHeight="1" thickBot="1">
      <c r="A357" s="460"/>
      <c r="B357" s="461"/>
      <c r="C357" s="461"/>
      <c r="D357" s="461"/>
      <c r="E357" s="461"/>
      <c r="F357" s="461"/>
      <c r="G357" s="461"/>
      <c r="H357" s="461"/>
      <c r="I357" s="461"/>
      <c r="J357" s="461"/>
      <c r="K357" s="461"/>
      <c r="L357" s="462"/>
      <c r="M357" s="461"/>
      <c r="N357" s="461"/>
      <c r="O357" s="461"/>
      <c r="P357" s="463"/>
      <c r="Q357" s="139"/>
      <c r="R357" s="138"/>
      <c r="S357" s="141"/>
      <c r="T357" s="64"/>
    </row>
    <row r="358" spans="1:258" s="64" customFormat="1" ht="69.900000000000006" customHeight="1" thickBot="1">
      <c r="A358" s="443" t="s">
        <v>359</v>
      </c>
      <c r="B358" s="475"/>
      <c r="C358" s="475"/>
      <c r="D358" s="475"/>
      <c r="E358" s="475"/>
      <c r="F358" s="475"/>
      <c r="G358" s="475"/>
      <c r="H358" s="475"/>
      <c r="I358" s="475"/>
      <c r="J358" s="475"/>
      <c r="K358" s="475"/>
      <c r="L358" s="445"/>
      <c r="M358" s="475"/>
      <c r="N358" s="475"/>
      <c r="O358" s="475"/>
      <c r="P358" s="476"/>
      <c r="Q358" s="139"/>
      <c r="R358" s="138"/>
      <c r="S358" s="78"/>
      <c r="T358" s="76"/>
      <c r="U358" s="76"/>
      <c r="V358" s="76"/>
      <c r="W358" s="76"/>
      <c r="X358" s="77"/>
      <c r="Y358" s="77"/>
      <c r="Z358" s="77"/>
      <c r="AA358" s="77"/>
      <c r="AB358" s="77"/>
      <c r="AC358" s="77"/>
      <c r="AD358" s="77"/>
      <c r="AE358" s="77"/>
      <c r="AF358" s="77"/>
      <c r="AG358" s="77"/>
      <c r="AH358" s="77"/>
      <c r="AI358" s="77"/>
      <c r="AJ358" s="77"/>
      <c r="AK358" s="77"/>
      <c r="AL358" s="77"/>
      <c r="AM358" s="77"/>
      <c r="AN358" s="76"/>
      <c r="AO358" s="76"/>
      <c r="AP358" s="76"/>
      <c r="AQ358" s="76"/>
      <c r="AR358" s="76"/>
      <c r="AS358" s="76"/>
      <c r="AT358" s="76"/>
      <c r="AU358" s="76"/>
      <c r="AV358" s="76"/>
      <c r="AW358" s="76"/>
      <c r="AX358" s="76"/>
      <c r="AY358" s="76"/>
      <c r="AZ358" s="76"/>
      <c r="BA358" s="76"/>
      <c r="BB358" s="76"/>
      <c r="BC358" s="76"/>
      <c r="BD358" s="76"/>
    </row>
    <row r="359" spans="1:258" s="67" customFormat="1" ht="140.1" customHeight="1" thickTop="1" thickBot="1">
      <c r="A359" s="477" t="s">
        <v>360</v>
      </c>
      <c r="B359" s="379"/>
      <c r="C359" s="379"/>
      <c r="D359" s="379"/>
      <c r="E359" s="379"/>
      <c r="F359" s="379"/>
      <c r="G359" s="379"/>
      <c r="H359" s="379"/>
      <c r="I359" s="379"/>
      <c r="J359" s="379"/>
      <c r="K359" s="379"/>
      <c r="L359" s="379"/>
      <c r="M359" s="379"/>
      <c r="N359" s="576"/>
      <c r="O359" s="75" t="s">
        <v>20</v>
      </c>
      <c r="P359" s="136" t="s">
        <v>21</v>
      </c>
      <c r="Q359" s="139"/>
      <c r="R359" s="138"/>
      <c r="S359" s="137"/>
      <c r="T359" s="76"/>
      <c r="U359" s="77"/>
      <c r="V359" s="77"/>
      <c r="W359" s="77"/>
      <c r="X359" s="77"/>
      <c r="Y359" s="77"/>
      <c r="Z359" s="77"/>
      <c r="AA359" s="77"/>
      <c r="AB359" s="77"/>
      <c r="AC359" s="77"/>
      <c r="AD359" s="77"/>
      <c r="AE359" s="77"/>
      <c r="AF359" s="77"/>
      <c r="AG359" s="77"/>
      <c r="AH359" s="77"/>
      <c r="AI359" s="77"/>
      <c r="AJ359" s="77"/>
      <c r="AK359" s="77"/>
      <c r="AL359" s="77"/>
      <c r="AM359" s="77"/>
      <c r="AN359" s="77"/>
      <c r="AO359" s="77"/>
      <c r="AP359" s="77"/>
      <c r="AQ359" s="77"/>
      <c r="AR359" s="77"/>
      <c r="AS359" s="77"/>
      <c r="AT359" s="77"/>
      <c r="AU359" s="77"/>
      <c r="AV359" s="77"/>
      <c r="AW359" s="77"/>
      <c r="AX359" s="77"/>
      <c r="AY359" s="77"/>
      <c r="AZ359" s="77"/>
      <c r="BA359" s="77"/>
      <c r="BB359" s="77"/>
      <c r="BC359" s="77"/>
      <c r="BD359" s="77"/>
    </row>
    <row r="360" spans="1:258" s="64" customFormat="1" ht="69.900000000000006" customHeight="1" thickTop="1">
      <c r="A360" s="468" t="s">
        <v>25</v>
      </c>
      <c r="B360" s="574"/>
      <c r="C360" s="574"/>
      <c r="D360" s="574"/>
      <c r="E360" s="574"/>
      <c r="F360" s="574"/>
      <c r="G360" s="574"/>
      <c r="H360" s="574"/>
      <c r="I360" s="574"/>
      <c r="J360" s="574"/>
      <c r="K360" s="574"/>
      <c r="L360" s="454"/>
      <c r="M360" s="574"/>
      <c r="N360" s="574"/>
      <c r="O360" s="574"/>
      <c r="P360" s="575"/>
      <c r="Q360" s="122"/>
      <c r="R360" s="138"/>
      <c r="S360" s="162"/>
    </row>
    <row r="361" spans="1:258" s="67" customFormat="1" ht="75" customHeight="1">
      <c r="A361" s="456"/>
      <c r="B361" s="457"/>
      <c r="C361" s="457"/>
      <c r="D361" s="457"/>
      <c r="E361" s="457"/>
      <c r="F361" s="457"/>
      <c r="G361" s="457"/>
      <c r="H361" s="457"/>
      <c r="I361" s="457"/>
      <c r="J361" s="457"/>
      <c r="K361" s="457"/>
      <c r="L361" s="458"/>
      <c r="M361" s="457"/>
      <c r="N361" s="457"/>
      <c r="O361" s="457"/>
      <c r="P361" s="459"/>
      <c r="Q361" s="139"/>
      <c r="R361" s="138"/>
      <c r="S361" s="141"/>
      <c r="T361" s="64"/>
    </row>
    <row r="362" spans="1:258" s="67" customFormat="1" ht="75" customHeight="1" thickBot="1">
      <c r="A362" s="471"/>
      <c r="B362" s="472"/>
      <c r="C362" s="472"/>
      <c r="D362" s="472"/>
      <c r="E362" s="472"/>
      <c r="F362" s="472"/>
      <c r="G362" s="472"/>
      <c r="H362" s="472"/>
      <c r="I362" s="472"/>
      <c r="J362" s="472"/>
      <c r="K362" s="472"/>
      <c r="L362" s="473"/>
      <c r="M362" s="472"/>
      <c r="N362" s="472"/>
      <c r="O362" s="472"/>
      <c r="P362" s="474"/>
      <c r="Q362" s="139"/>
      <c r="R362" s="138"/>
      <c r="S362" s="141"/>
      <c r="T362" s="64"/>
    </row>
    <row r="363" spans="1:258" s="64" customFormat="1" ht="69.900000000000006" customHeight="1" thickBot="1">
      <c r="A363" s="568" t="s">
        <v>361</v>
      </c>
      <c r="B363" s="445"/>
      <c r="C363" s="445"/>
      <c r="D363" s="445"/>
      <c r="E363" s="445"/>
      <c r="F363" s="445"/>
      <c r="G363" s="445"/>
      <c r="H363" s="445"/>
      <c r="I363" s="445"/>
      <c r="J363" s="445"/>
      <c r="K363" s="445"/>
      <c r="L363" s="445"/>
      <c r="M363" s="445"/>
      <c r="N363" s="445"/>
      <c r="O363" s="445"/>
      <c r="P363" s="569"/>
      <c r="Q363" s="139"/>
      <c r="R363" s="138"/>
      <c r="S363" s="209" t="s">
        <v>362</v>
      </c>
      <c r="T363" s="76"/>
      <c r="U363" s="76"/>
      <c r="V363" s="76"/>
      <c r="W363" s="76"/>
      <c r="X363" s="76"/>
      <c r="Y363" s="76"/>
      <c r="Z363" s="76"/>
      <c r="AA363" s="76"/>
      <c r="AB363" s="76"/>
      <c r="AC363" s="76"/>
      <c r="AD363" s="76"/>
      <c r="AE363" s="76"/>
      <c r="AF363" s="76"/>
      <c r="AG363" s="76"/>
      <c r="AH363" s="76"/>
      <c r="AI363" s="76"/>
      <c r="AJ363" s="76"/>
      <c r="AK363" s="76"/>
      <c r="AL363" s="76"/>
      <c r="AM363" s="76"/>
      <c r="AN363" s="76"/>
      <c r="AO363" s="76"/>
      <c r="AP363" s="76"/>
      <c r="AQ363" s="76"/>
      <c r="AR363" s="76"/>
      <c r="AS363" s="76"/>
      <c r="AT363" s="76"/>
      <c r="AU363" s="76"/>
      <c r="AV363" s="76"/>
      <c r="AW363" s="76"/>
      <c r="AX363" s="76"/>
      <c r="AY363" s="76"/>
      <c r="AZ363" s="76"/>
      <c r="BA363" s="76"/>
      <c r="BB363" s="76"/>
      <c r="BC363" s="76"/>
      <c r="BD363" s="76"/>
    </row>
    <row r="364" spans="1:258" s="67" customFormat="1" ht="140.1" customHeight="1" thickTop="1" thickBot="1">
      <c r="A364" s="579" t="s">
        <v>363</v>
      </c>
      <c r="B364" s="379"/>
      <c r="C364" s="379"/>
      <c r="D364" s="379"/>
      <c r="E364" s="379"/>
      <c r="F364" s="379"/>
      <c r="G364" s="379"/>
      <c r="H364" s="379"/>
      <c r="I364" s="379"/>
      <c r="J364" s="379"/>
      <c r="K364" s="379"/>
      <c r="L364" s="379"/>
      <c r="M364" s="379"/>
      <c r="N364" s="570"/>
      <c r="O364" s="71" t="s">
        <v>20</v>
      </c>
      <c r="P364" s="72" t="s">
        <v>21</v>
      </c>
      <c r="Q364" s="139"/>
      <c r="R364" s="138"/>
      <c r="S364" s="137"/>
      <c r="T364" s="193"/>
      <c r="U364" s="77"/>
      <c r="V364" s="77"/>
      <c r="W364" s="77"/>
      <c r="X364" s="76"/>
      <c r="Y364" s="76"/>
      <c r="Z364" s="76"/>
      <c r="AA364" s="76"/>
      <c r="AB364" s="76"/>
      <c r="AC364" s="76"/>
      <c r="AD364" s="76"/>
      <c r="AE364" s="76"/>
      <c r="AF364" s="76"/>
      <c r="AG364" s="76"/>
      <c r="AH364" s="76"/>
      <c r="AI364" s="76"/>
      <c r="AJ364" s="76"/>
      <c r="AK364" s="76"/>
      <c r="AL364" s="76"/>
      <c r="AM364" s="76"/>
      <c r="AN364" s="77"/>
      <c r="AO364" s="77"/>
      <c r="AP364" s="77"/>
      <c r="AQ364" s="77"/>
      <c r="AR364" s="77"/>
      <c r="AS364" s="77"/>
      <c r="AT364" s="77"/>
      <c r="AU364" s="77"/>
      <c r="AV364" s="77"/>
      <c r="AW364" s="77"/>
      <c r="AX364" s="77"/>
      <c r="AY364" s="77"/>
      <c r="AZ364" s="77"/>
      <c r="BA364" s="77"/>
      <c r="BB364" s="77"/>
      <c r="BC364" s="77"/>
      <c r="BD364" s="77"/>
    </row>
    <row r="365" spans="1:258" s="64" customFormat="1" ht="69.900000000000006" customHeight="1" thickTop="1">
      <c r="A365" s="503" t="s">
        <v>52</v>
      </c>
      <c r="B365" s="577"/>
      <c r="C365" s="577"/>
      <c r="D365" s="577"/>
      <c r="E365" s="577"/>
      <c r="F365" s="577"/>
      <c r="G365" s="577"/>
      <c r="H365" s="577"/>
      <c r="I365" s="577"/>
      <c r="J365" s="577"/>
      <c r="K365" s="577"/>
      <c r="L365" s="505"/>
      <c r="M365" s="577"/>
      <c r="N365" s="577"/>
      <c r="O365" s="577"/>
      <c r="P365" s="578"/>
      <c r="Q365" s="122"/>
      <c r="R365" s="138"/>
      <c r="S365" s="162"/>
    </row>
    <row r="366" spans="1:258" s="64" customFormat="1" ht="69.900000000000006" customHeight="1">
      <c r="A366" s="507" t="s">
        <v>168</v>
      </c>
      <c r="B366" s="508"/>
      <c r="C366" s="508"/>
      <c r="D366" s="508"/>
      <c r="E366" s="508"/>
      <c r="F366" s="508"/>
      <c r="G366" s="508"/>
      <c r="H366" s="508"/>
      <c r="I366" s="508"/>
      <c r="J366" s="508"/>
      <c r="K366" s="508"/>
      <c r="L366" s="508"/>
      <c r="M366" s="508"/>
      <c r="N366" s="508"/>
      <c r="O366" s="508"/>
      <c r="P366" s="509"/>
      <c r="Q366" s="161"/>
      <c r="R366" s="133"/>
      <c r="S366" s="162"/>
      <c r="T366" s="52"/>
      <c r="U366" s="52"/>
      <c r="V366" s="52"/>
      <c r="W366" s="52"/>
      <c r="X366" s="52"/>
      <c r="Y366" s="52"/>
      <c r="Z366" s="52"/>
      <c r="AA366" s="52"/>
      <c r="AB366" s="52"/>
      <c r="AC366" s="52"/>
      <c r="AD366" s="52"/>
      <c r="AE366" s="52"/>
      <c r="AF366" s="52"/>
      <c r="AG366" s="52"/>
      <c r="AH366" s="52"/>
      <c r="AI366" s="52"/>
      <c r="AJ366" s="52"/>
      <c r="AK366" s="52"/>
      <c r="AL366" s="52"/>
      <c r="AM366" s="52"/>
      <c r="AN366" s="52"/>
      <c r="AO366" s="52"/>
      <c r="AP366" s="52"/>
      <c r="AQ366" s="52"/>
      <c r="AR366" s="52"/>
      <c r="AS366" s="52"/>
      <c r="AT366" s="52"/>
      <c r="AU366" s="52"/>
      <c r="AV366" s="52"/>
      <c r="AW366" s="52"/>
      <c r="AX366" s="52"/>
      <c r="AY366" s="52"/>
      <c r="AZ366" s="52"/>
      <c r="BA366" s="52"/>
      <c r="BB366" s="52"/>
      <c r="BC366" s="52"/>
      <c r="BD366" s="52"/>
      <c r="BE366" s="52"/>
      <c r="BF366" s="52"/>
      <c r="BG366" s="52"/>
      <c r="BH366" s="52"/>
      <c r="BI366" s="52"/>
      <c r="BJ366" s="52"/>
      <c r="BK366" s="52"/>
      <c r="BL366" s="52"/>
      <c r="BM366" s="52"/>
      <c r="BN366" s="52"/>
      <c r="BO366" s="52"/>
      <c r="BP366" s="52"/>
      <c r="BQ366" s="52"/>
      <c r="BR366" s="52"/>
      <c r="BS366" s="52"/>
      <c r="BT366" s="52"/>
      <c r="BU366" s="52"/>
      <c r="BV366" s="52"/>
      <c r="BW366" s="52"/>
      <c r="BX366" s="52"/>
      <c r="BY366" s="52"/>
      <c r="BZ366" s="52"/>
      <c r="CA366" s="52"/>
      <c r="CB366" s="52"/>
      <c r="CC366" s="52"/>
      <c r="CD366" s="52"/>
      <c r="CE366" s="52"/>
      <c r="CF366" s="52"/>
      <c r="CG366" s="52"/>
      <c r="CH366" s="52"/>
      <c r="CI366" s="52"/>
      <c r="CJ366" s="52"/>
      <c r="CK366" s="52"/>
      <c r="CL366" s="52"/>
      <c r="CM366" s="52"/>
      <c r="CN366" s="52"/>
      <c r="CO366" s="52"/>
      <c r="CP366" s="52"/>
      <c r="CQ366" s="52"/>
      <c r="CR366" s="52"/>
      <c r="CS366" s="52"/>
      <c r="CT366" s="52"/>
      <c r="CU366" s="52"/>
      <c r="CV366" s="52"/>
      <c r="CW366" s="52"/>
      <c r="CX366" s="52"/>
      <c r="CY366" s="52"/>
      <c r="CZ366" s="52"/>
      <c r="DA366" s="52"/>
      <c r="DB366" s="52"/>
      <c r="DC366" s="52"/>
      <c r="DD366" s="52"/>
      <c r="DE366" s="52"/>
      <c r="DF366" s="52"/>
      <c r="DG366" s="52"/>
      <c r="DH366" s="52"/>
      <c r="DI366" s="52"/>
      <c r="DJ366" s="52"/>
      <c r="DK366" s="52"/>
      <c r="DL366" s="52"/>
      <c r="DM366" s="52"/>
      <c r="DN366" s="52"/>
      <c r="DO366" s="52"/>
      <c r="DP366" s="52"/>
      <c r="DQ366" s="52"/>
      <c r="DR366" s="52"/>
      <c r="DS366" s="52"/>
      <c r="DT366" s="52"/>
      <c r="DU366" s="52"/>
      <c r="DV366" s="52"/>
      <c r="DW366" s="52"/>
      <c r="DX366" s="52"/>
      <c r="DY366" s="52"/>
      <c r="DZ366" s="52"/>
      <c r="EA366" s="52"/>
      <c r="EB366" s="52"/>
      <c r="EC366" s="52"/>
      <c r="ED366" s="52"/>
      <c r="EE366" s="52"/>
      <c r="EF366" s="52"/>
      <c r="EG366" s="52"/>
      <c r="EH366" s="52"/>
      <c r="EI366" s="52"/>
      <c r="EJ366" s="52"/>
      <c r="EK366" s="52"/>
      <c r="EL366" s="52"/>
      <c r="EM366" s="52"/>
      <c r="EN366" s="52"/>
      <c r="EO366" s="52"/>
      <c r="EP366" s="52"/>
      <c r="EQ366" s="52"/>
      <c r="ER366" s="52"/>
      <c r="ES366" s="52"/>
      <c r="ET366" s="52"/>
      <c r="EU366" s="52"/>
      <c r="EV366" s="52"/>
      <c r="EW366" s="52"/>
      <c r="EX366" s="52"/>
      <c r="EY366" s="52"/>
      <c r="EZ366" s="52"/>
      <c r="FA366" s="52"/>
      <c r="FB366" s="52"/>
      <c r="FC366" s="52"/>
      <c r="FD366" s="52"/>
      <c r="FE366" s="52"/>
      <c r="FF366" s="52"/>
      <c r="FG366" s="52"/>
      <c r="FH366" s="52"/>
      <c r="FI366" s="52"/>
      <c r="FJ366" s="52"/>
      <c r="FK366" s="52"/>
      <c r="FL366" s="52"/>
      <c r="FM366" s="52"/>
      <c r="FN366" s="52"/>
      <c r="FO366" s="52"/>
      <c r="FP366" s="52"/>
      <c r="FQ366" s="52"/>
      <c r="FR366" s="52"/>
      <c r="FS366" s="52"/>
      <c r="FT366" s="52"/>
      <c r="FU366" s="52"/>
      <c r="FV366" s="52"/>
      <c r="FW366" s="52"/>
      <c r="FX366" s="52"/>
      <c r="FY366" s="52"/>
      <c r="FZ366" s="52"/>
      <c r="GA366" s="52"/>
      <c r="GB366" s="52"/>
      <c r="GC366" s="52"/>
      <c r="GD366" s="52"/>
      <c r="GE366" s="52"/>
      <c r="GF366" s="52"/>
      <c r="GG366" s="52"/>
      <c r="GH366" s="52"/>
      <c r="GI366" s="52"/>
      <c r="GJ366" s="52"/>
      <c r="GK366" s="52"/>
      <c r="GL366" s="52"/>
      <c r="GM366" s="52"/>
      <c r="GN366" s="52"/>
      <c r="GO366" s="52"/>
      <c r="GP366" s="52"/>
      <c r="GQ366" s="52"/>
      <c r="GR366" s="52"/>
      <c r="GS366" s="52"/>
      <c r="GT366" s="52"/>
      <c r="GU366" s="52"/>
      <c r="GV366" s="52"/>
      <c r="GW366" s="52"/>
      <c r="GX366" s="52"/>
      <c r="GY366" s="52"/>
      <c r="GZ366" s="52"/>
      <c r="HA366" s="52"/>
      <c r="HB366" s="52"/>
      <c r="HC366" s="52"/>
      <c r="HD366" s="52"/>
      <c r="HE366" s="52"/>
      <c r="HF366" s="52"/>
      <c r="HG366" s="52"/>
      <c r="HH366" s="52"/>
      <c r="HI366" s="52"/>
      <c r="HJ366" s="52"/>
      <c r="HK366" s="52"/>
      <c r="HL366" s="52"/>
      <c r="HM366" s="52"/>
      <c r="HN366" s="52"/>
      <c r="HO366" s="52"/>
      <c r="HP366" s="52"/>
      <c r="HQ366" s="52"/>
      <c r="HR366" s="52"/>
      <c r="HS366" s="52"/>
      <c r="HT366" s="52"/>
      <c r="HU366" s="52"/>
      <c r="HV366" s="52"/>
      <c r="HW366" s="52"/>
      <c r="HX366" s="52"/>
      <c r="HY366" s="52"/>
      <c r="HZ366" s="52"/>
      <c r="IA366" s="52"/>
      <c r="IB366" s="52"/>
      <c r="IC366" s="52"/>
      <c r="ID366" s="52"/>
      <c r="IE366" s="52"/>
      <c r="IF366" s="52"/>
      <c r="IG366" s="52"/>
      <c r="IH366" s="52"/>
      <c r="II366" s="52"/>
      <c r="IJ366" s="52"/>
      <c r="IK366" s="52"/>
      <c r="IL366" s="52"/>
      <c r="IM366" s="52"/>
      <c r="IN366" s="52"/>
      <c r="IO366" s="52"/>
      <c r="IP366" s="52"/>
      <c r="IQ366" s="52"/>
      <c r="IR366" s="52"/>
      <c r="IS366" s="52"/>
      <c r="IT366" s="52"/>
      <c r="IU366" s="52"/>
      <c r="IV366" s="52"/>
      <c r="IW366" s="52"/>
      <c r="IX366" s="52"/>
    </row>
    <row r="367" spans="1:258" s="67" customFormat="1" ht="69.599999999999994" customHeight="1">
      <c r="A367" s="697" t="s">
        <v>364</v>
      </c>
      <c r="B367" s="406"/>
      <c r="C367" s="406"/>
      <c r="D367" s="406"/>
      <c r="E367" s="406"/>
      <c r="F367" s="406"/>
      <c r="G367" s="406"/>
      <c r="H367" s="406"/>
      <c r="I367" s="406"/>
      <c r="J367" s="406"/>
      <c r="K367" s="406"/>
      <c r="L367" s="406"/>
      <c r="M367" s="406"/>
      <c r="N367" s="406"/>
      <c r="O367" s="406"/>
      <c r="P367" s="407"/>
      <c r="Q367" s="139"/>
      <c r="R367" s="138"/>
      <c r="S367" s="78"/>
      <c r="T367" s="193"/>
      <c r="U367" s="77"/>
      <c r="V367" s="77"/>
      <c r="W367" s="77"/>
      <c r="X367" s="77"/>
      <c r="Y367" s="77"/>
      <c r="Z367" s="77"/>
      <c r="AA367" s="77"/>
      <c r="AB367" s="77"/>
      <c r="AC367" s="77"/>
      <c r="AD367" s="77"/>
      <c r="AE367" s="77"/>
      <c r="AF367" s="77"/>
      <c r="AG367" s="77"/>
      <c r="AH367" s="77"/>
      <c r="AI367" s="77"/>
      <c r="AJ367" s="77"/>
      <c r="AK367" s="77"/>
      <c r="AL367" s="77"/>
      <c r="AM367" s="77"/>
      <c r="AN367" s="77"/>
      <c r="AO367" s="77"/>
      <c r="AP367" s="77"/>
      <c r="AQ367" s="77"/>
      <c r="AR367" s="77"/>
      <c r="AS367" s="77"/>
      <c r="AT367" s="77"/>
      <c r="AU367" s="77"/>
      <c r="AV367" s="77"/>
      <c r="AW367" s="77"/>
      <c r="AX367" s="77"/>
      <c r="AY367" s="77"/>
      <c r="AZ367" s="77"/>
      <c r="BA367" s="77"/>
      <c r="BB367" s="77"/>
      <c r="BC367" s="77"/>
      <c r="BD367" s="77"/>
    </row>
    <row r="368" spans="1:258" s="67" customFormat="1" ht="69.599999999999994" customHeight="1">
      <c r="A368" s="556" t="s">
        <v>85</v>
      </c>
      <c r="B368" s="557"/>
      <c r="C368" s="557"/>
      <c r="D368" s="557"/>
      <c r="E368" s="557"/>
      <c r="F368" s="557"/>
      <c r="G368" s="557"/>
      <c r="H368" s="557"/>
      <c r="I368" s="557"/>
      <c r="J368" s="557"/>
      <c r="K368" s="557"/>
      <c r="L368" s="557"/>
      <c r="M368" s="557"/>
      <c r="N368" s="557"/>
      <c r="O368" s="557"/>
      <c r="P368" s="558"/>
      <c r="Q368" s="139"/>
      <c r="R368" s="138"/>
      <c r="S368" s="78"/>
      <c r="T368" s="76"/>
      <c r="U368" s="77"/>
      <c r="V368" s="77"/>
      <c r="W368" s="77"/>
      <c r="X368" s="77"/>
      <c r="Y368" s="77"/>
      <c r="Z368" s="77"/>
      <c r="AA368" s="77"/>
      <c r="AB368" s="77"/>
      <c r="AC368" s="77"/>
      <c r="AD368" s="77"/>
      <c r="AE368" s="77"/>
      <c r="AF368" s="77"/>
      <c r="AG368" s="77"/>
      <c r="AH368" s="77"/>
      <c r="AI368" s="77"/>
      <c r="AJ368" s="77"/>
      <c r="AK368" s="77"/>
      <c r="AL368" s="77"/>
      <c r="AM368" s="77"/>
      <c r="AN368" s="77"/>
      <c r="AO368" s="77"/>
      <c r="AP368" s="77"/>
      <c r="AQ368" s="77"/>
      <c r="AR368" s="77"/>
      <c r="AS368" s="77"/>
      <c r="AT368" s="77"/>
      <c r="AU368" s="77"/>
      <c r="AV368" s="77"/>
      <c r="AW368" s="77"/>
      <c r="AX368" s="77"/>
      <c r="AY368" s="77"/>
      <c r="AZ368" s="77"/>
      <c r="BA368" s="77"/>
      <c r="BB368" s="77"/>
      <c r="BC368" s="77"/>
      <c r="BD368" s="77"/>
    </row>
    <row r="369" spans="1:56" s="52" customFormat="1" ht="69.900000000000006" customHeight="1">
      <c r="A369" s="600" t="s">
        <v>170</v>
      </c>
      <c r="B369" s="601"/>
      <c r="C369" s="601"/>
      <c r="D369" s="601"/>
      <c r="E369" s="601"/>
      <c r="F369" s="601"/>
      <c r="G369" s="601"/>
      <c r="H369" s="601"/>
      <c r="I369" s="601"/>
      <c r="J369" s="601"/>
      <c r="K369" s="601"/>
      <c r="L369" s="601"/>
      <c r="M369" s="601"/>
      <c r="N369" s="601"/>
      <c r="O369" s="601"/>
      <c r="P369" s="602"/>
      <c r="Q369" s="161"/>
      <c r="R369" s="133"/>
      <c r="S369" s="162"/>
    </row>
    <row r="370" spans="1:56" s="67" customFormat="1" ht="69.599999999999994" customHeight="1">
      <c r="A370" s="553" t="s">
        <v>171</v>
      </c>
      <c r="B370" s="554"/>
      <c r="C370" s="554"/>
      <c r="D370" s="554"/>
      <c r="E370" s="554"/>
      <c r="F370" s="554"/>
      <c r="G370" s="554"/>
      <c r="H370" s="554"/>
      <c r="I370" s="554"/>
      <c r="J370" s="554"/>
      <c r="K370" s="554"/>
      <c r="L370" s="554"/>
      <c r="M370" s="554"/>
      <c r="N370" s="554"/>
      <c r="O370" s="554"/>
      <c r="P370" s="555"/>
      <c r="Q370" s="139"/>
      <c r="R370" s="138"/>
      <c r="S370" s="78"/>
      <c r="T370" s="76"/>
      <c r="U370" s="77"/>
      <c r="V370" s="77"/>
      <c r="W370" s="77"/>
      <c r="X370" s="77"/>
      <c r="Y370" s="77"/>
      <c r="Z370" s="77"/>
      <c r="AA370" s="77"/>
      <c r="AB370" s="77"/>
      <c r="AC370" s="77"/>
      <c r="AD370" s="77"/>
      <c r="AE370" s="77"/>
      <c r="AF370" s="77"/>
      <c r="AG370" s="77"/>
      <c r="AH370" s="77"/>
      <c r="AI370" s="77"/>
      <c r="AJ370" s="77"/>
      <c r="AK370" s="77"/>
      <c r="AL370" s="77"/>
      <c r="AM370" s="77"/>
      <c r="AN370" s="77"/>
      <c r="AO370" s="77"/>
      <c r="AP370" s="77"/>
      <c r="AQ370" s="77"/>
      <c r="AR370" s="77"/>
      <c r="AS370" s="77"/>
      <c r="AT370" s="77"/>
      <c r="AU370" s="77"/>
      <c r="AV370" s="77"/>
      <c r="AW370" s="77"/>
      <c r="AX370" s="77"/>
      <c r="AY370" s="77"/>
      <c r="AZ370" s="77"/>
      <c r="BA370" s="77"/>
      <c r="BB370" s="77"/>
      <c r="BC370" s="77"/>
      <c r="BD370" s="77"/>
    </row>
    <row r="371" spans="1:56" s="67" customFormat="1" ht="69.599999999999994" customHeight="1" thickBot="1">
      <c r="A371" s="642" t="s">
        <v>85</v>
      </c>
      <c r="B371" s="643"/>
      <c r="C371" s="643"/>
      <c r="D371" s="643"/>
      <c r="E371" s="643"/>
      <c r="F371" s="643"/>
      <c r="G371" s="643"/>
      <c r="H371" s="643"/>
      <c r="I371" s="643"/>
      <c r="J371" s="643"/>
      <c r="K371" s="643"/>
      <c r="L371" s="643"/>
      <c r="M371" s="643"/>
      <c r="N371" s="643"/>
      <c r="O371" s="643"/>
      <c r="P371" s="644"/>
      <c r="Q371" s="139"/>
      <c r="R371" s="138"/>
      <c r="S371" s="78"/>
      <c r="T371" s="76"/>
      <c r="U371" s="77"/>
      <c r="V371" s="77"/>
      <c r="W371" s="77"/>
      <c r="X371" s="77"/>
      <c r="Y371" s="77"/>
      <c r="Z371" s="77"/>
      <c r="AA371" s="77"/>
      <c r="AB371" s="77"/>
      <c r="AC371" s="77"/>
      <c r="AD371" s="77"/>
      <c r="AE371" s="77"/>
      <c r="AF371" s="77"/>
      <c r="AG371" s="77"/>
      <c r="AH371" s="77"/>
      <c r="AI371" s="77"/>
      <c r="AJ371" s="77"/>
      <c r="AK371" s="77"/>
      <c r="AL371" s="77"/>
      <c r="AM371" s="77"/>
      <c r="AN371" s="77"/>
      <c r="AO371" s="77"/>
      <c r="AP371" s="77"/>
      <c r="AQ371" s="77"/>
      <c r="AR371" s="77"/>
      <c r="AS371" s="77"/>
      <c r="AT371" s="77"/>
      <c r="AU371" s="77"/>
      <c r="AV371" s="77"/>
      <c r="AW371" s="77"/>
      <c r="AX371" s="77"/>
      <c r="AY371" s="77"/>
      <c r="AZ371" s="77"/>
      <c r="BA371" s="77"/>
      <c r="BB371" s="77"/>
      <c r="BC371" s="77"/>
      <c r="BD371" s="77"/>
    </row>
    <row r="372" spans="1:56" s="67" customFormat="1" ht="201.6" customHeight="1" thickTop="1" thickBot="1">
      <c r="A372" s="447" t="s">
        <v>365</v>
      </c>
      <c r="B372" s="352"/>
      <c r="C372" s="352"/>
      <c r="D372" s="352"/>
      <c r="E372" s="352"/>
      <c r="F372" s="352"/>
      <c r="G372" s="352"/>
      <c r="H372" s="352"/>
      <c r="I372" s="352"/>
      <c r="J372" s="352"/>
      <c r="K372" s="352"/>
      <c r="L372" s="352"/>
      <c r="M372" s="352"/>
      <c r="N372" s="689"/>
      <c r="O372" s="68" t="s">
        <v>20</v>
      </c>
      <c r="P372" s="69" t="s">
        <v>21</v>
      </c>
      <c r="Q372" s="139"/>
      <c r="R372" s="138"/>
      <c r="S372" s="137"/>
      <c r="T372" s="76"/>
      <c r="U372" s="77"/>
      <c r="V372" s="77"/>
      <c r="W372" s="77"/>
      <c r="X372" s="77"/>
      <c r="Y372" s="77"/>
      <c r="Z372" s="77"/>
      <c r="AA372" s="77"/>
      <c r="AB372" s="77"/>
      <c r="AC372" s="77"/>
      <c r="AD372" s="77"/>
      <c r="AE372" s="77"/>
      <c r="AF372" s="77"/>
      <c r="AG372" s="77"/>
      <c r="AH372" s="77"/>
      <c r="AI372" s="77"/>
      <c r="AJ372" s="77"/>
      <c r="AK372" s="77"/>
      <c r="AL372" s="77"/>
      <c r="AM372" s="77"/>
      <c r="AN372" s="77"/>
      <c r="AO372" s="77"/>
      <c r="AP372" s="77"/>
      <c r="AQ372" s="77"/>
      <c r="AR372" s="77"/>
      <c r="AS372" s="77"/>
      <c r="AT372" s="77"/>
      <c r="AU372" s="77"/>
      <c r="AV372" s="77"/>
      <c r="AW372" s="77"/>
      <c r="AX372" s="77"/>
      <c r="AY372" s="77"/>
      <c r="AZ372" s="77"/>
      <c r="BA372" s="77"/>
      <c r="BB372" s="77"/>
      <c r="BC372" s="77"/>
      <c r="BD372" s="77"/>
    </row>
    <row r="373" spans="1:56" s="64" customFormat="1" ht="69.900000000000006" customHeight="1" thickTop="1">
      <c r="A373" s="468" t="s">
        <v>25</v>
      </c>
      <c r="B373" s="574"/>
      <c r="C373" s="574"/>
      <c r="D373" s="574"/>
      <c r="E373" s="574"/>
      <c r="F373" s="574"/>
      <c r="G373" s="574"/>
      <c r="H373" s="574"/>
      <c r="I373" s="574"/>
      <c r="J373" s="574"/>
      <c r="K373" s="574"/>
      <c r="L373" s="454"/>
      <c r="M373" s="574"/>
      <c r="N373" s="574"/>
      <c r="O373" s="574"/>
      <c r="P373" s="575"/>
      <c r="Q373" s="122"/>
      <c r="R373" s="138"/>
      <c r="S373" s="162"/>
    </row>
    <row r="374" spans="1:56" s="67" customFormat="1" ht="75" customHeight="1">
      <c r="A374" s="456"/>
      <c r="B374" s="457"/>
      <c r="C374" s="457"/>
      <c r="D374" s="457"/>
      <c r="E374" s="457"/>
      <c r="F374" s="457"/>
      <c r="G374" s="457"/>
      <c r="H374" s="457"/>
      <c r="I374" s="457"/>
      <c r="J374" s="457"/>
      <c r="K374" s="457"/>
      <c r="L374" s="458"/>
      <c r="M374" s="457"/>
      <c r="N374" s="457"/>
      <c r="O374" s="457"/>
      <c r="P374" s="459"/>
      <c r="Q374" s="139"/>
      <c r="R374" s="138"/>
      <c r="S374" s="141"/>
      <c r="T374" s="64"/>
    </row>
    <row r="375" spans="1:56" s="67" customFormat="1" ht="75" customHeight="1" thickBot="1">
      <c r="A375" s="460"/>
      <c r="B375" s="461"/>
      <c r="C375" s="461"/>
      <c r="D375" s="461"/>
      <c r="E375" s="461"/>
      <c r="F375" s="461"/>
      <c r="G375" s="461"/>
      <c r="H375" s="461"/>
      <c r="I375" s="461"/>
      <c r="J375" s="461"/>
      <c r="K375" s="461"/>
      <c r="L375" s="462"/>
      <c r="M375" s="461"/>
      <c r="N375" s="461"/>
      <c r="O375" s="461"/>
      <c r="P375" s="463"/>
      <c r="Q375" s="139"/>
      <c r="R375" s="138"/>
      <c r="S375" s="141"/>
      <c r="T375" s="64"/>
    </row>
    <row r="376" spans="1:56" s="64" customFormat="1" ht="69.900000000000006" customHeight="1" thickBot="1">
      <c r="A376" s="568" t="s">
        <v>366</v>
      </c>
      <c r="B376" s="445"/>
      <c r="C376" s="445"/>
      <c r="D376" s="445"/>
      <c r="E376" s="445"/>
      <c r="F376" s="445"/>
      <c r="G376" s="445"/>
      <c r="H376" s="445"/>
      <c r="I376" s="445"/>
      <c r="J376" s="445"/>
      <c r="K376" s="445"/>
      <c r="L376" s="445"/>
      <c r="M376" s="445"/>
      <c r="N376" s="445"/>
      <c r="O376" s="445"/>
      <c r="P376" s="569"/>
      <c r="Q376" s="139"/>
      <c r="R376" s="138"/>
      <c r="S376" s="78"/>
      <c r="T376" s="76"/>
      <c r="U376" s="76"/>
      <c r="V376" s="76"/>
      <c r="W376" s="76"/>
      <c r="X376" s="77"/>
      <c r="Y376" s="77"/>
      <c r="Z376" s="77"/>
      <c r="AA376" s="77"/>
      <c r="AB376" s="77"/>
      <c r="AC376" s="77"/>
      <c r="AD376" s="77"/>
      <c r="AE376" s="77"/>
      <c r="AF376" s="77"/>
      <c r="AG376" s="77"/>
      <c r="AH376" s="77"/>
      <c r="AI376" s="77"/>
      <c r="AJ376" s="77"/>
      <c r="AK376" s="77"/>
      <c r="AL376" s="77"/>
      <c r="AM376" s="77"/>
      <c r="AN376" s="76"/>
      <c r="AO376" s="76"/>
      <c r="AP376" s="76"/>
      <c r="AQ376" s="76"/>
      <c r="AR376" s="76"/>
      <c r="AS376" s="76"/>
      <c r="AT376" s="76"/>
      <c r="AU376" s="76"/>
      <c r="AV376" s="76"/>
      <c r="AW376" s="76"/>
      <c r="AX376" s="76"/>
      <c r="AY376" s="76"/>
      <c r="AZ376" s="76"/>
      <c r="BA376" s="76"/>
      <c r="BB376" s="76"/>
      <c r="BC376" s="76"/>
      <c r="BD376" s="76"/>
    </row>
    <row r="377" spans="1:56" s="67" customFormat="1" ht="132" customHeight="1" thickTop="1" thickBot="1">
      <c r="A377" s="485" t="s">
        <v>367</v>
      </c>
      <c r="B377" s="598"/>
      <c r="C377" s="598"/>
      <c r="D377" s="598"/>
      <c r="E377" s="598"/>
      <c r="F377" s="598"/>
      <c r="G377" s="598"/>
      <c r="H377" s="598"/>
      <c r="I377" s="598"/>
      <c r="J377" s="598"/>
      <c r="K377" s="598"/>
      <c r="L377" s="352"/>
      <c r="M377" s="598"/>
      <c r="N377" s="638"/>
      <c r="O377" s="68" t="s">
        <v>20</v>
      </c>
      <c r="P377" s="69" t="s">
        <v>21</v>
      </c>
      <c r="Q377" s="139"/>
      <c r="R377" s="138"/>
      <c r="S377" s="137"/>
      <c r="T377" s="76"/>
      <c r="U377" s="77"/>
      <c r="V377" s="77"/>
      <c r="W377" s="77"/>
      <c r="X377" s="76"/>
      <c r="Y377" s="76"/>
      <c r="Z377" s="76"/>
      <c r="AA377" s="76"/>
      <c r="AB377" s="76"/>
      <c r="AC377" s="76"/>
      <c r="AD377" s="76"/>
      <c r="AE377" s="76"/>
      <c r="AF377" s="76"/>
      <c r="AG377" s="76"/>
      <c r="AH377" s="76"/>
      <c r="AI377" s="76"/>
      <c r="AJ377" s="76"/>
      <c r="AK377" s="76"/>
      <c r="AL377" s="76"/>
      <c r="AM377" s="76"/>
      <c r="AN377" s="77"/>
      <c r="AO377" s="77"/>
      <c r="AP377" s="77"/>
      <c r="AQ377" s="77"/>
      <c r="AR377" s="77"/>
      <c r="AS377" s="77"/>
      <c r="AT377" s="77"/>
      <c r="AU377" s="77"/>
      <c r="AV377" s="77"/>
      <c r="AW377" s="77"/>
      <c r="AX377" s="77"/>
      <c r="AY377" s="77"/>
      <c r="AZ377" s="77"/>
      <c r="BA377" s="77"/>
      <c r="BB377" s="77"/>
      <c r="BC377" s="77"/>
      <c r="BD377" s="77"/>
    </row>
    <row r="378" spans="1:56" s="67" customFormat="1" ht="132" customHeight="1" thickTop="1" thickBot="1">
      <c r="A378" s="467" t="s">
        <v>368</v>
      </c>
      <c r="B378" s="610"/>
      <c r="C378" s="610"/>
      <c r="D378" s="610"/>
      <c r="E378" s="610"/>
      <c r="F378" s="610"/>
      <c r="G378" s="610"/>
      <c r="H378" s="610"/>
      <c r="I378" s="610"/>
      <c r="J378" s="610"/>
      <c r="K378" s="610"/>
      <c r="L378" s="349"/>
      <c r="M378" s="610"/>
      <c r="N378" s="661"/>
      <c r="O378" s="75" t="s">
        <v>20</v>
      </c>
      <c r="P378" s="136" t="s">
        <v>21</v>
      </c>
      <c r="Q378" s="139"/>
      <c r="R378" s="138"/>
      <c r="S378" s="137"/>
      <c r="T378" s="76"/>
      <c r="U378" s="77"/>
      <c r="V378" s="77"/>
      <c r="W378" s="77"/>
      <c r="X378" s="76"/>
      <c r="Y378" s="76"/>
      <c r="Z378" s="76"/>
      <c r="AA378" s="76"/>
      <c r="AB378" s="76"/>
      <c r="AC378" s="76"/>
      <c r="AD378" s="76"/>
      <c r="AE378" s="76"/>
      <c r="AF378" s="76"/>
      <c r="AG378" s="76"/>
      <c r="AH378" s="76"/>
      <c r="AI378" s="76"/>
      <c r="AJ378" s="76"/>
      <c r="AK378" s="76"/>
      <c r="AL378" s="76"/>
      <c r="AM378" s="76"/>
      <c r="AN378" s="77"/>
      <c r="AO378" s="77"/>
      <c r="AP378" s="77"/>
      <c r="AQ378" s="77"/>
      <c r="AR378" s="77"/>
      <c r="AS378" s="77"/>
      <c r="AT378" s="77"/>
      <c r="AU378" s="77"/>
      <c r="AV378" s="77"/>
      <c r="AW378" s="77"/>
      <c r="AX378" s="77"/>
      <c r="AY378" s="77"/>
      <c r="AZ378" s="77"/>
      <c r="BA378" s="77"/>
      <c r="BB378" s="77"/>
      <c r="BC378" s="77"/>
      <c r="BD378" s="77"/>
    </row>
    <row r="379" spans="1:56" s="64" customFormat="1" ht="69.900000000000006" customHeight="1" thickTop="1">
      <c r="A379" s="468" t="s">
        <v>25</v>
      </c>
      <c r="B379" s="574"/>
      <c r="C379" s="574"/>
      <c r="D379" s="574"/>
      <c r="E379" s="574"/>
      <c r="F379" s="574"/>
      <c r="G379" s="574"/>
      <c r="H379" s="574"/>
      <c r="I379" s="574"/>
      <c r="J379" s="574"/>
      <c r="K379" s="574"/>
      <c r="L379" s="454"/>
      <c r="M379" s="574"/>
      <c r="N379" s="574"/>
      <c r="O379" s="574"/>
      <c r="P379" s="575"/>
      <c r="Q379" s="122"/>
      <c r="R379" s="138"/>
      <c r="S379" s="162"/>
    </row>
    <row r="380" spans="1:56" s="67" customFormat="1" ht="75" customHeight="1">
      <c r="A380" s="456"/>
      <c r="B380" s="457"/>
      <c r="C380" s="457"/>
      <c r="D380" s="457"/>
      <c r="E380" s="457"/>
      <c r="F380" s="457"/>
      <c r="G380" s="457"/>
      <c r="H380" s="457"/>
      <c r="I380" s="457"/>
      <c r="J380" s="457"/>
      <c r="K380" s="457"/>
      <c r="L380" s="458"/>
      <c r="M380" s="457"/>
      <c r="N380" s="457"/>
      <c r="O380" s="457"/>
      <c r="P380" s="459"/>
      <c r="Q380" s="139"/>
      <c r="R380" s="138"/>
      <c r="S380" s="141"/>
      <c r="T380" s="64"/>
    </row>
    <row r="381" spans="1:56" s="67" customFormat="1" ht="75" customHeight="1" thickBot="1">
      <c r="A381" s="460"/>
      <c r="B381" s="461"/>
      <c r="C381" s="461"/>
      <c r="D381" s="461"/>
      <c r="E381" s="461"/>
      <c r="F381" s="461"/>
      <c r="G381" s="461"/>
      <c r="H381" s="461"/>
      <c r="I381" s="461"/>
      <c r="J381" s="461"/>
      <c r="K381" s="461"/>
      <c r="L381" s="462"/>
      <c r="M381" s="461"/>
      <c r="N381" s="461"/>
      <c r="O381" s="461"/>
      <c r="P381" s="463"/>
      <c r="Q381" s="139"/>
      <c r="R381" s="138"/>
      <c r="S381" s="141"/>
      <c r="T381" s="64"/>
    </row>
    <row r="382" spans="1:56" s="64" customFormat="1" ht="69.900000000000006" customHeight="1" thickBot="1">
      <c r="A382" s="443" t="s">
        <v>369</v>
      </c>
      <c r="B382" s="475"/>
      <c r="C382" s="475"/>
      <c r="D382" s="475"/>
      <c r="E382" s="475"/>
      <c r="F382" s="475"/>
      <c r="G382" s="475"/>
      <c r="H382" s="475"/>
      <c r="I382" s="475"/>
      <c r="J382" s="475"/>
      <c r="K382" s="475"/>
      <c r="L382" s="445"/>
      <c r="M382" s="475"/>
      <c r="N382" s="475"/>
      <c r="O382" s="475"/>
      <c r="P382" s="476"/>
      <c r="Q382" s="139"/>
      <c r="R382" s="138"/>
      <c r="S382" s="78"/>
      <c r="T382" s="76"/>
      <c r="U382" s="76"/>
      <c r="V382" s="76"/>
      <c r="W382" s="76"/>
      <c r="X382" s="77"/>
      <c r="Y382" s="77"/>
      <c r="Z382" s="77"/>
      <c r="AA382" s="77"/>
      <c r="AB382" s="77"/>
      <c r="AC382" s="77"/>
      <c r="AD382" s="77"/>
      <c r="AE382" s="77"/>
      <c r="AF382" s="77"/>
      <c r="AG382" s="77"/>
      <c r="AH382" s="77"/>
      <c r="AI382" s="77"/>
      <c r="AJ382" s="77"/>
      <c r="AK382" s="77"/>
      <c r="AL382" s="77"/>
      <c r="AM382" s="77"/>
      <c r="AN382" s="76"/>
      <c r="AO382" s="76"/>
      <c r="AP382" s="76"/>
      <c r="AQ382" s="76"/>
      <c r="AR382" s="76"/>
      <c r="AS382" s="76"/>
      <c r="AT382" s="76"/>
      <c r="AU382" s="76"/>
      <c r="AV382" s="76"/>
      <c r="AW382" s="76"/>
      <c r="AX382" s="76"/>
      <c r="AY382" s="76"/>
      <c r="AZ382" s="76"/>
      <c r="BA382" s="76"/>
      <c r="BB382" s="76"/>
      <c r="BC382" s="76"/>
      <c r="BD382" s="76"/>
    </row>
    <row r="383" spans="1:56" s="67" customFormat="1" ht="132" customHeight="1" thickTop="1" thickBot="1">
      <c r="A383" s="477" t="s">
        <v>370</v>
      </c>
      <c r="B383" s="379"/>
      <c r="C383" s="379"/>
      <c r="D383" s="379"/>
      <c r="E383" s="379"/>
      <c r="F383" s="379"/>
      <c r="G383" s="379"/>
      <c r="H383" s="379"/>
      <c r="I383" s="379"/>
      <c r="J383" s="379"/>
      <c r="K383" s="379"/>
      <c r="L383" s="379"/>
      <c r="M383" s="379"/>
      <c r="N383" s="576"/>
      <c r="O383" s="75" t="s">
        <v>20</v>
      </c>
      <c r="P383" s="136" t="s">
        <v>21</v>
      </c>
      <c r="Q383" s="139"/>
      <c r="R383" s="138"/>
      <c r="S383" s="137"/>
      <c r="T383" s="76"/>
      <c r="U383" s="77"/>
      <c r="V383" s="77"/>
      <c r="W383" s="77"/>
      <c r="X383" s="77"/>
      <c r="Y383" s="77"/>
      <c r="Z383" s="77"/>
      <c r="AA383" s="77"/>
      <c r="AB383" s="77"/>
      <c r="AC383" s="77"/>
      <c r="AD383" s="77"/>
      <c r="AE383" s="77"/>
      <c r="AF383" s="77"/>
      <c r="AG383" s="77"/>
      <c r="AH383" s="77"/>
      <c r="AI383" s="77"/>
      <c r="AJ383" s="77"/>
      <c r="AK383" s="77"/>
      <c r="AL383" s="77"/>
      <c r="AM383" s="77"/>
      <c r="AN383" s="77"/>
      <c r="AO383" s="77"/>
      <c r="AP383" s="77"/>
      <c r="AQ383" s="77"/>
      <c r="AR383" s="77"/>
      <c r="AS383" s="77"/>
      <c r="AT383" s="77"/>
      <c r="AU383" s="77"/>
      <c r="AV383" s="77"/>
      <c r="AW383" s="77"/>
      <c r="AX383" s="77"/>
      <c r="AY383" s="77"/>
      <c r="AZ383" s="77"/>
      <c r="BA383" s="77"/>
      <c r="BB383" s="77"/>
      <c r="BC383" s="77"/>
      <c r="BD383" s="77"/>
    </row>
    <row r="384" spans="1:56" s="64" customFormat="1" ht="69.900000000000006" customHeight="1" thickTop="1">
      <c r="A384" s="468" t="s">
        <v>25</v>
      </c>
      <c r="B384" s="574"/>
      <c r="C384" s="574"/>
      <c r="D384" s="574"/>
      <c r="E384" s="574"/>
      <c r="F384" s="574"/>
      <c r="G384" s="574"/>
      <c r="H384" s="574"/>
      <c r="I384" s="574"/>
      <c r="J384" s="574"/>
      <c r="K384" s="574"/>
      <c r="L384" s="454"/>
      <c r="M384" s="574"/>
      <c r="N384" s="574"/>
      <c r="O384" s="574"/>
      <c r="P384" s="575"/>
      <c r="Q384" s="122"/>
      <c r="R384" s="138"/>
      <c r="S384" s="162"/>
    </row>
    <row r="385" spans="1:56" s="67" customFormat="1" ht="75" customHeight="1">
      <c r="A385" s="456"/>
      <c r="B385" s="457"/>
      <c r="C385" s="457"/>
      <c r="D385" s="457"/>
      <c r="E385" s="457"/>
      <c r="F385" s="457"/>
      <c r="G385" s="457"/>
      <c r="H385" s="457"/>
      <c r="I385" s="457"/>
      <c r="J385" s="457"/>
      <c r="K385" s="457"/>
      <c r="L385" s="458"/>
      <c r="M385" s="457"/>
      <c r="N385" s="457"/>
      <c r="O385" s="457"/>
      <c r="P385" s="459"/>
      <c r="Q385" s="139"/>
      <c r="R385" s="138"/>
      <c r="S385" s="141"/>
      <c r="T385" s="64"/>
    </row>
    <row r="386" spans="1:56" s="67" customFormat="1" ht="75" customHeight="1" thickBot="1">
      <c r="A386" s="460"/>
      <c r="B386" s="461"/>
      <c r="C386" s="461"/>
      <c r="D386" s="461"/>
      <c r="E386" s="461"/>
      <c r="F386" s="461"/>
      <c r="G386" s="461"/>
      <c r="H386" s="461"/>
      <c r="I386" s="461"/>
      <c r="J386" s="461"/>
      <c r="K386" s="461"/>
      <c r="L386" s="462"/>
      <c r="M386" s="461"/>
      <c r="N386" s="461"/>
      <c r="O386" s="461"/>
      <c r="P386" s="463"/>
      <c r="Q386" s="139"/>
      <c r="R386" s="138"/>
      <c r="S386" s="141"/>
      <c r="T386" s="64"/>
    </row>
    <row r="387" spans="1:56" s="64" customFormat="1" ht="69.900000000000006" customHeight="1" thickBot="1">
      <c r="A387" s="443" t="s">
        <v>371</v>
      </c>
      <c r="B387" s="475"/>
      <c r="C387" s="475"/>
      <c r="D387" s="475"/>
      <c r="E387" s="475"/>
      <c r="F387" s="475"/>
      <c r="G387" s="475"/>
      <c r="H387" s="475"/>
      <c r="I387" s="475"/>
      <c r="J387" s="475"/>
      <c r="K387" s="475"/>
      <c r="L387" s="445"/>
      <c r="M387" s="475"/>
      <c r="N387" s="475"/>
      <c r="O387" s="475"/>
      <c r="P387" s="476"/>
      <c r="Q387" s="139"/>
      <c r="R387" s="138"/>
      <c r="S387" s="78"/>
      <c r="T387" s="76"/>
      <c r="U387" s="76"/>
      <c r="V387" s="76"/>
      <c r="W387" s="76"/>
      <c r="X387" s="76"/>
      <c r="Y387" s="76"/>
      <c r="Z387" s="76"/>
      <c r="AA387" s="76"/>
      <c r="AB387" s="76"/>
      <c r="AC387" s="76"/>
      <c r="AD387" s="76"/>
      <c r="AE387" s="76"/>
      <c r="AF387" s="76"/>
      <c r="AG387" s="76"/>
      <c r="AH387" s="76"/>
      <c r="AI387" s="76"/>
      <c r="AJ387" s="76"/>
      <c r="AK387" s="76"/>
      <c r="AL387" s="76"/>
      <c r="AM387" s="76"/>
      <c r="AN387" s="76"/>
      <c r="AO387" s="76"/>
      <c r="AP387" s="76"/>
      <c r="AQ387" s="76"/>
      <c r="AR387" s="76"/>
      <c r="AS387" s="76"/>
      <c r="AT387" s="76"/>
      <c r="AU387" s="76"/>
      <c r="AV387" s="76"/>
      <c r="AW387" s="76"/>
      <c r="AX387" s="76"/>
      <c r="AY387" s="76"/>
      <c r="AZ387" s="76"/>
      <c r="BA387" s="76"/>
      <c r="BB387" s="76"/>
      <c r="BC387" s="76"/>
      <c r="BD387" s="76"/>
    </row>
    <row r="388" spans="1:56" s="67" customFormat="1" ht="132" customHeight="1" thickTop="1" thickBot="1">
      <c r="A388" s="477" t="s">
        <v>372</v>
      </c>
      <c r="B388" s="379"/>
      <c r="C388" s="379"/>
      <c r="D388" s="379"/>
      <c r="E388" s="379"/>
      <c r="F388" s="379"/>
      <c r="G388" s="379"/>
      <c r="H388" s="379"/>
      <c r="I388" s="379"/>
      <c r="J388" s="379"/>
      <c r="K388" s="379"/>
      <c r="L388" s="379"/>
      <c r="M388" s="379"/>
      <c r="N388" s="576"/>
      <c r="O388" s="75" t="s">
        <v>20</v>
      </c>
      <c r="P388" s="136" t="s">
        <v>21</v>
      </c>
      <c r="Q388" s="139"/>
      <c r="R388" s="138"/>
      <c r="S388" s="137"/>
      <c r="T388" s="76"/>
      <c r="U388" s="77"/>
      <c r="V388" s="77"/>
      <c r="W388" s="77"/>
      <c r="X388" s="77"/>
      <c r="Y388" s="77"/>
      <c r="Z388" s="77"/>
      <c r="AA388" s="77"/>
      <c r="AB388" s="77"/>
      <c r="AC388" s="77"/>
      <c r="AD388" s="77"/>
      <c r="AE388" s="77"/>
      <c r="AF388" s="77"/>
      <c r="AG388" s="77"/>
      <c r="AH388" s="77"/>
      <c r="AI388" s="77"/>
      <c r="AJ388" s="77"/>
      <c r="AK388" s="77"/>
      <c r="AL388" s="77"/>
      <c r="AM388" s="77"/>
      <c r="AN388" s="77"/>
      <c r="AO388" s="77"/>
      <c r="AP388" s="77"/>
      <c r="AQ388" s="77"/>
      <c r="AR388" s="77"/>
      <c r="AS388" s="77"/>
      <c r="AT388" s="77"/>
      <c r="AU388" s="77"/>
      <c r="AV388" s="77"/>
      <c r="AW388" s="77"/>
      <c r="AX388" s="77"/>
      <c r="AY388" s="77"/>
      <c r="AZ388" s="77"/>
      <c r="BA388" s="77"/>
      <c r="BB388" s="77"/>
      <c r="BC388" s="77"/>
      <c r="BD388" s="77"/>
    </row>
    <row r="389" spans="1:56" s="64" customFormat="1" ht="69.900000000000006" customHeight="1" thickTop="1">
      <c r="A389" s="468" t="s">
        <v>25</v>
      </c>
      <c r="B389" s="574"/>
      <c r="C389" s="574"/>
      <c r="D389" s="574"/>
      <c r="E389" s="574"/>
      <c r="F389" s="574"/>
      <c r="G389" s="574"/>
      <c r="H389" s="574"/>
      <c r="I389" s="574"/>
      <c r="J389" s="574"/>
      <c r="K389" s="574"/>
      <c r="L389" s="454"/>
      <c r="M389" s="574"/>
      <c r="N389" s="574"/>
      <c r="O389" s="574"/>
      <c r="P389" s="575"/>
      <c r="Q389" s="122"/>
      <c r="R389" s="138"/>
      <c r="S389" s="162"/>
    </row>
    <row r="390" spans="1:56" s="67" customFormat="1" ht="75" customHeight="1">
      <c r="A390" s="456"/>
      <c r="B390" s="457"/>
      <c r="C390" s="457"/>
      <c r="D390" s="457"/>
      <c r="E390" s="457"/>
      <c r="F390" s="457"/>
      <c r="G390" s="457"/>
      <c r="H390" s="457"/>
      <c r="I390" s="457"/>
      <c r="J390" s="457"/>
      <c r="K390" s="457"/>
      <c r="L390" s="458"/>
      <c r="M390" s="457"/>
      <c r="N390" s="457"/>
      <c r="O390" s="457"/>
      <c r="P390" s="459"/>
      <c r="Q390" s="139"/>
      <c r="R390" s="138"/>
      <c r="S390" s="141"/>
      <c r="T390" s="64"/>
    </row>
    <row r="391" spans="1:56" s="67" customFormat="1" ht="75" customHeight="1" thickBot="1">
      <c r="A391" s="460"/>
      <c r="B391" s="461"/>
      <c r="C391" s="461"/>
      <c r="D391" s="461"/>
      <c r="E391" s="461"/>
      <c r="F391" s="461"/>
      <c r="G391" s="461"/>
      <c r="H391" s="461"/>
      <c r="I391" s="461"/>
      <c r="J391" s="461"/>
      <c r="K391" s="461"/>
      <c r="L391" s="462"/>
      <c r="M391" s="461"/>
      <c r="N391" s="461"/>
      <c r="O391" s="461"/>
      <c r="P391" s="463"/>
      <c r="Q391" s="139"/>
      <c r="R391" s="138"/>
      <c r="S391" s="141"/>
      <c r="T391" s="64"/>
    </row>
    <row r="392" spans="1:56" s="64" customFormat="1" ht="69.900000000000006" customHeight="1" thickBot="1">
      <c r="A392" s="562" t="s">
        <v>373</v>
      </c>
      <c r="B392" s="563"/>
      <c r="C392" s="563"/>
      <c r="D392" s="563"/>
      <c r="E392" s="563"/>
      <c r="F392" s="563"/>
      <c r="G392" s="563"/>
      <c r="H392" s="563"/>
      <c r="I392" s="563"/>
      <c r="J392" s="563"/>
      <c r="K392" s="563"/>
      <c r="L392" s="563"/>
      <c r="M392" s="563"/>
      <c r="N392" s="563"/>
      <c r="O392" s="563"/>
      <c r="P392" s="564"/>
      <c r="Q392" s="122"/>
      <c r="R392" s="138"/>
      <c r="S392" s="78"/>
      <c r="T392" s="76"/>
      <c r="U392" s="76"/>
      <c r="V392" s="76"/>
      <c r="W392" s="76"/>
      <c r="X392" s="77"/>
      <c r="Y392" s="77"/>
      <c r="Z392" s="77"/>
      <c r="AA392" s="77"/>
      <c r="AB392" s="77"/>
      <c r="AC392" s="77"/>
      <c r="AD392" s="77"/>
      <c r="AE392" s="77"/>
      <c r="AF392" s="77"/>
      <c r="AG392" s="77"/>
      <c r="AH392" s="77"/>
      <c r="AI392" s="77"/>
      <c r="AJ392" s="77"/>
      <c r="AK392" s="77"/>
      <c r="AL392" s="77"/>
      <c r="AM392" s="77"/>
      <c r="AN392" s="76"/>
      <c r="AO392" s="76"/>
      <c r="AP392" s="76"/>
      <c r="AQ392" s="76"/>
      <c r="AR392" s="76"/>
      <c r="AS392" s="76"/>
      <c r="AT392" s="76"/>
      <c r="AU392" s="76"/>
      <c r="AV392" s="76"/>
      <c r="AW392" s="76"/>
      <c r="AX392" s="76"/>
      <c r="AY392" s="76"/>
      <c r="AZ392" s="76"/>
      <c r="BA392" s="76"/>
      <c r="BB392" s="76"/>
      <c r="BC392" s="76"/>
      <c r="BD392" s="76"/>
    </row>
    <row r="393" spans="1:56" s="64" customFormat="1" ht="69.900000000000006" customHeight="1" thickBot="1">
      <c r="A393" s="443" t="s">
        <v>374</v>
      </c>
      <c r="B393" s="475"/>
      <c r="C393" s="475"/>
      <c r="D393" s="475"/>
      <c r="E393" s="475"/>
      <c r="F393" s="475"/>
      <c r="G393" s="475"/>
      <c r="H393" s="475"/>
      <c r="I393" s="475"/>
      <c r="J393" s="475"/>
      <c r="K393" s="475"/>
      <c r="L393" s="445"/>
      <c r="M393" s="475"/>
      <c r="N393" s="475"/>
      <c r="O393" s="475"/>
      <c r="P393" s="476"/>
      <c r="Q393" s="139"/>
      <c r="R393" s="138"/>
      <c r="S393" s="78"/>
      <c r="T393" s="76"/>
      <c r="U393" s="76"/>
      <c r="V393" s="76"/>
      <c r="W393" s="76"/>
      <c r="X393" s="76"/>
      <c r="Y393" s="76"/>
      <c r="Z393" s="76"/>
      <c r="AA393" s="76"/>
      <c r="AB393" s="76"/>
      <c r="AC393" s="76"/>
      <c r="AD393" s="76"/>
      <c r="AE393" s="76"/>
      <c r="AF393" s="76"/>
      <c r="AG393" s="76"/>
      <c r="AH393" s="76"/>
      <c r="AI393" s="76"/>
      <c r="AJ393" s="76"/>
      <c r="AK393" s="76"/>
      <c r="AL393" s="76"/>
      <c r="AM393" s="76"/>
      <c r="AN393" s="76"/>
      <c r="AO393" s="76"/>
      <c r="AP393" s="76"/>
      <c r="AQ393" s="76"/>
      <c r="AR393" s="76"/>
      <c r="AS393" s="76"/>
      <c r="AT393" s="76"/>
      <c r="AU393" s="76"/>
      <c r="AV393" s="76"/>
      <c r="AW393" s="76"/>
      <c r="AX393" s="76"/>
      <c r="AY393" s="76"/>
      <c r="AZ393" s="76"/>
      <c r="BA393" s="76"/>
      <c r="BB393" s="76"/>
      <c r="BC393" s="76"/>
      <c r="BD393" s="76"/>
    </row>
    <row r="394" spans="1:56" s="67" customFormat="1" ht="199.95" customHeight="1" thickTop="1" thickBot="1">
      <c r="A394" s="477" t="s">
        <v>375</v>
      </c>
      <c r="B394" s="379"/>
      <c r="C394" s="379"/>
      <c r="D394" s="379"/>
      <c r="E394" s="379"/>
      <c r="F394" s="379"/>
      <c r="G394" s="379"/>
      <c r="H394" s="379"/>
      <c r="I394" s="379"/>
      <c r="J394" s="379"/>
      <c r="K394" s="379"/>
      <c r="L394" s="379"/>
      <c r="M394" s="379"/>
      <c r="N394" s="576"/>
      <c r="O394" s="75" t="s">
        <v>20</v>
      </c>
      <c r="P394" s="136" t="s">
        <v>21</v>
      </c>
      <c r="Q394" s="139"/>
      <c r="R394" s="138"/>
      <c r="S394" s="137"/>
      <c r="T394" s="76"/>
      <c r="U394" s="77"/>
      <c r="V394" s="77"/>
      <c r="W394" s="77"/>
      <c r="X394" s="76"/>
      <c r="Y394" s="76"/>
      <c r="Z394" s="76"/>
      <c r="AA394" s="76"/>
      <c r="AB394" s="76"/>
      <c r="AC394" s="76"/>
      <c r="AD394" s="76"/>
      <c r="AE394" s="76"/>
      <c r="AF394" s="76"/>
      <c r="AG394" s="76"/>
      <c r="AH394" s="76"/>
      <c r="AI394" s="76"/>
      <c r="AJ394" s="76"/>
      <c r="AK394" s="76"/>
      <c r="AL394" s="76"/>
      <c r="AM394" s="76"/>
      <c r="AN394" s="77"/>
      <c r="AO394" s="77"/>
      <c r="AP394" s="77"/>
      <c r="AQ394" s="77"/>
      <c r="AR394" s="77"/>
      <c r="AS394" s="77"/>
      <c r="AT394" s="77"/>
      <c r="AU394" s="77"/>
      <c r="AV394" s="77"/>
      <c r="AW394" s="77"/>
      <c r="AX394" s="77"/>
      <c r="AY394" s="77"/>
      <c r="AZ394" s="77"/>
      <c r="BA394" s="77"/>
      <c r="BB394" s="77"/>
      <c r="BC394" s="77"/>
      <c r="BD394" s="77"/>
    </row>
    <row r="395" spans="1:56" s="52" customFormat="1" ht="69.900000000000006" customHeight="1" thickTop="1">
      <c r="A395" s="698" t="s">
        <v>183</v>
      </c>
      <c r="B395" s="505"/>
      <c r="C395" s="505"/>
      <c r="D395" s="505"/>
      <c r="E395" s="505"/>
      <c r="F395" s="505"/>
      <c r="G395" s="505"/>
      <c r="H395" s="505"/>
      <c r="I395" s="505"/>
      <c r="J395" s="505"/>
      <c r="K395" s="505"/>
      <c r="L395" s="505"/>
      <c r="M395" s="505"/>
      <c r="N395" s="505"/>
      <c r="O395" s="505"/>
      <c r="P395" s="699"/>
      <c r="Q395" s="161"/>
      <c r="R395" s="133"/>
      <c r="S395" s="162"/>
    </row>
    <row r="396" spans="1:56" s="52" customFormat="1" ht="69.900000000000006" customHeight="1">
      <c r="A396" s="507" t="s">
        <v>90</v>
      </c>
      <c r="B396" s="508"/>
      <c r="C396" s="508"/>
      <c r="D396" s="508"/>
      <c r="E396" s="508"/>
      <c r="F396" s="508"/>
      <c r="G396" s="508"/>
      <c r="H396" s="508"/>
      <c r="I396" s="508"/>
      <c r="J396" s="508"/>
      <c r="K396" s="508"/>
      <c r="L396" s="508"/>
      <c r="M396" s="508"/>
      <c r="N396" s="508"/>
      <c r="O396" s="508"/>
      <c r="P396" s="509"/>
      <c r="Q396" s="161"/>
      <c r="R396" s="133"/>
      <c r="S396" s="162"/>
    </row>
    <row r="397" spans="1:56" s="67" customFormat="1" ht="69.599999999999994" customHeight="1">
      <c r="A397" s="553" t="s">
        <v>184</v>
      </c>
      <c r="B397" s="554"/>
      <c r="C397" s="554"/>
      <c r="D397" s="554"/>
      <c r="E397" s="554"/>
      <c r="F397" s="554"/>
      <c r="G397" s="554"/>
      <c r="H397" s="554"/>
      <c r="I397" s="554"/>
      <c r="J397" s="554"/>
      <c r="K397" s="554"/>
      <c r="L397" s="554"/>
      <c r="M397" s="554"/>
      <c r="N397" s="554"/>
      <c r="O397" s="554"/>
      <c r="P397" s="555"/>
      <c r="Q397" s="139"/>
      <c r="R397" s="138"/>
      <c r="S397" s="78"/>
      <c r="T397" s="76"/>
      <c r="U397" s="77"/>
      <c r="V397" s="77"/>
      <c r="W397" s="77"/>
      <c r="X397" s="77"/>
      <c r="Y397" s="77"/>
      <c r="Z397" s="77"/>
      <c r="AA397" s="77"/>
      <c r="AB397" s="77"/>
      <c r="AC397" s="77"/>
      <c r="AD397" s="77"/>
      <c r="AE397" s="77"/>
      <c r="AF397" s="77"/>
      <c r="AG397" s="77"/>
      <c r="AH397" s="77"/>
      <c r="AI397" s="77"/>
      <c r="AJ397" s="77"/>
      <c r="AK397" s="77"/>
      <c r="AL397" s="77"/>
      <c r="AM397" s="77"/>
      <c r="AN397" s="77"/>
      <c r="AO397" s="77"/>
      <c r="AP397" s="77"/>
      <c r="AQ397" s="77"/>
      <c r="AR397" s="77"/>
      <c r="AS397" s="77"/>
      <c r="AT397" s="77"/>
      <c r="AU397" s="77"/>
      <c r="AV397" s="77"/>
      <c r="AW397" s="77"/>
      <c r="AX397" s="77"/>
      <c r="AY397" s="77"/>
      <c r="AZ397" s="77"/>
      <c r="BA397" s="77"/>
      <c r="BB397" s="77"/>
      <c r="BC397" s="77"/>
      <c r="BD397" s="77"/>
    </row>
    <row r="398" spans="1:56" s="67" customFormat="1" ht="69.599999999999994" customHeight="1">
      <c r="A398" s="556" t="s">
        <v>85</v>
      </c>
      <c r="B398" s="557"/>
      <c r="C398" s="557"/>
      <c r="D398" s="557"/>
      <c r="E398" s="557"/>
      <c r="F398" s="557"/>
      <c r="G398" s="557"/>
      <c r="H398" s="557"/>
      <c r="I398" s="557"/>
      <c r="J398" s="557"/>
      <c r="K398" s="557"/>
      <c r="L398" s="557"/>
      <c r="M398" s="557"/>
      <c r="N398" s="557"/>
      <c r="O398" s="557"/>
      <c r="P398" s="558"/>
      <c r="Q398" s="139"/>
      <c r="R398" s="138"/>
      <c r="S398" s="78"/>
      <c r="T398" s="76"/>
      <c r="U398" s="77"/>
      <c r="V398" s="77"/>
      <c r="W398" s="77"/>
      <c r="X398" s="77"/>
      <c r="Y398" s="77"/>
      <c r="Z398" s="77"/>
      <c r="AA398" s="77"/>
      <c r="AB398" s="77"/>
      <c r="AC398" s="77"/>
      <c r="AD398" s="77"/>
      <c r="AE398" s="77"/>
      <c r="AF398" s="77"/>
      <c r="AG398" s="77"/>
      <c r="AH398" s="77"/>
      <c r="AI398" s="77"/>
      <c r="AJ398" s="77"/>
      <c r="AK398" s="77"/>
      <c r="AL398" s="77"/>
      <c r="AM398" s="77"/>
      <c r="AN398" s="77"/>
      <c r="AO398" s="77"/>
      <c r="AP398" s="77"/>
      <c r="AQ398" s="77"/>
      <c r="AR398" s="77"/>
      <c r="AS398" s="77"/>
      <c r="AT398" s="77"/>
      <c r="AU398" s="77"/>
      <c r="AV398" s="77"/>
      <c r="AW398" s="77"/>
      <c r="AX398" s="77"/>
      <c r="AY398" s="77"/>
      <c r="AZ398" s="77"/>
      <c r="BA398" s="77"/>
      <c r="BB398" s="77"/>
      <c r="BC398" s="77"/>
      <c r="BD398" s="77"/>
    </row>
    <row r="399" spans="1:56" s="64" customFormat="1" ht="69.900000000000006" customHeight="1">
      <c r="A399" s="468" t="s">
        <v>25</v>
      </c>
      <c r="B399" s="574"/>
      <c r="C399" s="574"/>
      <c r="D399" s="574"/>
      <c r="E399" s="574"/>
      <c r="F399" s="574"/>
      <c r="G399" s="574"/>
      <c r="H399" s="574"/>
      <c r="I399" s="574"/>
      <c r="J399" s="574"/>
      <c r="K399" s="574"/>
      <c r="L399" s="454"/>
      <c r="M399" s="574"/>
      <c r="N399" s="574"/>
      <c r="O399" s="574"/>
      <c r="P399" s="575"/>
      <c r="Q399" s="122"/>
      <c r="R399" s="138"/>
      <c r="S399" s="162"/>
    </row>
    <row r="400" spans="1:56" s="67" customFormat="1" ht="75" customHeight="1">
      <c r="A400" s="456"/>
      <c r="B400" s="457"/>
      <c r="C400" s="457"/>
      <c r="D400" s="457"/>
      <c r="E400" s="457"/>
      <c r="F400" s="457"/>
      <c r="G400" s="457"/>
      <c r="H400" s="457"/>
      <c r="I400" s="457"/>
      <c r="J400" s="457"/>
      <c r="K400" s="457"/>
      <c r="L400" s="458"/>
      <c r="M400" s="457"/>
      <c r="N400" s="457"/>
      <c r="O400" s="457"/>
      <c r="P400" s="459"/>
      <c r="Q400" s="139"/>
      <c r="R400" s="138"/>
      <c r="S400" s="141"/>
      <c r="T400" s="64"/>
    </row>
    <row r="401" spans="1:258" s="67" customFormat="1" ht="75" customHeight="1" thickBot="1">
      <c r="A401" s="471"/>
      <c r="B401" s="472"/>
      <c r="C401" s="472"/>
      <c r="D401" s="472"/>
      <c r="E401" s="472"/>
      <c r="F401" s="472"/>
      <c r="G401" s="472"/>
      <c r="H401" s="472"/>
      <c r="I401" s="472"/>
      <c r="J401" s="472"/>
      <c r="K401" s="472"/>
      <c r="L401" s="473"/>
      <c r="M401" s="472"/>
      <c r="N401" s="472"/>
      <c r="O401" s="472"/>
      <c r="P401" s="474"/>
      <c r="Q401" s="139"/>
      <c r="R401" s="138"/>
      <c r="S401" s="141"/>
      <c r="T401" s="64"/>
    </row>
    <row r="402" spans="1:258" s="64" customFormat="1" ht="69.900000000000006" customHeight="1" thickBot="1">
      <c r="A402" s="443" t="s">
        <v>376</v>
      </c>
      <c r="B402" s="475"/>
      <c r="C402" s="475"/>
      <c r="D402" s="475"/>
      <c r="E402" s="475"/>
      <c r="F402" s="475"/>
      <c r="G402" s="475"/>
      <c r="H402" s="475"/>
      <c r="I402" s="475"/>
      <c r="J402" s="475"/>
      <c r="K402" s="475"/>
      <c r="L402" s="445"/>
      <c r="M402" s="475"/>
      <c r="N402" s="475"/>
      <c r="O402" s="475"/>
      <c r="P402" s="476"/>
      <c r="Q402" s="139"/>
      <c r="R402" s="138"/>
      <c r="S402" s="209" t="s">
        <v>377</v>
      </c>
      <c r="T402" s="76"/>
      <c r="U402" s="76"/>
      <c r="V402" s="76"/>
      <c r="W402" s="76"/>
      <c r="X402" s="76"/>
      <c r="Y402" s="76"/>
      <c r="Z402" s="76"/>
      <c r="AA402" s="76"/>
      <c r="AB402" s="76"/>
      <c r="AC402" s="76"/>
      <c r="AD402" s="76"/>
      <c r="AE402" s="76"/>
      <c r="AF402" s="76"/>
      <c r="AG402" s="76"/>
      <c r="AH402" s="76"/>
      <c r="AI402" s="76"/>
      <c r="AJ402" s="76"/>
      <c r="AK402" s="76"/>
      <c r="AL402" s="76"/>
      <c r="AM402" s="76"/>
      <c r="AN402" s="76"/>
      <c r="AO402" s="76"/>
      <c r="AP402" s="76"/>
      <c r="AQ402" s="76"/>
      <c r="AR402" s="76"/>
      <c r="AS402" s="76"/>
      <c r="AT402" s="76"/>
      <c r="AU402" s="76"/>
      <c r="AV402" s="76"/>
      <c r="AW402" s="76"/>
      <c r="AX402" s="76"/>
      <c r="AY402" s="76"/>
      <c r="AZ402" s="76"/>
      <c r="BA402" s="76"/>
      <c r="BB402" s="76"/>
      <c r="BC402" s="76"/>
      <c r="BD402" s="76"/>
    </row>
    <row r="403" spans="1:258" s="67" customFormat="1" ht="199.95" customHeight="1" thickTop="1" thickBot="1">
      <c r="A403" s="477" t="s">
        <v>378</v>
      </c>
      <c r="B403" s="379"/>
      <c r="C403" s="379"/>
      <c r="D403" s="379"/>
      <c r="E403" s="379"/>
      <c r="F403" s="379"/>
      <c r="G403" s="379"/>
      <c r="H403" s="379"/>
      <c r="I403" s="379"/>
      <c r="J403" s="379"/>
      <c r="K403" s="379"/>
      <c r="L403" s="379"/>
      <c r="M403" s="576"/>
      <c r="N403" s="135" t="s">
        <v>24</v>
      </c>
      <c r="O403" s="75" t="s">
        <v>20</v>
      </c>
      <c r="P403" s="136" t="s">
        <v>21</v>
      </c>
      <c r="Q403" s="139"/>
      <c r="R403" s="138"/>
      <c r="S403" s="137"/>
      <c r="T403" s="76"/>
      <c r="U403" s="77"/>
      <c r="V403" s="77"/>
      <c r="W403" s="77"/>
      <c r="X403" s="76"/>
      <c r="Y403" s="76"/>
      <c r="Z403" s="76"/>
      <c r="AA403" s="76"/>
      <c r="AB403" s="76"/>
      <c r="AC403" s="76"/>
      <c r="AD403" s="76"/>
      <c r="AE403" s="76"/>
      <c r="AF403" s="76"/>
      <c r="AG403" s="76"/>
      <c r="AH403" s="76"/>
      <c r="AI403" s="76"/>
      <c r="AJ403" s="76"/>
      <c r="AK403" s="76"/>
      <c r="AL403" s="76"/>
      <c r="AM403" s="76"/>
      <c r="AN403" s="77"/>
      <c r="AO403" s="77"/>
      <c r="AP403" s="77"/>
      <c r="AQ403" s="77"/>
      <c r="AR403" s="77"/>
      <c r="AS403" s="77"/>
      <c r="AT403" s="77"/>
      <c r="AU403" s="77"/>
      <c r="AV403" s="77"/>
      <c r="AW403" s="77"/>
      <c r="AX403" s="77"/>
      <c r="AY403" s="77"/>
      <c r="AZ403" s="77"/>
      <c r="BA403" s="77"/>
      <c r="BB403" s="77"/>
      <c r="BC403" s="77"/>
      <c r="BD403" s="77"/>
    </row>
    <row r="404" spans="1:258" s="64" customFormat="1" ht="69.900000000000006" customHeight="1" thickTop="1">
      <c r="A404" s="503" t="s">
        <v>187</v>
      </c>
      <c r="B404" s="577"/>
      <c r="C404" s="577"/>
      <c r="D404" s="577"/>
      <c r="E404" s="577"/>
      <c r="F404" s="577"/>
      <c r="G404" s="577"/>
      <c r="H404" s="577"/>
      <c r="I404" s="577"/>
      <c r="J404" s="577"/>
      <c r="K404" s="577"/>
      <c r="L404" s="505"/>
      <c r="M404" s="577"/>
      <c r="N404" s="577"/>
      <c r="O404" s="577"/>
      <c r="P404" s="578"/>
      <c r="Q404" s="122"/>
      <c r="R404" s="138"/>
      <c r="S404" s="162"/>
    </row>
    <row r="405" spans="1:258" s="64" customFormat="1" ht="69.900000000000006" customHeight="1">
      <c r="A405" s="507" t="s">
        <v>90</v>
      </c>
      <c r="B405" s="508"/>
      <c r="C405" s="508"/>
      <c r="D405" s="508"/>
      <c r="E405" s="508"/>
      <c r="F405" s="508"/>
      <c r="G405" s="508"/>
      <c r="H405" s="508"/>
      <c r="I405" s="508"/>
      <c r="J405" s="508"/>
      <c r="K405" s="508"/>
      <c r="L405" s="508"/>
      <c r="M405" s="508"/>
      <c r="N405" s="508"/>
      <c r="O405" s="508"/>
      <c r="P405" s="509"/>
      <c r="Q405" s="161"/>
      <c r="R405" s="133"/>
      <c r="S405" s="162"/>
      <c r="T405" s="52"/>
      <c r="U405" s="52"/>
      <c r="V405" s="52"/>
      <c r="W405" s="52"/>
      <c r="X405" s="52"/>
      <c r="Y405" s="52"/>
      <c r="Z405" s="52"/>
      <c r="AA405" s="52"/>
      <c r="AB405" s="52"/>
      <c r="AC405" s="52"/>
      <c r="AD405" s="52"/>
      <c r="AE405" s="52"/>
      <c r="AF405" s="52"/>
      <c r="AG405" s="52"/>
      <c r="AH405" s="52"/>
      <c r="AI405" s="52"/>
      <c r="AJ405" s="52"/>
      <c r="AK405" s="52"/>
      <c r="AL405" s="52"/>
      <c r="AM405" s="52"/>
      <c r="AN405" s="52"/>
      <c r="AO405" s="52"/>
      <c r="AP405" s="52"/>
      <c r="AQ405" s="52"/>
      <c r="AR405" s="52"/>
      <c r="AS405" s="52"/>
      <c r="AT405" s="52"/>
      <c r="AU405" s="52"/>
      <c r="AV405" s="52"/>
      <c r="AW405" s="52"/>
      <c r="AX405" s="52"/>
      <c r="AY405" s="52"/>
      <c r="AZ405" s="52"/>
      <c r="BA405" s="52"/>
      <c r="BB405" s="52"/>
      <c r="BC405" s="52"/>
      <c r="BD405" s="52"/>
      <c r="BE405" s="52"/>
      <c r="BF405" s="52"/>
      <c r="BG405" s="52"/>
      <c r="BH405" s="52"/>
      <c r="BI405" s="52"/>
      <c r="BJ405" s="52"/>
      <c r="BK405" s="52"/>
      <c r="BL405" s="52"/>
      <c r="BM405" s="52"/>
      <c r="BN405" s="52"/>
      <c r="BO405" s="52"/>
      <c r="BP405" s="52"/>
      <c r="BQ405" s="52"/>
      <c r="BR405" s="52"/>
      <c r="BS405" s="52"/>
      <c r="BT405" s="52"/>
      <c r="BU405" s="52"/>
      <c r="BV405" s="52"/>
      <c r="BW405" s="52"/>
      <c r="BX405" s="52"/>
      <c r="BY405" s="52"/>
      <c r="BZ405" s="52"/>
      <c r="CA405" s="52"/>
      <c r="CB405" s="52"/>
      <c r="CC405" s="52"/>
      <c r="CD405" s="52"/>
      <c r="CE405" s="52"/>
      <c r="CF405" s="52"/>
      <c r="CG405" s="52"/>
      <c r="CH405" s="52"/>
      <c r="CI405" s="52"/>
      <c r="CJ405" s="52"/>
      <c r="CK405" s="52"/>
      <c r="CL405" s="52"/>
      <c r="CM405" s="52"/>
      <c r="CN405" s="52"/>
      <c r="CO405" s="52"/>
      <c r="CP405" s="52"/>
      <c r="CQ405" s="52"/>
      <c r="CR405" s="52"/>
      <c r="CS405" s="52"/>
      <c r="CT405" s="52"/>
      <c r="CU405" s="52"/>
      <c r="CV405" s="52"/>
      <c r="CW405" s="52"/>
      <c r="CX405" s="52"/>
      <c r="CY405" s="52"/>
      <c r="CZ405" s="52"/>
      <c r="DA405" s="52"/>
      <c r="DB405" s="52"/>
      <c r="DC405" s="52"/>
      <c r="DD405" s="52"/>
      <c r="DE405" s="52"/>
      <c r="DF405" s="52"/>
      <c r="DG405" s="52"/>
      <c r="DH405" s="52"/>
      <c r="DI405" s="52"/>
      <c r="DJ405" s="52"/>
      <c r="DK405" s="52"/>
      <c r="DL405" s="52"/>
      <c r="DM405" s="52"/>
      <c r="DN405" s="52"/>
      <c r="DO405" s="52"/>
      <c r="DP405" s="52"/>
      <c r="DQ405" s="52"/>
      <c r="DR405" s="52"/>
      <c r="DS405" s="52"/>
      <c r="DT405" s="52"/>
      <c r="DU405" s="52"/>
      <c r="DV405" s="52"/>
      <c r="DW405" s="52"/>
      <c r="DX405" s="52"/>
      <c r="DY405" s="52"/>
      <c r="DZ405" s="52"/>
      <c r="EA405" s="52"/>
      <c r="EB405" s="52"/>
      <c r="EC405" s="52"/>
      <c r="ED405" s="52"/>
      <c r="EE405" s="52"/>
      <c r="EF405" s="52"/>
      <c r="EG405" s="52"/>
      <c r="EH405" s="52"/>
      <c r="EI405" s="52"/>
      <c r="EJ405" s="52"/>
      <c r="EK405" s="52"/>
      <c r="EL405" s="52"/>
      <c r="EM405" s="52"/>
      <c r="EN405" s="52"/>
      <c r="EO405" s="52"/>
      <c r="EP405" s="52"/>
      <c r="EQ405" s="52"/>
      <c r="ER405" s="52"/>
      <c r="ES405" s="52"/>
      <c r="ET405" s="52"/>
      <c r="EU405" s="52"/>
      <c r="EV405" s="52"/>
      <c r="EW405" s="52"/>
      <c r="EX405" s="52"/>
      <c r="EY405" s="52"/>
      <c r="EZ405" s="52"/>
      <c r="FA405" s="52"/>
      <c r="FB405" s="52"/>
      <c r="FC405" s="52"/>
      <c r="FD405" s="52"/>
      <c r="FE405" s="52"/>
      <c r="FF405" s="52"/>
      <c r="FG405" s="52"/>
      <c r="FH405" s="52"/>
      <c r="FI405" s="52"/>
      <c r="FJ405" s="52"/>
      <c r="FK405" s="52"/>
      <c r="FL405" s="52"/>
      <c r="FM405" s="52"/>
      <c r="FN405" s="52"/>
      <c r="FO405" s="52"/>
      <c r="FP405" s="52"/>
      <c r="FQ405" s="52"/>
      <c r="FR405" s="52"/>
      <c r="FS405" s="52"/>
      <c r="FT405" s="52"/>
      <c r="FU405" s="52"/>
      <c r="FV405" s="52"/>
      <c r="FW405" s="52"/>
      <c r="FX405" s="52"/>
      <c r="FY405" s="52"/>
      <c r="FZ405" s="52"/>
      <c r="GA405" s="52"/>
      <c r="GB405" s="52"/>
      <c r="GC405" s="52"/>
      <c r="GD405" s="52"/>
      <c r="GE405" s="52"/>
      <c r="GF405" s="52"/>
      <c r="GG405" s="52"/>
      <c r="GH405" s="52"/>
      <c r="GI405" s="52"/>
      <c r="GJ405" s="52"/>
      <c r="GK405" s="52"/>
      <c r="GL405" s="52"/>
      <c r="GM405" s="52"/>
      <c r="GN405" s="52"/>
      <c r="GO405" s="52"/>
      <c r="GP405" s="52"/>
      <c r="GQ405" s="52"/>
      <c r="GR405" s="52"/>
      <c r="GS405" s="52"/>
      <c r="GT405" s="52"/>
      <c r="GU405" s="52"/>
      <c r="GV405" s="52"/>
      <c r="GW405" s="52"/>
      <c r="GX405" s="52"/>
      <c r="GY405" s="52"/>
      <c r="GZ405" s="52"/>
      <c r="HA405" s="52"/>
      <c r="HB405" s="52"/>
      <c r="HC405" s="52"/>
      <c r="HD405" s="52"/>
      <c r="HE405" s="52"/>
      <c r="HF405" s="52"/>
      <c r="HG405" s="52"/>
      <c r="HH405" s="52"/>
      <c r="HI405" s="52"/>
      <c r="HJ405" s="52"/>
      <c r="HK405" s="52"/>
      <c r="HL405" s="52"/>
      <c r="HM405" s="52"/>
      <c r="HN405" s="52"/>
      <c r="HO405" s="52"/>
      <c r="HP405" s="52"/>
      <c r="HQ405" s="52"/>
      <c r="HR405" s="52"/>
      <c r="HS405" s="52"/>
      <c r="HT405" s="52"/>
      <c r="HU405" s="52"/>
      <c r="HV405" s="52"/>
      <c r="HW405" s="52"/>
      <c r="HX405" s="52"/>
      <c r="HY405" s="52"/>
      <c r="HZ405" s="52"/>
      <c r="IA405" s="52"/>
      <c r="IB405" s="52"/>
      <c r="IC405" s="52"/>
      <c r="ID405" s="52"/>
      <c r="IE405" s="52"/>
      <c r="IF405" s="52"/>
      <c r="IG405" s="52"/>
      <c r="IH405" s="52"/>
      <c r="II405" s="52"/>
      <c r="IJ405" s="52"/>
      <c r="IK405" s="52"/>
      <c r="IL405" s="52"/>
      <c r="IM405" s="52"/>
      <c r="IN405" s="52"/>
      <c r="IO405" s="52"/>
      <c r="IP405" s="52"/>
      <c r="IQ405" s="52"/>
      <c r="IR405" s="52"/>
      <c r="IS405" s="52"/>
      <c r="IT405" s="52"/>
      <c r="IU405" s="52"/>
      <c r="IV405" s="52"/>
      <c r="IW405" s="52"/>
      <c r="IX405" s="52"/>
    </row>
    <row r="406" spans="1:258" s="67" customFormat="1" ht="69.599999999999994" customHeight="1">
      <c r="A406" s="553" t="s">
        <v>188</v>
      </c>
      <c r="B406" s="554"/>
      <c r="C406" s="554"/>
      <c r="D406" s="554"/>
      <c r="E406" s="554"/>
      <c r="F406" s="554"/>
      <c r="G406" s="554"/>
      <c r="H406" s="554"/>
      <c r="I406" s="554"/>
      <c r="J406" s="554"/>
      <c r="K406" s="554"/>
      <c r="L406" s="554"/>
      <c r="M406" s="554"/>
      <c r="N406" s="554"/>
      <c r="O406" s="554"/>
      <c r="P406" s="555"/>
      <c r="Q406" s="139"/>
      <c r="R406" s="138"/>
      <c r="S406" s="78"/>
      <c r="T406" s="76"/>
      <c r="U406" s="77"/>
      <c r="V406" s="77"/>
      <c r="W406" s="77"/>
      <c r="X406" s="77"/>
      <c r="Y406" s="77"/>
      <c r="Z406" s="77"/>
      <c r="AA406" s="77"/>
      <c r="AB406" s="77"/>
      <c r="AC406" s="77"/>
      <c r="AD406" s="77"/>
      <c r="AE406" s="77"/>
      <c r="AF406" s="77"/>
      <c r="AG406" s="77"/>
      <c r="AH406" s="77"/>
      <c r="AI406" s="77"/>
      <c r="AJ406" s="77"/>
      <c r="AK406" s="77"/>
      <c r="AL406" s="77"/>
      <c r="AM406" s="77"/>
      <c r="AN406" s="77"/>
      <c r="AO406" s="77"/>
      <c r="AP406" s="77"/>
      <c r="AQ406" s="77"/>
      <c r="AR406" s="77"/>
      <c r="AS406" s="77"/>
      <c r="AT406" s="77"/>
      <c r="AU406" s="77"/>
      <c r="AV406" s="77"/>
      <c r="AW406" s="77"/>
      <c r="AX406" s="77"/>
      <c r="AY406" s="77"/>
      <c r="AZ406" s="77"/>
      <c r="BA406" s="77"/>
      <c r="BB406" s="77"/>
      <c r="BC406" s="77"/>
      <c r="BD406" s="77"/>
    </row>
    <row r="407" spans="1:258" s="67" customFormat="1" ht="69.599999999999994" customHeight="1">
      <c r="A407" s="571" t="s">
        <v>100</v>
      </c>
      <c r="B407" s="572"/>
      <c r="C407" s="572"/>
      <c r="D407" s="572"/>
      <c r="E407" s="572"/>
      <c r="F407" s="572"/>
      <c r="G407" s="572"/>
      <c r="H407" s="572"/>
      <c r="I407" s="572"/>
      <c r="J407" s="572"/>
      <c r="K407" s="572"/>
      <c r="L407" s="572"/>
      <c r="M407" s="572"/>
      <c r="N407" s="572"/>
      <c r="O407" s="572"/>
      <c r="P407" s="573"/>
      <c r="Q407" s="139"/>
      <c r="R407" s="138"/>
      <c r="S407" s="78"/>
      <c r="T407" s="76"/>
      <c r="U407" s="77"/>
      <c r="V407" s="77"/>
      <c r="W407" s="77"/>
      <c r="X407" s="77"/>
      <c r="Y407" s="77"/>
      <c r="Z407" s="77"/>
      <c r="AA407" s="77"/>
      <c r="AB407" s="77"/>
      <c r="AC407" s="77"/>
      <c r="AD407" s="77"/>
      <c r="AE407" s="77"/>
      <c r="AF407" s="77"/>
      <c r="AG407" s="77"/>
      <c r="AH407" s="77"/>
      <c r="AI407" s="77"/>
      <c r="AJ407" s="77"/>
      <c r="AK407" s="77"/>
      <c r="AL407" s="77"/>
      <c r="AM407" s="77"/>
      <c r="AN407" s="77"/>
      <c r="AO407" s="77"/>
      <c r="AP407" s="77"/>
      <c r="AQ407" s="77"/>
      <c r="AR407" s="77"/>
      <c r="AS407" s="77"/>
      <c r="AT407" s="77"/>
      <c r="AU407" s="77"/>
      <c r="AV407" s="77"/>
      <c r="AW407" s="77"/>
      <c r="AX407" s="77"/>
      <c r="AY407" s="77"/>
      <c r="AZ407" s="77"/>
      <c r="BA407" s="77"/>
      <c r="BB407" s="77"/>
      <c r="BC407" s="77"/>
      <c r="BD407" s="77"/>
    </row>
    <row r="408" spans="1:258" s="67" customFormat="1" ht="69.599999999999994" customHeight="1">
      <c r="A408" s="556" t="s">
        <v>85</v>
      </c>
      <c r="B408" s="557"/>
      <c r="C408" s="557"/>
      <c r="D408" s="557"/>
      <c r="E408" s="557"/>
      <c r="F408" s="557"/>
      <c r="G408" s="557"/>
      <c r="H408" s="557"/>
      <c r="I408" s="557"/>
      <c r="J408" s="557"/>
      <c r="K408" s="557"/>
      <c r="L408" s="557"/>
      <c r="M408" s="557"/>
      <c r="N408" s="557"/>
      <c r="O408" s="557"/>
      <c r="P408" s="558"/>
      <c r="Q408" s="139"/>
      <c r="R408" s="138"/>
      <c r="S408" s="78"/>
      <c r="T408" s="76"/>
      <c r="U408" s="77"/>
      <c r="V408" s="77"/>
      <c r="W408" s="77"/>
      <c r="X408" s="77"/>
      <c r="Y408" s="77"/>
      <c r="Z408" s="77"/>
      <c r="AA408" s="77"/>
      <c r="AB408" s="77"/>
      <c r="AC408" s="77"/>
      <c r="AD408" s="77"/>
      <c r="AE408" s="77"/>
      <c r="AF408" s="77"/>
      <c r="AG408" s="77"/>
      <c r="AH408" s="77"/>
      <c r="AI408" s="77"/>
      <c r="AJ408" s="77"/>
      <c r="AK408" s="77"/>
      <c r="AL408" s="77"/>
      <c r="AM408" s="77"/>
      <c r="AN408" s="77"/>
      <c r="AO408" s="77"/>
      <c r="AP408" s="77"/>
      <c r="AQ408" s="77"/>
      <c r="AR408" s="77"/>
      <c r="AS408" s="77"/>
      <c r="AT408" s="77"/>
      <c r="AU408" s="77"/>
      <c r="AV408" s="77"/>
      <c r="AW408" s="77"/>
      <c r="AX408" s="77"/>
      <c r="AY408" s="77"/>
      <c r="AZ408" s="77"/>
      <c r="BA408" s="77"/>
      <c r="BB408" s="77"/>
      <c r="BC408" s="77"/>
      <c r="BD408" s="77"/>
    </row>
    <row r="409" spans="1:258" s="64" customFormat="1" ht="69.900000000000006" customHeight="1">
      <c r="A409" s="468" t="s">
        <v>25</v>
      </c>
      <c r="B409" s="574"/>
      <c r="C409" s="574"/>
      <c r="D409" s="574"/>
      <c r="E409" s="574"/>
      <c r="F409" s="574"/>
      <c r="G409" s="574"/>
      <c r="H409" s="574"/>
      <c r="I409" s="574"/>
      <c r="J409" s="574"/>
      <c r="K409" s="574"/>
      <c r="L409" s="454"/>
      <c r="M409" s="574"/>
      <c r="N409" s="574"/>
      <c r="O409" s="574"/>
      <c r="P409" s="575"/>
      <c r="Q409" s="122"/>
      <c r="R409" s="138"/>
      <c r="S409" s="162"/>
    </row>
    <row r="410" spans="1:258" s="67" customFormat="1" ht="75" customHeight="1">
      <c r="A410" s="456"/>
      <c r="B410" s="457"/>
      <c r="C410" s="457"/>
      <c r="D410" s="457"/>
      <c r="E410" s="457"/>
      <c r="F410" s="457"/>
      <c r="G410" s="457"/>
      <c r="H410" s="457"/>
      <c r="I410" s="457"/>
      <c r="J410" s="457"/>
      <c r="K410" s="457"/>
      <c r="L410" s="458"/>
      <c r="M410" s="457"/>
      <c r="N410" s="457"/>
      <c r="O410" s="457"/>
      <c r="P410" s="459"/>
      <c r="Q410" s="139"/>
      <c r="R410" s="138"/>
      <c r="S410" s="141"/>
      <c r="T410" s="64"/>
    </row>
    <row r="411" spans="1:258" s="67" customFormat="1" ht="75" customHeight="1" thickBot="1">
      <c r="A411" s="460"/>
      <c r="B411" s="461"/>
      <c r="C411" s="461"/>
      <c r="D411" s="461"/>
      <c r="E411" s="461"/>
      <c r="F411" s="461"/>
      <c r="G411" s="461"/>
      <c r="H411" s="461"/>
      <c r="I411" s="461"/>
      <c r="J411" s="461"/>
      <c r="K411" s="461"/>
      <c r="L411" s="462"/>
      <c r="M411" s="461"/>
      <c r="N411" s="461"/>
      <c r="O411" s="461"/>
      <c r="P411" s="463"/>
      <c r="Q411" s="139"/>
      <c r="R411" s="138"/>
      <c r="S411" s="141"/>
      <c r="T411" s="64"/>
    </row>
    <row r="412" spans="1:258" s="64" customFormat="1" ht="69.900000000000006" customHeight="1" thickBot="1">
      <c r="A412" s="443" t="s">
        <v>379</v>
      </c>
      <c r="B412" s="475"/>
      <c r="C412" s="475"/>
      <c r="D412" s="475"/>
      <c r="E412" s="475"/>
      <c r="F412" s="475"/>
      <c r="G412" s="475"/>
      <c r="H412" s="475"/>
      <c r="I412" s="475"/>
      <c r="J412" s="475"/>
      <c r="K412" s="475"/>
      <c r="L412" s="445"/>
      <c r="M412" s="475"/>
      <c r="N412" s="475"/>
      <c r="O412" s="475"/>
      <c r="P412" s="476"/>
      <c r="Q412" s="139"/>
      <c r="R412" s="138"/>
      <c r="S412" s="78"/>
      <c r="T412" s="76"/>
      <c r="U412" s="76"/>
      <c r="V412" s="76"/>
      <c r="W412" s="76"/>
      <c r="X412" s="76"/>
      <c r="Y412" s="76"/>
      <c r="Z412" s="76"/>
      <c r="AA412" s="76"/>
      <c r="AB412" s="76"/>
      <c r="AC412" s="76"/>
      <c r="AD412" s="76"/>
      <c r="AE412" s="76"/>
      <c r="AF412" s="76"/>
      <c r="AG412" s="76"/>
      <c r="AH412" s="76"/>
      <c r="AI412" s="76"/>
      <c r="AJ412" s="76"/>
      <c r="AK412" s="76"/>
      <c r="AL412" s="76"/>
      <c r="AM412" s="76"/>
      <c r="AN412" s="76"/>
      <c r="AO412" s="76"/>
      <c r="AP412" s="76"/>
      <c r="AQ412" s="76"/>
      <c r="AR412" s="76"/>
      <c r="AS412" s="76"/>
      <c r="AT412" s="76"/>
      <c r="AU412" s="76"/>
      <c r="AV412" s="76"/>
      <c r="AW412" s="76"/>
      <c r="AX412" s="76"/>
      <c r="AY412" s="76"/>
      <c r="AZ412" s="76"/>
      <c r="BA412" s="76"/>
      <c r="BB412" s="76"/>
      <c r="BC412" s="76"/>
      <c r="BD412" s="76"/>
    </row>
    <row r="413" spans="1:258" s="67" customFormat="1" ht="135" customHeight="1" thickTop="1" thickBot="1">
      <c r="A413" s="579" t="s">
        <v>380</v>
      </c>
      <c r="B413" s="379"/>
      <c r="C413" s="379"/>
      <c r="D413" s="379"/>
      <c r="E413" s="379"/>
      <c r="F413" s="379"/>
      <c r="G413" s="379"/>
      <c r="H413" s="379"/>
      <c r="I413" s="379"/>
      <c r="J413" s="379"/>
      <c r="K413" s="379"/>
      <c r="L413" s="379"/>
      <c r="M413" s="570"/>
      <c r="N413" s="112" t="s">
        <v>24</v>
      </c>
      <c r="O413" s="71" t="s">
        <v>20</v>
      </c>
      <c r="P413" s="72" t="s">
        <v>21</v>
      </c>
      <c r="Q413" s="139"/>
      <c r="R413" s="138"/>
      <c r="S413" s="137"/>
      <c r="T413" s="76"/>
      <c r="U413" s="77"/>
      <c r="V413" s="77"/>
      <c r="W413" s="77"/>
      <c r="X413" s="77"/>
      <c r="Y413" s="77"/>
      <c r="Z413" s="77"/>
      <c r="AA413" s="77"/>
      <c r="AB413" s="77"/>
      <c r="AC413" s="77"/>
      <c r="AD413" s="77"/>
      <c r="AE413" s="77"/>
      <c r="AF413" s="77"/>
      <c r="AG413" s="77"/>
      <c r="AH413" s="77"/>
      <c r="AI413" s="77"/>
      <c r="AJ413" s="77"/>
      <c r="AK413" s="77"/>
      <c r="AL413" s="77"/>
      <c r="AM413" s="77"/>
      <c r="AN413" s="77"/>
      <c r="AO413" s="77"/>
      <c r="AP413" s="77"/>
      <c r="AQ413" s="77"/>
      <c r="AR413" s="77"/>
      <c r="AS413" s="77"/>
      <c r="AT413" s="77"/>
      <c r="AU413" s="77"/>
      <c r="AV413" s="77"/>
      <c r="AW413" s="77"/>
      <c r="AX413" s="77"/>
      <c r="AY413" s="77"/>
      <c r="AZ413" s="77"/>
      <c r="BA413" s="77"/>
      <c r="BB413" s="77"/>
      <c r="BC413" s="77"/>
      <c r="BD413" s="77"/>
    </row>
    <row r="414" spans="1:258" s="64" customFormat="1" ht="69.900000000000006" customHeight="1" thickTop="1">
      <c r="A414" s="452" t="s">
        <v>25</v>
      </c>
      <c r="B414" s="574"/>
      <c r="C414" s="574"/>
      <c r="D414" s="574"/>
      <c r="E414" s="574"/>
      <c r="F414" s="574"/>
      <c r="G414" s="574"/>
      <c r="H414" s="574"/>
      <c r="I414" s="574"/>
      <c r="J414" s="574"/>
      <c r="K414" s="574"/>
      <c r="L414" s="454"/>
      <c r="M414" s="574"/>
      <c r="N414" s="574"/>
      <c r="O414" s="574"/>
      <c r="P414" s="575"/>
      <c r="Q414" s="122"/>
      <c r="R414" s="138"/>
      <c r="S414" s="162"/>
    </row>
    <row r="415" spans="1:258" s="67" customFormat="1" ht="75" customHeight="1">
      <c r="A415" s="456"/>
      <c r="B415" s="457"/>
      <c r="C415" s="457"/>
      <c r="D415" s="457"/>
      <c r="E415" s="457"/>
      <c r="F415" s="457"/>
      <c r="G415" s="457"/>
      <c r="H415" s="457"/>
      <c r="I415" s="457"/>
      <c r="J415" s="457"/>
      <c r="K415" s="457"/>
      <c r="L415" s="458"/>
      <c r="M415" s="457"/>
      <c r="N415" s="457"/>
      <c r="O415" s="457"/>
      <c r="P415" s="459"/>
      <c r="Q415" s="139"/>
      <c r="R415" s="138"/>
      <c r="S415" s="141"/>
      <c r="T415" s="64"/>
    </row>
    <row r="416" spans="1:258" s="67" customFormat="1" ht="75" customHeight="1" thickBot="1">
      <c r="A416" s="460"/>
      <c r="B416" s="461"/>
      <c r="C416" s="461"/>
      <c r="D416" s="461"/>
      <c r="E416" s="461"/>
      <c r="F416" s="461"/>
      <c r="G416" s="461"/>
      <c r="H416" s="461"/>
      <c r="I416" s="461"/>
      <c r="J416" s="461"/>
      <c r="K416" s="461"/>
      <c r="L416" s="462"/>
      <c r="M416" s="461"/>
      <c r="N416" s="461"/>
      <c r="O416" s="461"/>
      <c r="P416" s="463"/>
      <c r="Q416" s="139"/>
      <c r="R416" s="138"/>
      <c r="S416" s="141"/>
      <c r="T416" s="64"/>
    </row>
    <row r="417" spans="1:258" s="64" customFormat="1" ht="69.900000000000006" customHeight="1" thickBot="1">
      <c r="A417" s="568" t="s">
        <v>381</v>
      </c>
      <c r="B417" s="445"/>
      <c r="C417" s="445"/>
      <c r="D417" s="445"/>
      <c r="E417" s="445"/>
      <c r="F417" s="445"/>
      <c r="G417" s="445"/>
      <c r="H417" s="445"/>
      <c r="I417" s="445"/>
      <c r="J417" s="445"/>
      <c r="K417" s="445"/>
      <c r="L417" s="445"/>
      <c r="M417" s="445"/>
      <c r="N417" s="445"/>
      <c r="O417" s="445"/>
      <c r="P417" s="569"/>
      <c r="Q417" s="139"/>
      <c r="R417" s="138"/>
      <c r="S417" s="78"/>
      <c r="T417" s="76"/>
      <c r="U417" s="76"/>
      <c r="V417" s="76"/>
      <c r="W417" s="76"/>
      <c r="X417" s="76"/>
      <c r="Y417" s="76"/>
      <c r="Z417" s="76"/>
      <c r="AA417" s="76"/>
      <c r="AB417" s="76"/>
      <c r="AC417" s="76"/>
      <c r="AD417" s="76"/>
      <c r="AE417" s="76"/>
      <c r="AF417" s="76"/>
      <c r="AG417" s="76"/>
      <c r="AH417" s="76"/>
      <c r="AI417" s="76"/>
      <c r="AJ417" s="76"/>
      <c r="AK417" s="76"/>
      <c r="AL417" s="76"/>
      <c r="AM417" s="76"/>
      <c r="AN417" s="76"/>
      <c r="AO417" s="76"/>
      <c r="AP417" s="76"/>
      <c r="AQ417" s="76"/>
      <c r="AR417" s="76"/>
      <c r="AS417" s="76"/>
      <c r="AT417" s="76"/>
      <c r="AU417" s="76"/>
      <c r="AV417" s="76"/>
      <c r="AW417" s="76"/>
      <c r="AX417" s="76"/>
      <c r="AY417" s="76"/>
      <c r="AZ417" s="76"/>
      <c r="BA417" s="76"/>
      <c r="BB417" s="76"/>
      <c r="BC417" s="76"/>
      <c r="BD417" s="76"/>
    </row>
    <row r="418" spans="1:258" s="67" customFormat="1" ht="132" customHeight="1" thickTop="1" thickBot="1">
      <c r="A418" s="447" t="s">
        <v>382</v>
      </c>
      <c r="B418" s="352"/>
      <c r="C418" s="352"/>
      <c r="D418" s="352"/>
      <c r="E418" s="352"/>
      <c r="F418" s="352"/>
      <c r="G418" s="352"/>
      <c r="H418" s="352"/>
      <c r="I418" s="352"/>
      <c r="J418" s="352"/>
      <c r="K418" s="352"/>
      <c r="L418" s="352"/>
      <c r="M418" s="352"/>
      <c r="N418" s="689"/>
      <c r="O418" s="65" t="s">
        <v>20</v>
      </c>
      <c r="P418" s="66" t="s">
        <v>21</v>
      </c>
      <c r="Q418" s="139"/>
      <c r="R418" s="138"/>
      <c r="S418" s="137"/>
      <c r="T418" s="76"/>
      <c r="U418" s="77"/>
      <c r="V418" s="77"/>
      <c r="W418" s="77"/>
      <c r="X418" s="76"/>
      <c r="Y418" s="76"/>
      <c r="Z418" s="76"/>
      <c r="AA418" s="76"/>
      <c r="AB418" s="76"/>
      <c r="AC418" s="76"/>
      <c r="AD418" s="76"/>
      <c r="AE418" s="76"/>
      <c r="AF418" s="76"/>
      <c r="AG418" s="76"/>
      <c r="AH418" s="76"/>
      <c r="AI418" s="76"/>
      <c r="AJ418" s="76"/>
      <c r="AK418" s="76"/>
      <c r="AL418" s="76"/>
      <c r="AM418" s="76"/>
      <c r="AN418" s="77"/>
      <c r="AO418" s="77"/>
      <c r="AP418" s="77"/>
      <c r="AQ418" s="77"/>
      <c r="AR418" s="77"/>
      <c r="AS418" s="77"/>
      <c r="AT418" s="77"/>
      <c r="AU418" s="77"/>
      <c r="AV418" s="77"/>
      <c r="AW418" s="77"/>
      <c r="AX418" s="77"/>
      <c r="AY418" s="77"/>
      <c r="AZ418" s="77"/>
      <c r="BA418" s="77"/>
      <c r="BB418" s="77"/>
      <c r="BC418" s="77"/>
      <c r="BD418" s="77"/>
    </row>
    <row r="419" spans="1:258" s="67" customFormat="1" ht="132" customHeight="1" thickTop="1" thickBot="1">
      <c r="A419" s="467" t="s">
        <v>383</v>
      </c>
      <c r="B419" s="610"/>
      <c r="C419" s="610"/>
      <c r="D419" s="610"/>
      <c r="E419" s="610"/>
      <c r="F419" s="610"/>
      <c r="G419" s="610"/>
      <c r="H419" s="610"/>
      <c r="I419" s="610"/>
      <c r="J419" s="610"/>
      <c r="K419" s="610"/>
      <c r="L419" s="349"/>
      <c r="M419" s="610"/>
      <c r="N419" s="661"/>
      <c r="O419" s="75" t="s">
        <v>20</v>
      </c>
      <c r="P419" s="136" t="s">
        <v>21</v>
      </c>
      <c r="Q419" s="139"/>
      <c r="R419" s="138"/>
      <c r="S419" s="137"/>
      <c r="T419" s="76"/>
      <c r="U419" s="77"/>
      <c r="V419" s="77"/>
      <c r="W419" s="77"/>
      <c r="X419" s="77"/>
      <c r="Y419" s="77"/>
      <c r="Z419" s="77"/>
      <c r="AA419" s="77"/>
      <c r="AB419" s="77"/>
      <c r="AC419" s="77"/>
      <c r="AD419" s="77"/>
      <c r="AE419" s="77"/>
      <c r="AF419" s="77"/>
      <c r="AG419" s="77"/>
      <c r="AH419" s="77"/>
      <c r="AI419" s="77"/>
      <c r="AJ419" s="77"/>
      <c r="AK419" s="77"/>
      <c r="AL419" s="77"/>
      <c r="AM419" s="77"/>
      <c r="AN419" s="77"/>
      <c r="AO419" s="77"/>
      <c r="AP419" s="77"/>
      <c r="AQ419" s="77"/>
      <c r="AR419" s="77"/>
      <c r="AS419" s="77"/>
      <c r="AT419" s="77"/>
      <c r="AU419" s="77"/>
      <c r="AV419" s="77"/>
      <c r="AW419" s="77"/>
      <c r="AX419" s="77"/>
      <c r="AY419" s="77"/>
      <c r="AZ419" s="77"/>
      <c r="BA419" s="77"/>
      <c r="BB419" s="77"/>
      <c r="BC419" s="77"/>
      <c r="BD419" s="77"/>
    </row>
    <row r="420" spans="1:258" s="64" customFormat="1" ht="69.900000000000006" customHeight="1" thickTop="1">
      <c r="A420" s="503" t="s">
        <v>52</v>
      </c>
      <c r="B420" s="577"/>
      <c r="C420" s="577"/>
      <c r="D420" s="577"/>
      <c r="E420" s="577"/>
      <c r="F420" s="577"/>
      <c r="G420" s="577"/>
      <c r="H420" s="577"/>
      <c r="I420" s="577"/>
      <c r="J420" s="577"/>
      <c r="K420" s="577"/>
      <c r="L420" s="505"/>
      <c r="M420" s="577"/>
      <c r="N420" s="577"/>
      <c r="O420" s="577"/>
      <c r="P420" s="578"/>
      <c r="Q420" s="122"/>
      <c r="R420" s="138"/>
      <c r="S420" s="162"/>
    </row>
    <row r="421" spans="1:258" s="64" customFormat="1" ht="69.900000000000006" customHeight="1">
      <c r="A421" s="507" t="s">
        <v>194</v>
      </c>
      <c r="B421" s="508"/>
      <c r="C421" s="508"/>
      <c r="D421" s="508"/>
      <c r="E421" s="508"/>
      <c r="F421" s="508"/>
      <c r="G421" s="508"/>
      <c r="H421" s="508"/>
      <c r="I421" s="508"/>
      <c r="J421" s="508"/>
      <c r="K421" s="508"/>
      <c r="L421" s="508"/>
      <c r="M421" s="508"/>
      <c r="N421" s="508"/>
      <c r="O421" s="508"/>
      <c r="P421" s="509"/>
      <c r="Q421" s="161"/>
      <c r="R421" s="133"/>
      <c r="S421" s="162"/>
      <c r="T421" s="52"/>
      <c r="U421" s="52"/>
      <c r="V421" s="52"/>
      <c r="W421" s="52"/>
      <c r="X421" s="52"/>
      <c r="Y421" s="52"/>
      <c r="Z421" s="52"/>
      <c r="AA421" s="52"/>
      <c r="AB421" s="52"/>
      <c r="AC421" s="52"/>
      <c r="AD421" s="52"/>
      <c r="AE421" s="52"/>
      <c r="AF421" s="52"/>
      <c r="AG421" s="52"/>
      <c r="AH421" s="52"/>
      <c r="AI421" s="52"/>
      <c r="AJ421" s="52"/>
      <c r="AK421" s="52"/>
      <c r="AL421" s="52"/>
      <c r="AM421" s="52"/>
      <c r="AN421" s="52"/>
      <c r="AO421" s="52"/>
      <c r="AP421" s="52"/>
      <c r="AQ421" s="52"/>
      <c r="AR421" s="52"/>
      <c r="AS421" s="52"/>
      <c r="AT421" s="52"/>
      <c r="AU421" s="52"/>
      <c r="AV421" s="52"/>
      <c r="AW421" s="52"/>
      <c r="AX421" s="52"/>
      <c r="AY421" s="52"/>
      <c r="AZ421" s="52"/>
      <c r="BA421" s="52"/>
      <c r="BB421" s="52"/>
      <c r="BC421" s="52"/>
      <c r="BD421" s="52"/>
      <c r="BE421" s="52"/>
      <c r="BF421" s="52"/>
      <c r="BG421" s="52"/>
      <c r="BH421" s="52"/>
      <c r="BI421" s="52"/>
      <c r="BJ421" s="52"/>
      <c r="BK421" s="52"/>
      <c r="BL421" s="52"/>
      <c r="BM421" s="52"/>
      <c r="BN421" s="52"/>
      <c r="BO421" s="52"/>
      <c r="BP421" s="52"/>
      <c r="BQ421" s="52"/>
      <c r="BR421" s="52"/>
      <c r="BS421" s="52"/>
      <c r="BT421" s="52"/>
      <c r="BU421" s="52"/>
      <c r="BV421" s="52"/>
      <c r="BW421" s="52"/>
      <c r="BX421" s="52"/>
      <c r="BY421" s="52"/>
      <c r="BZ421" s="52"/>
      <c r="CA421" s="52"/>
      <c r="CB421" s="52"/>
      <c r="CC421" s="52"/>
      <c r="CD421" s="52"/>
      <c r="CE421" s="52"/>
      <c r="CF421" s="52"/>
      <c r="CG421" s="52"/>
      <c r="CH421" s="52"/>
      <c r="CI421" s="52"/>
      <c r="CJ421" s="52"/>
      <c r="CK421" s="52"/>
      <c r="CL421" s="52"/>
      <c r="CM421" s="52"/>
      <c r="CN421" s="52"/>
      <c r="CO421" s="52"/>
      <c r="CP421" s="52"/>
      <c r="CQ421" s="52"/>
      <c r="CR421" s="52"/>
      <c r="CS421" s="52"/>
      <c r="CT421" s="52"/>
      <c r="CU421" s="52"/>
      <c r="CV421" s="52"/>
      <c r="CW421" s="52"/>
      <c r="CX421" s="52"/>
      <c r="CY421" s="52"/>
      <c r="CZ421" s="52"/>
      <c r="DA421" s="52"/>
      <c r="DB421" s="52"/>
      <c r="DC421" s="52"/>
      <c r="DD421" s="52"/>
      <c r="DE421" s="52"/>
      <c r="DF421" s="52"/>
      <c r="DG421" s="52"/>
      <c r="DH421" s="52"/>
      <c r="DI421" s="52"/>
      <c r="DJ421" s="52"/>
      <c r="DK421" s="52"/>
      <c r="DL421" s="52"/>
      <c r="DM421" s="52"/>
      <c r="DN421" s="52"/>
      <c r="DO421" s="52"/>
      <c r="DP421" s="52"/>
      <c r="DQ421" s="52"/>
      <c r="DR421" s="52"/>
      <c r="DS421" s="52"/>
      <c r="DT421" s="52"/>
      <c r="DU421" s="52"/>
      <c r="DV421" s="52"/>
      <c r="DW421" s="52"/>
      <c r="DX421" s="52"/>
      <c r="DY421" s="52"/>
      <c r="DZ421" s="52"/>
      <c r="EA421" s="52"/>
      <c r="EB421" s="52"/>
      <c r="EC421" s="52"/>
      <c r="ED421" s="52"/>
      <c r="EE421" s="52"/>
      <c r="EF421" s="52"/>
      <c r="EG421" s="52"/>
      <c r="EH421" s="52"/>
      <c r="EI421" s="52"/>
      <c r="EJ421" s="52"/>
      <c r="EK421" s="52"/>
      <c r="EL421" s="52"/>
      <c r="EM421" s="52"/>
      <c r="EN421" s="52"/>
      <c r="EO421" s="52"/>
      <c r="EP421" s="52"/>
      <c r="EQ421" s="52"/>
      <c r="ER421" s="52"/>
      <c r="ES421" s="52"/>
      <c r="ET421" s="52"/>
      <c r="EU421" s="52"/>
      <c r="EV421" s="52"/>
      <c r="EW421" s="52"/>
      <c r="EX421" s="52"/>
      <c r="EY421" s="52"/>
      <c r="EZ421" s="52"/>
      <c r="FA421" s="52"/>
      <c r="FB421" s="52"/>
      <c r="FC421" s="52"/>
      <c r="FD421" s="52"/>
      <c r="FE421" s="52"/>
      <c r="FF421" s="52"/>
      <c r="FG421" s="52"/>
      <c r="FH421" s="52"/>
      <c r="FI421" s="52"/>
      <c r="FJ421" s="52"/>
      <c r="FK421" s="52"/>
      <c r="FL421" s="52"/>
      <c r="FM421" s="52"/>
      <c r="FN421" s="52"/>
      <c r="FO421" s="52"/>
      <c r="FP421" s="52"/>
      <c r="FQ421" s="52"/>
      <c r="FR421" s="52"/>
      <c r="FS421" s="52"/>
      <c r="FT421" s="52"/>
      <c r="FU421" s="52"/>
      <c r="FV421" s="52"/>
      <c r="FW421" s="52"/>
      <c r="FX421" s="52"/>
      <c r="FY421" s="52"/>
      <c r="FZ421" s="52"/>
      <c r="GA421" s="52"/>
      <c r="GB421" s="52"/>
      <c r="GC421" s="52"/>
      <c r="GD421" s="52"/>
      <c r="GE421" s="52"/>
      <c r="GF421" s="52"/>
      <c r="GG421" s="52"/>
      <c r="GH421" s="52"/>
      <c r="GI421" s="52"/>
      <c r="GJ421" s="52"/>
      <c r="GK421" s="52"/>
      <c r="GL421" s="52"/>
      <c r="GM421" s="52"/>
      <c r="GN421" s="52"/>
      <c r="GO421" s="52"/>
      <c r="GP421" s="52"/>
      <c r="GQ421" s="52"/>
      <c r="GR421" s="52"/>
      <c r="GS421" s="52"/>
      <c r="GT421" s="52"/>
      <c r="GU421" s="52"/>
      <c r="GV421" s="52"/>
      <c r="GW421" s="52"/>
      <c r="GX421" s="52"/>
      <c r="GY421" s="52"/>
      <c r="GZ421" s="52"/>
      <c r="HA421" s="52"/>
      <c r="HB421" s="52"/>
      <c r="HC421" s="52"/>
      <c r="HD421" s="52"/>
      <c r="HE421" s="52"/>
      <c r="HF421" s="52"/>
      <c r="HG421" s="52"/>
      <c r="HH421" s="52"/>
      <c r="HI421" s="52"/>
      <c r="HJ421" s="52"/>
      <c r="HK421" s="52"/>
      <c r="HL421" s="52"/>
      <c r="HM421" s="52"/>
      <c r="HN421" s="52"/>
      <c r="HO421" s="52"/>
      <c r="HP421" s="52"/>
      <c r="HQ421" s="52"/>
      <c r="HR421" s="52"/>
      <c r="HS421" s="52"/>
      <c r="HT421" s="52"/>
      <c r="HU421" s="52"/>
      <c r="HV421" s="52"/>
      <c r="HW421" s="52"/>
      <c r="HX421" s="52"/>
      <c r="HY421" s="52"/>
      <c r="HZ421" s="52"/>
      <c r="IA421" s="52"/>
      <c r="IB421" s="52"/>
      <c r="IC421" s="52"/>
      <c r="ID421" s="52"/>
      <c r="IE421" s="52"/>
      <c r="IF421" s="52"/>
      <c r="IG421" s="52"/>
      <c r="IH421" s="52"/>
      <c r="II421" s="52"/>
      <c r="IJ421" s="52"/>
      <c r="IK421" s="52"/>
      <c r="IL421" s="52"/>
      <c r="IM421" s="52"/>
      <c r="IN421" s="52"/>
      <c r="IO421" s="52"/>
      <c r="IP421" s="52"/>
      <c r="IQ421" s="52"/>
      <c r="IR421" s="52"/>
      <c r="IS421" s="52"/>
      <c r="IT421" s="52"/>
      <c r="IU421" s="52"/>
      <c r="IV421" s="52"/>
      <c r="IW421" s="52"/>
      <c r="IX421" s="52"/>
    </row>
    <row r="422" spans="1:258" s="67" customFormat="1" ht="69.599999999999994" customHeight="1">
      <c r="A422" s="553" t="s">
        <v>195</v>
      </c>
      <c r="B422" s="554"/>
      <c r="C422" s="554"/>
      <c r="D422" s="554"/>
      <c r="E422" s="554"/>
      <c r="F422" s="554"/>
      <c r="G422" s="554"/>
      <c r="H422" s="554"/>
      <c r="I422" s="554"/>
      <c r="J422" s="554"/>
      <c r="K422" s="554"/>
      <c r="L422" s="554"/>
      <c r="M422" s="554"/>
      <c r="N422" s="554"/>
      <c r="O422" s="554"/>
      <c r="P422" s="555"/>
      <c r="Q422" s="139"/>
      <c r="R422" s="138"/>
      <c r="S422" s="78"/>
      <c r="T422" s="76"/>
      <c r="U422" s="77"/>
      <c r="V422" s="77"/>
      <c r="W422" s="77"/>
      <c r="X422" s="77"/>
      <c r="Y422" s="77"/>
      <c r="Z422" s="77"/>
      <c r="AA422" s="77"/>
      <c r="AB422" s="77"/>
      <c r="AC422" s="77"/>
      <c r="AD422" s="77"/>
      <c r="AE422" s="77"/>
      <c r="AF422" s="77"/>
      <c r="AG422" s="77"/>
      <c r="AH422" s="77"/>
      <c r="AI422" s="77"/>
      <c r="AJ422" s="77"/>
      <c r="AK422" s="77"/>
      <c r="AL422" s="77"/>
      <c r="AM422" s="77"/>
      <c r="AN422" s="77"/>
      <c r="AO422" s="77"/>
      <c r="AP422" s="77"/>
      <c r="AQ422" s="77"/>
      <c r="AR422" s="77"/>
      <c r="AS422" s="77"/>
      <c r="AT422" s="77"/>
      <c r="AU422" s="77"/>
      <c r="AV422" s="77"/>
      <c r="AW422" s="77"/>
      <c r="AX422" s="77"/>
      <c r="AY422" s="77"/>
      <c r="AZ422" s="77"/>
      <c r="BA422" s="77"/>
      <c r="BB422" s="77"/>
      <c r="BC422" s="77"/>
      <c r="BD422" s="77"/>
    </row>
    <row r="423" spans="1:258" s="67" customFormat="1" ht="69.599999999999994" customHeight="1">
      <c r="A423" s="556" t="s">
        <v>85</v>
      </c>
      <c r="B423" s="557"/>
      <c r="C423" s="557"/>
      <c r="D423" s="557"/>
      <c r="E423" s="557"/>
      <c r="F423" s="557"/>
      <c r="G423" s="557"/>
      <c r="H423" s="557"/>
      <c r="I423" s="557"/>
      <c r="J423" s="557"/>
      <c r="K423" s="557"/>
      <c r="L423" s="557"/>
      <c r="M423" s="557"/>
      <c r="N423" s="557"/>
      <c r="O423" s="557"/>
      <c r="P423" s="558"/>
      <c r="Q423" s="139"/>
      <c r="R423" s="138"/>
      <c r="S423" s="78"/>
      <c r="T423" s="76"/>
      <c r="U423" s="77"/>
      <c r="V423" s="77"/>
      <c r="W423" s="77"/>
      <c r="X423" s="77"/>
      <c r="Y423" s="77"/>
      <c r="Z423" s="77"/>
      <c r="AA423" s="77"/>
      <c r="AB423" s="77"/>
      <c r="AC423" s="77"/>
      <c r="AD423" s="77"/>
      <c r="AE423" s="77"/>
      <c r="AF423" s="77"/>
      <c r="AG423" s="77"/>
      <c r="AH423" s="77"/>
      <c r="AI423" s="77"/>
      <c r="AJ423" s="77"/>
      <c r="AK423" s="77"/>
      <c r="AL423" s="77"/>
      <c r="AM423" s="77"/>
      <c r="AN423" s="77"/>
      <c r="AO423" s="77"/>
      <c r="AP423" s="77"/>
      <c r="AQ423" s="77"/>
      <c r="AR423" s="77"/>
      <c r="AS423" s="77"/>
      <c r="AT423" s="77"/>
      <c r="AU423" s="77"/>
      <c r="AV423" s="77"/>
      <c r="AW423" s="77"/>
      <c r="AX423" s="77"/>
      <c r="AY423" s="77"/>
      <c r="AZ423" s="77"/>
      <c r="BA423" s="77"/>
      <c r="BB423" s="77"/>
      <c r="BC423" s="77"/>
      <c r="BD423" s="77"/>
    </row>
    <row r="424" spans="1:258" s="52" customFormat="1" ht="69.900000000000006" customHeight="1">
      <c r="A424" s="600" t="s">
        <v>196</v>
      </c>
      <c r="B424" s="601"/>
      <c r="C424" s="601"/>
      <c r="D424" s="601"/>
      <c r="E424" s="601"/>
      <c r="F424" s="601"/>
      <c r="G424" s="601"/>
      <c r="H424" s="601"/>
      <c r="I424" s="601"/>
      <c r="J424" s="601"/>
      <c r="K424" s="601"/>
      <c r="L424" s="601"/>
      <c r="M424" s="601"/>
      <c r="N424" s="601"/>
      <c r="O424" s="601"/>
      <c r="P424" s="602"/>
      <c r="Q424" s="161"/>
      <c r="R424" s="133"/>
      <c r="S424" s="162"/>
    </row>
    <row r="425" spans="1:258" s="67" customFormat="1" ht="69.599999999999994" customHeight="1">
      <c r="A425" s="553" t="s">
        <v>197</v>
      </c>
      <c r="B425" s="554"/>
      <c r="C425" s="554"/>
      <c r="D425" s="554"/>
      <c r="E425" s="554"/>
      <c r="F425" s="554"/>
      <c r="G425" s="554"/>
      <c r="H425" s="554"/>
      <c r="I425" s="554"/>
      <c r="J425" s="554"/>
      <c r="K425" s="554"/>
      <c r="L425" s="554"/>
      <c r="M425" s="554"/>
      <c r="N425" s="554"/>
      <c r="O425" s="554"/>
      <c r="P425" s="555"/>
      <c r="Q425" s="139"/>
      <c r="R425" s="138"/>
      <c r="S425" s="78"/>
      <c r="T425" s="76"/>
      <c r="U425" s="77"/>
      <c r="V425" s="77"/>
      <c r="W425" s="77"/>
      <c r="X425" s="77"/>
      <c r="Y425" s="77"/>
      <c r="Z425" s="77"/>
      <c r="AA425" s="77"/>
      <c r="AB425" s="77"/>
      <c r="AC425" s="77"/>
      <c r="AD425" s="77"/>
      <c r="AE425" s="77"/>
      <c r="AF425" s="77"/>
      <c r="AG425" s="77"/>
      <c r="AH425" s="77"/>
      <c r="AI425" s="77"/>
      <c r="AJ425" s="77"/>
      <c r="AK425" s="77"/>
      <c r="AL425" s="77"/>
      <c r="AM425" s="77"/>
      <c r="AN425" s="77"/>
      <c r="AO425" s="77"/>
      <c r="AP425" s="77"/>
      <c r="AQ425" s="77"/>
      <c r="AR425" s="77"/>
      <c r="AS425" s="77"/>
      <c r="AT425" s="77"/>
      <c r="AU425" s="77"/>
      <c r="AV425" s="77"/>
      <c r="AW425" s="77"/>
      <c r="AX425" s="77"/>
      <c r="AY425" s="77"/>
      <c r="AZ425" s="77"/>
      <c r="BA425" s="77"/>
      <c r="BB425" s="77"/>
      <c r="BC425" s="77"/>
      <c r="BD425" s="77"/>
    </row>
    <row r="426" spans="1:258" s="67" customFormat="1" ht="69.599999999999994" customHeight="1">
      <c r="A426" s="556" t="s">
        <v>85</v>
      </c>
      <c r="B426" s="557"/>
      <c r="C426" s="557"/>
      <c r="D426" s="557"/>
      <c r="E426" s="557"/>
      <c r="F426" s="557"/>
      <c r="G426" s="557"/>
      <c r="H426" s="557"/>
      <c r="I426" s="557"/>
      <c r="J426" s="557"/>
      <c r="K426" s="557"/>
      <c r="L426" s="557"/>
      <c r="M426" s="557"/>
      <c r="N426" s="557"/>
      <c r="O426" s="557"/>
      <c r="P426" s="558"/>
      <c r="Q426" s="139"/>
      <c r="R426" s="138"/>
      <c r="S426" s="78"/>
      <c r="T426" s="76"/>
      <c r="U426" s="77"/>
      <c r="V426" s="77"/>
      <c r="W426" s="77"/>
      <c r="X426" s="77"/>
      <c r="Y426" s="77"/>
      <c r="Z426" s="77"/>
      <c r="AA426" s="77"/>
      <c r="AB426" s="77"/>
      <c r="AC426" s="77"/>
      <c r="AD426" s="77"/>
      <c r="AE426" s="77"/>
      <c r="AF426" s="77"/>
      <c r="AG426" s="77"/>
      <c r="AH426" s="77"/>
      <c r="AI426" s="77"/>
      <c r="AJ426" s="77"/>
      <c r="AK426" s="77"/>
      <c r="AL426" s="77"/>
      <c r="AM426" s="77"/>
      <c r="AN426" s="77"/>
      <c r="AO426" s="77"/>
      <c r="AP426" s="77"/>
      <c r="AQ426" s="77"/>
      <c r="AR426" s="77"/>
      <c r="AS426" s="77"/>
      <c r="AT426" s="77"/>
      <c r="AU426" s="77"/>
      <c r="AV426" s="77"/>
      <c r="AW426" s="77"/>
      <c r="AX426" s="77"/>
      <c r="AY426" s="77"/>
      <c r="AZ426" s="77"/>
      <c r="BA426" s="77"/>
      <c r="BB426" s="77"/>
      <c r="BC426" s="77"/>
      <c r="BD426" s="77"/>
    </row>
    <row r="427" spans="1:258" s="64" customFormat="1" ht="69.900000000000006" customHeight="1">
      <c r="A427" s="468" t="s">
        <v>25</v>
      </c>
      <c r="B427" s="574"/>
      <c r="C427" s="574"/>
      <c r="D427" s="574"/>
      <c r="E427" s="574"/>
      <c r="F427" s="574"/>
      <c r="G427" s="574"/>
      <c r="H427" s="574"/>
      <c r="I427" s="574"/>
      <c r="J427" s="574"/>
      <c r="K427" s="574"/>
      <c r="L427" s="454"/>
      <c r="M427" s="574"/>
      <c r="N427" s="574"/>
      <c r="O427" s="574"/>
      <c r="P427" s="575"/>
      <c r="Q427" s="122"/>
      <c r="R427" s="138"/>
      <c r="S427" s="162"/>
    </row>
    <row r="428" spans="1:258" s="67" customFormat="1" ht="75" customHeight="1">
      <c r="A428" s="456"/>
      <c r="B428" s="457"/>
      <c r="C428" s="457"/>
      <c r="D428" s="457"/>
      <c r="E428" s="457"/>
      <c r="F428" s="457"/>
      <c r="G428" s="457"/>
      <c r="H428" s="457"/>
      <c r="I428" s="457"/>
      <c r="J428" s="457"/>
      <c r="K428" s="457"/>
      <c r="L428" s="458"/>
      <c r="M428" s="457"/>
      <c r="N428" s="457"/>
      <c r="O428" s="457"/>
      <c r="P428" s="459"/>
      <c r="Q428" s="139"/>
      <c r="R428" s="138"/>
      <c r="S428" s="141"/>
      <c r="T428" s="64"/>
    </row>
    <row r="429" spans="1:258" s="67" customFormat="1" ht="75" customHeight="1" thickBot="1">
      <c r="A429" s="460"/>
      <c r="B429" s="461"/>
      <c r="C429" s="461"/>
      <c r="D429" s="461"/>
      <c r="E429" s="461"/>
      <c r="F429" s="461"/>
      <c r="G429" s="461"/>
      <c r="H429" s="461"/>
      <c r="I429" s="461"/>
      <c r="J429" s="461"/>
      <c r="K429" s="461"/>
      <c r="L429" s="462"/>
      <c r="M429" s="461"/>
      <c r="N429" s="461"/>
      <c r="O429" s="461"/>
      <c r="P429" s="463"/>
      <c r="Q429" s="139"/>
      <c r="R429" s="138"/>
      <c r="S429" s="141"/>
      <c r="T429" s="64"/>
    </row>
    <row r="430" spans="1:258" s="64" customFormat="1" ht="69.900000000000006" customHeight="1" thickBot="1">
      <c r="A430" s="568" t="s">
        <v>384</v>
      </c>
      <c r="B430" s="445"/>
      <c r="C430" s="445"/>
      <c r="D430" s="445"/>
      <c r="E430" s="445"/>
      <c r="F430" s="445"/>
      <c r="G430" s="445"/>
      <c r="H430" s="445"/>
      <c r="I430" s="445"/>
      <c r="J430" s="445"/>
      <c r="K430" s="445"/>
      <c r="L430" s="445"/>
      <c r="M430" s="445"/>
      <c r="N430" s="445"/>
      <c r="O430" s="445"/>
      <c r="P430" s="569"/>
      <c r="Q430" s="139"/>
      <c r="R430" s="138"/>
      <c r="S430" s="78"/>
      <c r="T430" s="76"/>
      <c r="U430" s="76"/>
      <c r="V430" s="76"/>
      <c r="W430" s="76"/>
      <c r="X430" s="77"/>
      <c r="Y430" s="77"/>
      <c r="Z430" s="77"/>
      <c r="AA430" s="77"/>
      <c r="AB430" s="77"/>
      <c r="AC430" s="77"/>
      <c r="AD430" s="77"/>
      <c r="AE430" s="77"/>
      <c r="AF430" s="77"/>
      <c r="AG430" s="77"/>
      <c r="AH430" s="77"/>
      <c r="AI430" s="77"/>
      <c r="AJ430" s="77"/>
      <c r="AK430" s="77"/>
      <c r="AL430" s="77"/>
      <c r="AM430" s="77"/>
      <c r="AN430" s="76"/>
      <c r="AO430" s="76"/>
      <c r="AP430" s="76"/>
      <c r="AQ430" s="76"/>
      <c r="AR430" s="76"/>
      <c r="AS430" s="76"/>
      <c r="AT430" s="76"/>
      <c r="AU430" s="76"/>
      <c r="AV430" s="76"/>
      <c r="AW430" s="76"/>
      <c r="AX430" s="76"/>
      <c r="AY430" s="76"/>
      <c r="AZ430" s="76"/>
      <c r="BA430" s="76"/>
      <c r="BB430" s="76"/>
      <c r="BC430" s="76"/>
      <c r="BD430" s="76"/>
    </row>
    <row r="431" spans="1:258" s="67" customFormat="1" ht="271.2" customHeight="1" thickTop="1" thickBot="1">
      <c r="A431" s="485" t="s">
        <v>385</v>
      </c>
      <c r="B431" s="598"/>
      <c r="C431" s="598"/>
      <c r="D431" s="598"/>
      <c r="E431" s="598"/>
      <c r="F431" s="598"/>
      <c r="G431" s="598"/>
      <c r="H431" s="598"/>
      <c r="I431" s="598"/>
      <c r="J431" s="598"/>
      <c r="K431" s="598"/>
      <c r="L431" s="352"/>
      <c r="M431" s="598"/>
      <c r="N431" s="638"/>
      <c r="O431" s="68" t="s">
        <v>20</v>
      </c>
      <c r="P431" s="69" t="s">
        <v>21</v>
      </c>
      <c r="Q431" s="139"/>
      <c r="R431" s="138"/>
      <c r="S431" s="137"/>
      <c r="T431" s="76"/>
      <c r="U431" s="77"/>
      <c r="V431" s="77"/>
      <c r="W431" s="77"/>
      <c r="X431" s="76"/>
      <c r="Y431" s="76"/>
      <c r="Z431" s="76"/>
      <c r="AA431" s="76"/>
      <c r="AB431" s="76"/>
      <c r="AC431" s="76"/>
      <c r="AD431" s="76"/>
      <c r="AE431" s="76"/>
      <c r="AF431" s="76"/>
      <c r="AG431" s="76"/>
      <c r="AH431" s="76"/>
      <c r="AI431" s="76"/>
      <c r="AJ431" s="76"/>
      <c r="AK431" s="76"/>
      <c r="AL431" s="76"/>
      <c r="AM431" s="76"/>
      <c r="AN431" s="77"/>
      <c r="AO431" s="77"/>
      <c r="AP431" s="77"/>
      <c r="AQ431" s="77"/>
      <c r="AR431" s="77"/>
      <c r="AS431" s="77"/>
      <c r="AT431" s="77"/>
      <c r="AU431" s="77"/>
      <c r="AV431" s="77"/>
      <c r="AW431" s="77"/>
      <c r="AX431" s="77"/>
      <c r="AY431" s="77"/>
      <c r="AZ431" s="77"/>
      <c r="BA431" s="77"/>
      <c r="BB431" s="77"/>
      <c r="BC431" s="77"/>
      <c r="BD431" s="77"/>
    </row>
    <row r="432" spans="1:258" s="67" customFormat="1" ht="132" customHeight="1" thickTop="1" thickBot="1">
      <c r="A432" s="466" t="s">
        <v>386</v>
      </c>
      <c r="B432" s="537"/>
      <c r="C432" s="537"/>
      <c r="D432" s="537"/>
      <c r="E432" s="537"/>
      <c r="F432" s="537"/>
      <c r="G432" s="537"/>
      <c r="H432" s="537"/>
      <c r="I432" s="537"/>
      <c r="J432" s="537"/>
      <c r="K432" s="537"/>
      <c r="L432" s="295"/>
      <c r="M432" s="537"/>
      <c r="N432" s="703"/>
      <c r="O432" s="68" t="s">
        <v>20</v>
      </c>
      <c r="P432" s="69" t="s">
        <v>21</v>
      </c>
      <c r="Q432" s="139"/>
      <c r="R432" s="138"/>
      <c r="S432" s="137"/>
      <c r="T432" s="76"/>
      <c r="U432" s="77"/>
      <c r="V432" s="77"/>
      <c r="W432" s="77"/>
      <c r="X432" s="77"/>
      <c r="Y432" s="77"/>
      <c r="Z432" s="77"/>
      <c r="AA432" s="77"/>
      <c r="AB432" s="77"/>
      <c r="AC432" s="77"/>
      <c r="AD432" s="77"/>
      <c r="AE432" s="77"/>
      <c r="AF432" s="77"/>
      <c r="AG432" s="77"/>
      <c r="AH432" s="77"/>
      <c r="AI432" s="77"/>
      <c r="AJ432" s="77"/>
      <c r="AK432" s="77"/>
      <c r="AL432" s="77"/>
      <c r="AM432" s="77"/>
      <c r="AN432" s="77"/>
      <c r="AO432" s="77"/>
      <c r="AP432" s="77"/>
      <c r="AQ432" s="77"/>
      <c r="AR432" s="77"/>
      <c r="AS432" s="77"/>
      <c r="AT432" s="77"/>
      <c r="AU432" s="77"/>
      <c r="AV432" s="77"/>
      <c r="AW432" s="77"/>
      <c r="AX432" s="77"/>
      <c r="AY432" s="77"/>
      <c r="AZ432" s="77"/>
      <c r="BA432" s="77"/>
      <c r="BB432" s="77"/>
      <c r="BC432" s="77"/>
      <c r="BD432" s="77"/>
    </row>
    <row r="433" spans="1:56" s="67" customFormat="1" ht="132" customHeight="1" thickTop="1" thickBot="1">
      <c r="A433" s="467" t="s">
        <v>387</v>
      </c>
      <c r="B433" s="610"/>
      <c r="C433" s="610"/>
      <c r="D433" s="610"/>
      <c r="E433" s="610"/>
      <c r="F433" s="610"/>
      <c r="G433" s="610"/>
      <c r="H433" s="610"/>
      <c r="I433" s="610"/>
      <c r="J433" s="610"/>
      <c r="K433" s="610"/>
      <c r="L433" s="349"/>
      <c r="M433" s="610"/>
      <c r="N433" s="661"/>
      <c r="O433" s="75" t="s">
        <v>20</v>
      </c>
      <c r="P433" s="136" t="s">
        <v>21</v>
      </c>
      <c r="Q433" s="139"/>
      <c r="R433" s="138"/>
      <c r="S433" s="137"/>
      <c r="T433" s="76"/>
      <c r="U433" s="77"/>
      <c r="V433" s="77"/>
      <c r="W433" s="77"/>
      <c r="X433" s="77"/>
      <c r="Y433" s="77"/>
      <c r="Z433" s="77"/>
      <c r="AA433" s="77"/>
      <c r="AB433" s="77"/>
      <c r="AC433" s="77"/>
      <c r="AD433" s="77"/>
      <c r="AE433" s="77"/>
      <c r="AF433" s="77"/>
      <c r="AG433" s="77"/>
      <c r="AH433" s="77"/>
      <c r="AI433" s="77"/>
      <c r="AJ433" s="77"/>
      <c r="AK433" s="77"/>
      <c r="AL433" s="77"/>
      <c r="AM433" s="77"/>
      <c r="AN433" s="77"/>
      <c r="AO433" s="77"/>
      <c r="AP433" s="77"/>
      <c r="AQ433" s="77"/>
      <c r="AR433" s="77"/>
      <c r="AS433" s="77"/>
      <c r="AT433" s="77"/>
      <c r="AU433" s="77"/>
      <c r="AV433" s="77"/>
      <c r="AW433" s="77"/>
      <c r="AX433" s="77"/>
      <c r="AY433" s="77"/>
      <c r="AZ433" s="77"/>
      <c r="BA433" s="77"/>
      <c r="BB433" s="77"/>
      <c r="BC433" s="77"/>
      <c r="BD433" s="77"/>
    </row>
    <row r="434" spans="1:56" s="64" customFormat="1" ht="69.900000000000006" customHeight="1" thickTop="1">
      <c r="A434" s="468" t="s">
        <v>25</v>
      </c>
      <c r="B434" s="574"/>
      <c r="C434" s="574"/>
      <c r="D434" s="574"/>
      <c r="E434" s="574"/>
      <c r="F434" s="574"/>
      <c r="G434" s="574"/>
      <c r="H434" s="574"/>
      <c r="I434" s="574"/>
      <c r="J434" s="574"/>
      <c r="K434" s="574"/>
      <c r="L434" s="454"/>
      <c r="M434" s="574"/>
      <c r="N434" s="574"/>
      <c r="O434" s="574"/>
      <c r="P434" s="575"/>
      <c r="Q434" s="122"/>
      <c r="R434" s="138"/>
      <c r="S434" s="162"/>
    </row>
    <row r="435" spans="1:56" s="67" customFormat="1" ht="75" customHeight="1">
      <c r="A435" s="456"/>
      <c r="B435" s="457"/>
      <c r="C435" s="457"/>
      <c r="D435" s="457"/>
      <c r="E435" s="457"/>
      <c r="F435" s="457"/>
      <c r="G435" s="457"/>
      <c r="H435" s="457"/>
      <c r="I435" s="457"/>
      <c r="J435" s="457"/>
      <c r="K435" s="457"/>
      <c r="L435" s="458"/>
      <c r="M435" s="457"/>
      <c r="N435" s="457"/>
      <c r="O435" s="457"/>
      <c r="P435" s="459"/>
      <c r="Q435" s="139"/>
      <c r="R435" s="138"/>
      <c r="S435" s="141"/>
      <c r="T435" s="64"/>
    </row>
    <row r="436" spans="1:56" s="67" customFormat="1" ht="75" customHeight="1" thickBot="1">
      <c r="A436" s="471"/>
      <c r="B436" s="472"/>
      <c r="C436" s="472"/>
      <c r="D436" s="472"/>
      <c r="E436" s="472"/>
      <c r="F436" s="472"/>
      <c r="G436" s="472"/>
      <c r="H436" s="472"/>
      <c r="I436" s="472"/>
      <c r="J436" s="472"/>
      <c r="K436" s="472"/>
      <c r="L436" s="473"/>
      <c r="M436" s="472"/>
      <c r="N436" s="472"/>
      <c r="O436" s="472"/>
      <c r="P436" s="474"/>
      <c r="Q436" s="139"/>
      <c r="R436" s="138"/>
      <c r="S436" s="141"/>
      <c r="T436" s="64"/>
    </row>
    <row r="437" spans="1:56" s="64" customFormat="1" ht="69.75" customHeight="1" thickBot="1">
      <c r="A437" s="443" t="s">
        <v>388</v>
      </c>
      <c r="B437" s="475"/>
      <c r="C437" s="475"/>
      <c r="D437" s="475"/>
      <c r="E437" s="475"/>
      <c r="F437" s="475"/>
      <c r="G437" s="475"/>
      <c r="H437" s="475"/>
      <c r="I437" s="475"/>
      <c r="J437" s="475"/>
      <c r="K437" s="475"/>
      <c r="L437" s="445"/>
      <c r="M437" s="475"/>
      <c r="N437" s="475"/>
      <c r="O437" s="475"/>
      <c r="P437" s="476"/>
      <c r="Q437" s="139"/>
      <c r="R437" s="138"/>
      <c r="S437" s="209" t="s">
        <v>389</v>
      </c>
      <c r="T437" s="76"/>
      <c r="U437" s="76"/>
      <c r="V437" s="76"/>
      <c r="W437" s="76"/>
      <c r="X437" s="77"/>
      <c r="Y437" s="77"/>
      <c r="Z437" s="77"/>
      <c r="AA437" s="77"/>
      <c r="AB437" s="77"/>
      <c r="AC437" s="77"/>
      <c r="AD437" s="77"/>
      <c r="AE437" s="77"/>
      <c r="AF437" s="77"/>
      <c r="AG437" s="77"/>
      <c r="AH437" s="77"/>
      <c r="AI437" s="77"/>
      <c r="AJ437" s="77"/>
      <c r="AK437" s="77"/>
      <c r="AL437" s="77"/>
      <c r="AM437" s="77"/>
      <c r="AN437" s="76"/>
      <c r="AO437" s="76"/>
      <c r="AP437" s="76"/>
      <c r="AQ437" s="76"/>
      <c r="AR437" s="76"/>
      <c r="AS437" s="76"/>
      <c r="AT437" s="76"/>
      <c r="AU437" s="76"/>
      <c r="AV437" s="76"/>
      <c r="AW437" s="76"/>
      <c r="AX437" s="76"/>
      <c r="AY437" s="76"/>
      <c r="AZ437" s="76"/>
      <c r="BA437" s="76"/>
      <c r="BB437" s="76"/>
      <c r="BC437" s="76"/>
      <c r="BD437" s="76"/>
    </row>
    <row r="438" spans="1:56" s="64" customFormat="1" ht="141.75" customHeight="1" thickBot="1">
      <c r="A438" s="700" t="s">
        <v>390</v>
      </c>
      <c r="B438" s="701"/>
      <c r="C438" s="701"/>
      <c r="D438" s="701"/>
      <c r="E438" s="701"/>
      <c r="F438" s="701"/>
      <c r="G438" s="701"/>
      <c r="H438" s="701"/>
      <c r="I438" s="701"/>
      <c r="J438" s="701"/>
      <c r="K438" s="701"/>
      <c r="L438" s="701"/>
      <c r="M438" s="701"/>
      <c r="N438" s="701"/>
      <c r="O438" s="701"/>
      <c r="P438" s="702"/>
      <c r="Q438" s="139"/>
      <c r="R438" s="138"/>
      <c r="S438" s="78"/>
      <c r="T438" s="76"/>
      <c r="U438" s="76"/>
      <c r="V438" s="76"/>
      <c r="W438" s="76"/>
      <c r="X438" s="76"/>
      <c r="Y438" s="76"/>
      <c r="Z438" s="76"/>
      <c r="AA438" s="76"/>
      <c r="AB438" s="76"/>
      <c r="AC438" s="76"/>
      <c r="AD438" s="76"/>
      <c r="AE438" s="76"/>
      <c r="AF438" s="76"/>
      <c r="AG438" s="76"/>
      <c r="AH438" s="76"/>
      <c r="AI438" s="76"/>
      <c r="AJ438" s="76"/>
      <c r="AK438" s="76"/>
      <c r="AL438" s="76"/>
      <c r="AM438" s="76"/>
      <c r="AN438" s="76"/>
      <c r="AO438" s="76"/>
      <c r="AP438" s="76"/>
      <c r="AQ438" s="76"/>
      <c r="AR438" s="76"/>
      <c r="AS438" s="76"/>
      <c r="AT438" s="76"/>
      <c r="AU438" s="76"/>
      <c r="AV438" s="76"/>
      <c r="AW438" s="76"/>
      <c r="AX438" s="76"/>
      <c r="AY438" s="76"/>
      <c r="AZ438" s="76"/>
      <c r="BA438" s="76"/>
      <c r="BB438" s="76"/>
      <c r="BC438" s="76"/>
      <c r="BD438" s="76"/>
    </row>
    <row r="439" spans="1:56" s="67" customFormat="1" ht="199.95" customHeight="1" thickTop="1" thickBot="1">
      <c r="A439" s="485" t="s">
        <v>391</v>
      </c>
      <c r="B439" s="598"/>
      <c r="C439" s="598"/>
      <c r="D439" s="598"/>
      <c r="E439" s="598"/>
      <c r="F439" s="598"/>
      <c r="G439" s="598"/>
      <c r="H439" s="598"/>
      <c r="I439" s="598"/>
      <c r="J439" s="598"/>
      <c r="K439" s="598"/>
      <c r="L439" s="352"/>
      <c r="M439" s="598"/>
      <c r="N439" s="638"/>
      <c r="O439" s="68" t="s">
        <v>20</v>
      </c>
      <c r="P439" s="69" t="s">
        <v>21</v>
      </c>
      <c r="Q439" s="139"/>
      <c r="R439" s="138"/>
      <c r="S439" s="137"/>
      <c r="T439" s="76"/>
      <c r="U439" s="77"/>
      <c r="V439" s="77"/>
      <c r="W439" s="77"/>
      <c r="X439" s="77"/>
      <c r="Y439" s="77"/>
      <c r="Z439" s="77"/>
      <c r="AA439" s="77"/>
      <c r="AB439" s="77"/>
      <c r="AC439" s="77"/>
      <c r="AD439" s="77"/>
      <c r="AE439" s="77"/>
      <c r="AF439" s="77"/>
      <c r="AG439" s="77"/>
      <c r="AH439" s="77"/>
      <c r="AI439" s="77"/>
      <c r="AJ439" s="77"/>
      <c r="AK439" s="77"/>
      <c r="AL439" s="77"/>
      <c r="AM439" s="77"/>
      <c r="AN439" s="77"/>
      <c r="AO439" s="77"/>
      <c r="AP439" s="77"/>
      <c r="AQ439" s="77"/>
      <c r="AR439" s="77"/>
      <c r="AS439" s="77"/>
      <c r="AT439" s="77"/>
      <c r="AU439" s="77"/>
      <c r="AV439" s="77"/>
      <c r="AW439" s="77"/>
      <c r="AX439" s="77"/>
      <c r="AY439" s="77"/>
      <c r="AZ439" s="77"/>
      <c r="BA439" s="77"/>
      <c r="BB439" s="77"/>
      <c r="BC439" s="77"/>
      <c r="BD439" s="77"/>
    </row>
    <row r="440" spans="1:56" s="67" customFormat="1" ht="201" customHeight="1" thickTop="1" thickBot="1">
      <c r="A440" s="466" t="s">
        <v>392</v>
      </c>
      <c r="B440" s="537"/>
      <c r="C440" s="537"/>
      <c r="D440" s="537"/>
      <c r="E440" s="537"/>
      <c r="F440" s="537"/>
      <c r="G440" s="537"/>
      <c r="H440" s="537"/>
      <c r="I440" s="537"/>
      <c r="J440" s="537"/>
      <c r="K440" s="537"/>
      <c r="L440" s="295"/>
      <c r="M440" s="537"/>
      <c r="N440" s="703"/>
      <c r="O440" s="68" t="s">
        <v>20</v>
      </c>
      <c r="P440" s="69" t="s">
        <v>21</v>
      </c>
      <c r="Q440" s="139"/>
      <c r="R440" s="138"/>
      <c r="S440" s="137"/>
      <c r="T440" s="76"/>
      <c r="U440" s="77"/>
      <c r="V440" s="77"/>
      <c r="W440" s="77"/>
      <c r="X440" s="76"/>
      <c r="Y440" s="76"/>
      <c r="Z440" s="76"/>
      <c r="AA440" s="76"/>
      <c r="AB440" s="76"/>
      <c r="AC440" s="76"/>
      <c r="AD440" s="76"/>
      <c r="AE440" s="76"/>
      <c r="AF440" s="76"/>
      <c r="AG440" s="76"/>
      <c r="AH440" s="76"/>
      <c r="AI440" s="76"/>
      <c r="AJ440" s="76"/>
      <c r="AK440" s="76"/>
      <c r="AL440" s="76"/>
      <c r="AM440" s="76"/>
      <c r="AN440" s="77"/>
      <c r="AO440" s="77"/>
      <c r="AP440" s="77"/>
      <c r="AQ440" s="77"/>
      <c r="AR440" s="77"/>
      <c r="AS440" s="77"/>
      <c r="AT440" s="77"/>
      <c r="AU440" s="77"/>
      <c r="AV440" s="77"/>
      <c r="AW440" s="77"/>
      <c r="AX440" s="77"/>
      <c r="AY440" s="77"/>
      <c r="AZ440" s="77"/>
      <c r="BA440" s="77"/>
      <c r="BB440" s="77"/>
      <c r="BC440" s="77"/>
      <c r="BD440" s="77"/>
    </row>
    <row r="441" spans="1:56" s="67" customFormat="1" ht="132" customHeight="1" thickTop="1" thickBot="1">
      <c r="A441" s="466" t="s">
        <v>393</v>
      </c>
      <c r="B441" s="537"/>
      <c r="C441" s="537"/>
      <c r="D441" s="537"/>
      <c r="E441" s="537"/>
      <c r="F441" s="537"/>
      <c r="G441" s="537"/>
      <c r="H441" s="537"/>
      <c r="I441" s="537"/>
      <c r="J441" s="537"/>
      <c r="K441" s="537"/>
      <c r="L441" s="295"/>
      <c r="M441" s="537"/>
      <c r="N441" s="703"/>
      <c r="O441" s="68" t="s">
        <v>20</v>
      </c>
      <c r="P441" s="69" t="s">
        <v>21</v>
      </c>
      <c r="Q441" s="139"/>
      <c r="R441" s="138"/>
      <c r="S441" s="137"/>
      <c r="T441" s="76"/>
      <c r="U441" s="77"/>
      <c r="V441" s="77"/>
      <c r="W441" s="77"/>
      <c r="X441" s="76"/>
      <c r="Y441" s="76"/>
      <c r="Z441" s="76"/>
      <c r="AA441" s="76"/>
      <c r="AB441" s="76"/>
      <c r="AC441" s="76"/>
      <c r="AD441" s="76"/>
      <c r="AE441" s="76"/>
      <c r="AF441" s="76"/>
      <c r="AG441" s="76"/>
      <c r="AH441" s="76"/>
      <c r="AI441" s="76"/>
      <c r="AJ441" s="76"/>
      <c r="AK441" s="76"/>
      <c r="AL441" s="76"/>
      <c r="AM441" s="76"/>
      <c r="AN441" s="77"/>
      <c r="AO441" s="77"/>
      <c r="AP441" s="77"/>
      <c r="AQ441" s="77"/>
      <c r="AR441" s="77"/>
      <c r="AS441" s="77"/>
      <c r="AT441" s="77"/>
      <c r="AU441" s="77"/>
      <c r="AV441" s="77"/>
      <c r="AW441" s="77"/>
      <c r="AX441" s="77"/>
      <c r="AY441" s="77"/>
      <c r="AZ441" s="77"/>
      <c r="BA441" s="77"/>
      <c r="BB441" s="77"/>
      <c r="BC441" s="77"/>
      <c r="BD441" s="77"/>
    </row>
    <row r="442" spans="1:56" s="67" customFormat="1" ht="132" customHeight="1" thickTop="1" thickBot="1">
      <c r="A442" s="467" t="s">
        <v>394</v>
      </c>
      <c r="B442" s="610"/>
      <c r="C442" s="610"/>
      <c r="D442" s="610"/>
      <c r="E442" s="610"/>
      <c r="F442" s="610"/>
      <c r="G442" s="610"/>
      <c r="H442" s="610"/>
      <c r="I442" s="610"/>
      <c r="J442" s="610"/>
      <c r="K442" s="610"/>
      <c r="L442" s="349"/>
      <c r="M442" s="610"/>
      <c r="N442" s="661"/>
      <c r="O442" s="75" t="s">
        <v>20</v>
      </c>
      <c r="P442" s="136" t="s">
        <v>21</v>
      </c>
      <c r="Q442" s="139"/>
      <c r="R442" s="138"/>
      <c r="S442" s="137"/>
      <c r="T442" s="76"/>
      <c r="U442" s="77"/>
      <c r="V442" s="77"/>
      <c r="W442" s="77"/>
      <c r="X442" s="64"/>
      <c r="Y442" s="64"/>
      <c r="Z442" s="64"/>
      <c r="AA442" s="64"/>
      <c r="AB442" s="64"/>
      <c r="AC442" s="64"/>
      <c r="AD442" s="64"/>
      <c r="AE442" s="64"/>
      <c r="AF442" s="64"/>
      <c r="AG442" s="64"/>
      <c r="AH442" s="64"/>
      <c r="AI442" s="64"/>
      <c r="AJ442" s="64"/>
      <c r="AK442" s="64"/>
      <c r="AL442" s="64"/>
      <c r="AM442" s="64"/>
      <c r="AN442" s="77"/>
      <c r="AO442" s="77"/>
      <c r="AP442" s="77"/>
      <c r="AQ442" s="77"/>
      <c r="AR442" s="77"/>
      <c r="AS442" s="77"/>
      <c r="AT442" s="77"/>
      <c r="AU442" s="77"/>
      <c r="AV442" s="77"/>
      <c r="AW442" s="77"/>
      <c r="AX442" s="77"/>
      <c r="AY442" s="77"/>
      <c r="AZ442" s="77"/>
      <c r="BA442" s="77"/>
      <c r="BB442" s="77"/>
      <c r="BC442" s="77"/>
      <c r="BD442" s="77"/>
    </row>
    <row r="443" spans="1:56" s="64" customFormat="1" ht="69.900000000000006" customHeight="1" thickTop="1">
      <c r="A443" s="468" t="s">
        <v>25</v>
      </c>
      <c r="B443" s="574"/>
      <c r="C443" s="574"/>
      <c r="D443" s="574"/>
      <c r="E443" s="574"/>
      <c r="F443" s="574"/>
      <c r="G443" s="574"/>
      <c r="H443" s="574"/>
      <c r="I443" s="574"/>
      <c r="J443" s="574"/>
      <c r="K443" s="574"/>
      <c r="L443" s="454"/>
      <c r="M443" s="574"/>
      <c r="N443" s="574"/>
      <c r="O443" s="574"/>
      <c r="P443" s="575"/>
      <c r="Q443" s="122"/>
      <c r="R443" s="138"/>
      <c r="S443" s="162"/>
    </row>
    <row r="444" spans="1:56" s="67" customFormat="1" ht="75" customHeight="1">
      <c r="A444" s="456"/>
      <c r="B444" s="457"/>
      <c r="C444" s="457"/>
      <c r="D444" s="457"/>
      <c r="E444" s="457"/>
      <c r="F444" s="457"/>
      <c r="G444" s="457"/>
      <c r="H444" s="457"/>
      <c r="I444" s="457"/>
      <c r="J444" s="457"/>
      <c r="K444" s="457"/>
      <c r="L444" s="458"/>
      <c r="M444" s="457"/>
      <c r="N444" s="457"/>
      <c r="O444" s="457"/>
      <c r="P444" s="459"/>
      <c r="Q444" s="139"/>
      <c r="R444" s="138"/>
      <c r="S444" s="141"/>
      <c r="T444" s="64"/>
    </row>
    <row r="445" spans="1:56" s="67" customFormat="1" ht="75" customHeight="1" thickBot="1">
      <c r="A445" s="471"/>
      <c r="B445" s="472"/>
      <c r="C445" s="472"/>
      <c r="D445" s="472"/>
      <c r="E445" s="472"/>
      <c r="F445" s="472"/>
      <c r="G445" s="472"/>
      <c r="H445" s="472"/>
      <c r="I445" s="472"/>
      <c r="J445" s="472"/>
      <c r="K445" s="472"/>
      <c r="L445" s="473"/>
      <c r="M445" s="472"/>
      <c r="N445" s="472"/>
      <c r="O445" s="472"/>
      <c r="P445" s="474"/>
      <c r="Q445" s="139"/>
      <c r="R445" s="138"/>
      <c r="S445" s="141"/>
      <c r="T445" s="64"/>
    </row>
    <row r="446" spans="1:56" s="64" customFormat="1" ht="21" customHeight="1">
      <c r="A446" s="139"/>
      <c r="B446" s="139"/>
      <c r="C446" s="139"/>
      <c r="D446" s="139"/>
      <c r="E446" s="139"/>
      <c r="F446" s="139"/>
      <c r="G446" s="139"/>
      <c r="H446" s="139"/>
      <c r="I446" s="139"/>
      <c r="J446" s="139"/>
      <c r="K446" s="139"/>
      <c r="L446" s="134"/>
      <c r="M446" s="139"/>
      <c r="N446" s="139"/>
      <c r="O446" s="196"/>
      <c r="P446" s="196"/>
      <c r="Q446" s="139"/>
      <c r="R446" s="138"/>
      <c r="S446" s="78"/>
      <c r="T446" s="76"/>
      <c r="U446" s="76"/>
      <c r="V446" s="76"/>
      <c r="W446" s="76"/>
      <c r="AN446" s="76"/>
      <c r="AO446" s="76"/>
      <c r="AP446" s="76"/>
      <c r="AQ446" s="76"/>
      <c r="AR446" s="76"/>
      <c r="AS446" s="76"/>
      <c r="AT446" s="76"/>
      <c r="AU446" s="76"/>
      <c r="AV446" s="76"/>
      <c r="AW446" s="76"/>
      <c r="AX446" s="76"/>
      <c r="AY446" s="76"/>
      <c r="AZ446" s="76"/>
      <c r="BA446" s="76"/>
      <c r="BB446" s="76"/>
      <c r="BC446" s="76"/>
      <c r="BD446" s="76"/>
    </row>
    <row r="447" spans="1:56" s="113" customFormat="1" ht="409.5" customHeight="1">
      <c r="A447" s="710" t="s">
        <v>395</v>
      </c>
      <c r="B447" s="711"/>
      <c r="C447" s="711"/>
      <c r="D447" s="711"/>
      <c r="E447" s="711"/>
      <c r="F447" s="711"/>
      <c r="G447" s="711"/>
      <c r="H447" s="711"/>
      <c r="I447" s="711"/>
      <c r="J447" s="711"/>
      <c r="K447" s="711"/>
      <c r="L447" s="711"/>
      <c r="M447" s="711"/>
      <c r="N447" s="711"/>
      <c r="O447" s="711"/>
      <c r="P447" s="711"/>
      <c r="Q447" s="711"/>
      <c r="R447" s="711"/>
      <c r="S447" s="712"/>
      <c r="X447" s="62"/>
      <c r="Y447" s="62"/>
      <c r="Z447" s="62"/>
      <c r="AA447" s="62"/>
      <c r="AB447" s="62"/>
      <c r="AC447" s="62"/>
      <c r="AD447" s="62"/>
      <c r="AE447" s="62"/>
      <c r="AF447" s="62"/>
      <c r="AG447" s="62"/>
      <c r="AH447" s="62"/>
      <c r="AI447" s="62"/>
      <c r="AJ447" s="62"/>
      <c r="AK447" s="62"/>
      <c r="AL447" s="62"/>
      <c r="AM447" s="62"/>
    </row>
    <row r="448" spans="1:56" s="113" customFormat="1" ht="409.5" customHeight="1">
      <c r="A448" s="713"/>
      <c r="B448" s="714"/>
      <c r="C448" s="714"/>
      <c r="D448" s="714"/>
      <c r="E448" s="714"/>
      <c r="F448" s="714"/>
      <c r="G448" s="714"/>
      <c r="H448" s="714"/>
      <c r="I448" s="714"/>
      <c r="J448" s="714"/>
      <c r="K448" s="714"/>
      <c r="L448" s="714"/>
      <c r="M448" s="714"/>
      <c r="N448" s="714"/>
      <c r="O448" s="714"/>
      <c r="P448" s="714"/>
      <c r="Q448" s="714"/>
      <c r="R448" s="714"/>
      <c r="S448" s="715"/>
      <c r="X448" s="62"/>
      <c r="Y448" s="62"/>
      <c r="Z448" s="62"/>
      <c r="AA448" s="62"/>
      <c r="AB448" s="62"/>
      <c r="AC448" s="62"/>
      <c r="AD448" s="62"/>
      <c r="AE448" s="62"/>
      <c r="AF448" s="62"/>
      <c r="AG448" s="62"/>
      <c r="AH448" s="62"/>
      <c r="AI448" s="62"/>
      <c r="AJ448" s="62"/>
      <c r="AK448" s="62"/>
      <c r="AL448" s="62"/>
      <c r="AM448" s="62"/>
    </row>
    <row r="449" spans="1:39" s="113" customFormat="1" ht="409.5" customHeight="1">
      <c r="A449" s="713"/>
      <c r="B449" s="714"/>
      <c r="C449" s="714"/>
      <c r="D449" s="714"/>
      <c r="E449" s="714"/>
      <c r="F449" s="714"/>
      <c r="G449" s="714"/>
      <c r="H449" s="714"/>
      <c r="I449" s="714"/>
      <c r="J449" s="714"/>
      <c r="K449" s="714"/>
      <c r="L449" s="714"/>
      <c r="M449" s="714"/>
      <c r="N449" s="714"/>
      <c r="O449" s="714"/>
      <c r="P449" s="714"/>
      <c r="Q449" s="714"/>
      <c r="R449" s="714"/>
      <c r="S449" s="715"/>
      <c r="X449" s="62"/>
      <c r="Y449" s="62"/>
      <c r="Z449" s="62"/>
      <c r="AA449" s="62"/>
      <c r="AB449" s="62"/>
      <c r="AC449" s="62"/>
      <c r="AD449" s="62"/>
      <c r="AE449" s="62"/>
      <c r="AF449" s="62"/>
      <c r="AG449" s="62"/>
      <c r="AH449" s="62"/>
      <c r="AI449" s="62"/>
      <c r="AJ449" s="62"/>
      <c r="AK449" s="62"/>
      <c r="AL449" s="62"/>
      <c r="AM449" s="62"/>
    </row>
    <row r="450" spans="1:39" s="113" customFormat="1" ht="56.4" customHeight="1">
      <c r="A450" s="716"/>
      <c r="B450" s="717"/>
      <c r="C450" s="717"/>
      <c r="D450" s="717"/>
      <c r="E450" s="717"/>
      <c r="F450" s="717"/>
      <c r="G450" s="717"/>
      <c r="H450" s="717"/>
      <c r="I450" s="717"/>
      <c r="J450" s="717"/>
      <c r="K450" s="717"/>
      <c r="L450" s="717"/>
      <c r="M450" s="717"/>
      <c r="N450" s="717"/>
      <c r="O450" s="717"/>
      <c r="P450" s="717"/>
      <c r="Q450" s="717"/>
      <c r="R450" s="717"/>
      <c r="S450" s="718"/>
      <c r="X450" s="62"/>
      <c r="Y450" s="62"/>
      <c r="Z450" s="62"/>
      <c r="AA450" s="62"/>
      <c r="AB450" s="62"/>
      <c r="AC450" s="62"/>
      <c r="AD450" s="62"/>
      <c r="AE450" s="62"/>
      <c r="AF450" s="62"/>
      <c r="AG450" s="62"/>
      <c r="AH450" s="62"/>
      <c r="AI450" s="62"/>
      <c r="AJ450" s="62"/>
      <c r="AK450" s="62"/>
      <c r="AL450" s="62"/>
      <c r="AM450" s="62"/>
    </row>
    <row r="451" spans="1:39" s="57" customFormat="1" ht="13.5" customHeight="1">
      <c r="A451" s="167"/>
      <c r="B451" s="167"/>
      <c r="C451" s="167"/>
      <c r="D451" s="167"/>
      <c r="E451" s="167"/>
      <c r="F451" s="167"/>
      <c r="G451" s="167"/>
      <c r="H451" s="167"/>
      <c r="I451" s="167"/>
      <c r="J451" s="167"/>
      <c r="K451" s="167"/>
      <c r="L451" s="167"/>
      <c r="M451" s="167"/>
      <c r="N451" s="167"/>
      <c r="O451" s="167"/>
      <c r="P451" s="167"/>
      <c r="Q451" s="167"/>
      <c r="R451" s="167"/>
      <c r="S451" s="167"/>
      <c r="T451" s="166"/>
      <c r="X451" s="4"/>
      <c r="Y451" s="4"/>
      <c r="Z451" s="4"/>
      <c r="AA451" s="4"/>
      <c r="AB451" s="4"/>
      <c r="AC451" s="4"/>
      <c r="AD451" s="4"/>
      <c r="AE451" s="4"/>
      <c r="AF451" s="4"/>
      <c r="AG451" s="4"/>
      <c r="AH451" s="4"/>
      <c r="AI451" s="4"/>
      <c r="AJ451" s="4"/>
      <c r="AK451" s="4"/>
      <c r="AL451" s="4"/>
      <c r="AM451" s="4"/>
    </row>
    <row r="452" spans="1:39" s="170" customFormat="1" ht="55.2">
      <c r="A452" s="421" t="s">
        <v>210</v>
      </c>
      <c r="B452" s="422"/>
      <c r="C452" s="422"/>
      <c r="D452" s="422"/>
      <c r="E452" s="422"/>
      <c r="F452" s="422"/>
      <c r="G452" s="422"/>
      <c r="H452" s="422"/>
      <c r="I452" s="422"/>
      <c r="J452" s="422"/>
      <c r="K452" s="422"/>
      <c r="L452" s="422"/>
      <c r="M452" s="422"/>
      <c r="N452" s="422"/>
      <c r="O452" s="422"/>
      <c r="P452" s="423"/>
      <c r="Q452" s="168"/>
      <c r="R452" s="168"/>
      <c r="S452" s="169"/>
    </row>
    <row r="453" spans="1:39" s="170" customFormat="1" ht="103.5" customHeight="1">
      <c r="A453" s="707" t="s">
        <v>211</v>
      </c>
      <c r="B453" s="708"/>
      <c r="C453" s="708"/>
      <c r="D453" s="708"/>
      <c r="E453" s="708"/>
      <c r="F453" s="708"/>
      <c r="G453" s="708"/>
      <c r="H453" s="708"/>
      <c r="I453" s="708"/>
      <c r="J453" s="708"/>
      <c r="K453" s="708"/>
      <c r="L453" s="708"/>
      <c r="M453" s="708"/>
      <c r="N453" s="708"/>
      <c r="O453" s="708"/>
      <c r="P453" s="709"/>
      <c r="Q453" s="168"/>
      <c r="R453" s="168"/>
      <c r="S453" s="169"/>
    </row>
    <row r="454" spans="1:39" s="170" customFormat="1" ht="103.5" customHeight="1">
      <c r="A454" s="704" t="s">
        <v>212</v>
      </c>
      <c r="B454" s="705"/>
      <c r="C454" s="705"/>
      <c r="D454" s="705"/>
      <c r="E454" s="705"/>
      <c r="F454" s="705"/>
      <c r="G454" s="705"/>
      <c r="H454" s="705"/>
      <c r="I454" s="705"/>
      <c r="J454" s="705"/>
      <c r="K454" s="705"/>
      <c r="L454" s="705"/>
      <c r="M454" s="705"/>
      <c r="N454" s="705"/>
      <c r="O454" s="705"/>
      <c r="P454" s="706"/>
      <c r="Q454" s="168"/>
      <c r="R454" s="168"/>
      <c r="S454" s="169"/>
    </row>
    <row r="455" spans="1:39" s="170" customFormat="1" ht="91.5" customHeight="1">
      <c r="A455" s="171"/>
      <c r="B455" s="172" t="s">
        <v>213</v>
      </c>
      <c r="C455" s="173"/>
      <c r="D455" s="173"/>
      <c r="E455" s="173"/>
      <c r="F455" s="173"/>
      <c r="G455" s="173"/>
      <c r="H455" s="173"/>
      <c r="I455" s="174"/>
      <c r="J455" s="174"/>
      <c r="K455" s="175"/>
      <c r="L455" s="175"/>
      <c r="M455" s="175"/>
      <c r="N455" s="176"/>
      <c r="O455" s="176"/>
      <c r="P455" s="177"/>
      <c r="Q455" s="168"/>
      <c r="R455" s="168"/>
      <c r="S455" s="169"/>
    </row>
    <row r="456" spans="1:39" s="170" customFormat="1" ht="19.5" customHeight="1">
      <c r="A456" s="178"/>
      <c r="B456" s="179"/>
      <c r="C456" s="173"/>
      <c r="D456" s="173"/>
      <c r="E456" s="173"/>
      <c r="F456" s="173"/>
      <c r="G456" s="173"/>
      <c r="H456" s="173"/>
      <c r="I456" s="174"/>
      <c r="J456" s="174"/>
      <c r="K456" s="173"/>
      <c r="L456" s="173"/>
      <c r="M456" s="173"/>
      <c r="N456" s="174"/>
      <c r="O456" s="174"/>
      <c r="P456" s="180"/>
      <c r="Q456" s="168"/>
      <c r="R456" s="168"/>
      <c r="S456" s="169"/>
    </row>
    <row r="457" spans="1:39" s="170" customFormat="1" ht="38.1" customHeight="1">
      <c r="A457" s="175"/>
      <c r="B457" s="172"/>
      <c r="C457" s="175"/>
      <c r="D457" s="175"/>
      <c r="E457" s="175"/>
      <c r="F457" s="175"/>
      <c r="G457" s="175"/>
      <c r="H457" s="175"/>
      <c r="I457" s="176"/>
      <c r="J457" s="176"/>
      <c r="K457" s="175"/>
      <c r="L457" s="175"/>
      <c r="M457" s="175"/>
      <c r="N457" s="176"/>
      <c r="O457" s="176"/>
      <c r="P457" s="175"/>
      <c r="Q457" s="168"/>
      <c r="R457" s="168"/>
      <c r="S457" s="169"/>
    </row>
    <row r="458" spans="1:39" s="170" customFormat="1" ht="55.2">
      <c r="A458" s="421" t="s">
        <v>210</v>
      </c>
      <c r="B458" s="422"/>
      <c r="C458" s="422"/>
      <c r="D458" s="422"/>
      <c r="E458" s="422"/>
      <c r="F458" s="422"/>
      <c r="G458" s="422"/>
      <c r="H458" s="422"/>
      <c r="I458" s="422"/>
      <c r="J458" s="422"/>
      <c r="K458" s="422"/>
      <c r="L458" s="422"/>
      <c r="M458" s="422"/>
      <c r="N458" s="422"/>
      <c r="O458" s="422"/>
      <c r="P458" s="423"/>
      <c r="Q458" s="168"/>
      <c r="R458" s="168"/>
      <c r="S458" s="169"/>
    </row>
    <row r="459" spans="1:39" s="170" customFormat="1" ht="103.5" customHeight="1">
      <c r="A459" s="707" t="s">
        <v>211</v>
      </c>
      <c r="B459" s="708"/>
      <c r="C459" s="708"/>
      <c r="D459" s="708"/>
      <c r="E459" s="708"/>
      <c r="F459" s="708"/>
      <c r="G459" s="708"/>
      <c r="H459" s="708"/>
      <c r="I459" s="708"/>
      <c r="J459" s="708"/>
      <c r="K459" s="708"/>
      <c r="L459" s="708"/>
      <c r="M459" s="708"/>
      <c r="N459" s="708"/>
      <c r="O459" s="708"/>
      <c r="P459" s="709"/>
      <c r="Q459" s="168"/>
      <c r="R459" s="168"/>
      <c r="S459" s="169"/>
    </row>
    <row r="460" spans="1:39" s="170" customFormat="1" ht="103.5" customHeight="1">
      <c r="A460" s="704" t="s">
        <v>212</v>
      </c>
      <c r="B460" s="705"/>
      <c r="C460" s="705"/>
      <c r="D460" s="705"/>
      <c r="E460" s="705"/>
      <c r="F460" s="705"/>
      <c r="G460" s="705"/>
      <c r="H460" s="705"/>
      <c r="I460" s="705"/>
      <c r="J460" s="705"/>
      <c r="K460" s="705"/>
      <c r="L460" s="705"/>
      <c r="M460" s="705"/>
      <c r="N460" s="705"/>
      <c r="O460" s="705"/>
      <c r="P460" s="706"/>
      <c r="Q460" s="168"/>
      <c r="R460" s="168"/>
      <c r="S460" s="169"/>
    </row>
    <row r="461" spans="1:39" s="170" customFormat="1" ht="91.5" customHeight="1">
      <c r="A461" s="171"/>
      <c r="B461" s="172" t="s">
        <v>213</v>
      </c>
      <c r="C461" s="173"/>
      <c r="D461" s="173"/>
      <c r="E461" s="173"/>
      <c r="F461" s="173"/>
      <c r="G461" s="173"/>
      <c r="H461" s="173"/>
      <c r="I461" s="174"/>
      <c r="J461" s="174"/>
      <c r="K461" s="175"/>
      <c r="L461" s="175"/>
      <c r="M461" s="175"/>
      <c r="N461" s="176"/>
      <c r="O461" s="176"/>
      <c r="P461" s="177"/>
      <c r="Q461" s="168"/>
      <c r="R461" s="168"/>
      <c r="S461" s="169"/>
    </row>
    <row r="462" spans="1:39" s="170" customFormat="1" ht="19.5" customHeight="1">
      <c r="A462" s="178"/>
      <c r="B462" s="179"/>
      <c r="C462" s="173"/>
      <c r="D462" s="173"/>
      <c r="E462" s="173"/>
      <c r="F462" s="173"/>
      <c r="G462" s="173"/>
      <c r="H462" s="173"/>
      <c r="I462" s="174"/>
      <c r="J462" s="174"/>
      <c r="K462" s="173"/>
      <c r="L462" s="173"/>
      <c r="M462" s="173"/>
      <c r="N462" s="174"/>
      <c r="O462" s="174"/>
      <c r="P462" s="180"/>
      <c r="Q462" s="168"/>
      <c r="R462" s="168"/>
      <c r="S462" s="169"/>
    </row>
    <row r="463" spans="1:39" s="170" customFormat="1" ht="55.2">
      <c r="A463" s="424"/>
      <c r="B463" s="424"/>
      <c r="C463" s="424"/>
      <c r="D463" s="424"/>
      <c r="E463" s="424"/>
      <c r="F463" s="424"/>
      <c r="G463" s="424"/>
      <c r="H463" s="424"/>
      <c r="I463" s="424"/>
      <c r="J463" s="424"/>
      <c r="K463" s="424"/>
      <c r="L463" s="424"/>
      <c r="M463" s="424"/>
      <c r="N463" s="424"/>
      <c r="O463" s="424"/>
      <c r="P463" s="175"/>
      <c r="Q463" s="168"/>
      <c r="R463" s="168"/>
      <c r="S463" s="169"/>
    </row>
    <row r="464" spans="1:39" s="113" customFormat="1" ht="13.5" customHeight="1">
      <c r="A464" s="114"/>
      <c r="B464" s="114"/>
      <c r="C464" s="114"/>
      <c r="D464" s="114"/>
      <c r="E464" s="114"/>
      <c r="F464" s="114"/>
      <c r="G464" s="114"/>
      <c r="H464" s="114"/>
      <c r="I464" s="114"/>
      <c r="J464" s="114"/>
      <c r="K464" s="114"/>
      <c r="L464" s="115"/>
      <c r="M464" s="114"/>
      <c r="N464" s="114"/>
      <c r="O464" s="114"/>
      <c r="P464" s="114"/>
      <c r="Q464" s="114"/>
      <c r="R464" s="114"/>
      <c r="S464" s="114"/>
      <c r="X464" s="62"/>
      <c r="Y464" s="62"/>
      <c r="Z464" s="62"/>
      <c r="AA464" s="62"/>
      <c r="AB464" s="62"/>
      <c r="AC464" s="62"/>
      <c r="AD464" s="62"/>
      <c r="AE464" s="62"/>
      <c r="AF464" s="62"/>
      <c r="AG464" s="62"/>
      <c r="AH464" s="62"/>
      <c r="AI464" s="62"/>
      <c r="AJ464" s="62"/>
      <c r="AK464" s="62"/>
      <c r="AL464" s="62"/>
      <c r="AM464" s="62"/>
    </row>
  </sheetData>
  <mergeCells count="515">
    <mergeCell ref="A454:P454"/>
    <mergeCell ref="A458:P458"/>
    <mergeCell ref="A459:P459"/>
    <mergeCell ref="A460:P460"/>
    <mergeCell ref="A463:O463"/>
    <mergeCell ref="A443:P443"/>
    <mergeCell ref="A444:P444"/>
    <mergeCell ref="A445:P445"/>
    <mergeCell ref="A447:S450"/>
    <mergeCell ref="A452:P452"/>
    <mergeCell ref="A453:P453"/>
    <mergeCell ref="A437:P437"/>
    <mergeCell ref="A438:P438"/>
    <mergeCell ref="A439:N439"/>
    <mergeCell ref="A440:N440"/>
    <mergeCell ref="A441:N441"/>
    <mergeCell ref="A442:N442"/>
    <mergeCell ref="A431:N431"/>
    <mergeCell ref="A432:N432"/>
    <mergeCell ref="A433:N433"/>
    <mergeCell ref="A434:P434"/>
    <mergeCell ref="A435:P435"/>
    <mergeCell ref="A436:P436"/>
    <mergeCell ref="A425:P425"/>
    <mergeCell ref="A426:P426"/>
    <mergeCell ref="A427:P427"/>
    <mergeCell ref="A428:P428"/>
    <mergeCell ref="A429:P429"/>
    <mergeCell ref="A430:P430"/>
    <mergeCell ref="A419:N419"/>
    <mergeCell ref="A420:P420"/>
    <mergeCell ref="A421:P421"/>
    <mergeCell ref="A422:P422"/>
    <mergeCell ref="A423:P423"/>
    <mergeCell ref="A424:P424"/>
    <mergeCell ref="A413:M413"/>
    <mergeCell ref="A414:P414"/>
    <mergeCell ref="A415:P415"/>
    <mergeCell ref="A416:P416"/>
    <mergeCell ref="A417:P417"/>
    <mergeCell ref="A418:N418"/>
    <mergeCell ref="A407:P407"/>
    <mergeCell ref="A408:P408"/>
    <mergeCell ref="A409:P409"/>
    <mergeCell ref="A410:P410"/>
    <mergeCell ref="A411:P411"/>
    <mergeCell ref="A412:P412"/>
    <mergeCell ref="A401:P401"/>
    <mergeCell ref="A402:P402"/>
    <mergeCell ref="A403:M403"/>
    <mergeCell ref="A404:P404"/>
    <mergeCell ref="A405:P405"/>
    <mergeCell ref="A406:P406"/>
    <mergeCell ref="A395:P395"/>
    <mergeCell ref="A396:P396"/>
    <mergeCell ref="A397:P397"/>
    <mergeCell ref="A398:P398"/>
    <mergeCell ref="A399:P399"/>
    <mergeCell ref="A400:P400"/>
    <mergeCell ref="A389:P389"/>
    <mergeCell ref="A390:P390"/>
    <mergeCell ref="A391:P391"/>
    <mergeCell ref="A392:P392"/>
    <mergeCell ref="A393:P393"/>
    <mergeCell ref="A394:N394"/>
    <mergeCell ref="A383:N383"/>
    <mergeCell ref="A384:P384"/>
    <mergeCell ref="A385:P385"/>
    <mergeCell ref="A386:P386"/>
    <mergeCell ref="A387:P387"/>
    <mergeCell ref="A388:N388"/>
    <mergeCell ref="A377:N377"/>
    <mergeCell ref="A378:N378"/>
    <mergeCell ref="A379:P379"/>
    <mergeCell ref="A380:P380"/>
    <mergeCell ref="A381:P381"/>
    <mergeCell ref="A382:P382"/>
    <mergeCell ref="A371:P371"/>
    <mergeCell ref="A372:N372"/>
    <mergeCell ref="A373:P373"/>
    <mergeCell ref="A374:P374"/>
    <mergeCell ref="A375:P375"/>
    <mergeCell ref="A376:P376"/>
    <mergeCell ref="A365:P365"/>
    <mergeCell ref="A366:P366"/>
    <mergeCell ref="A367:P367"/>
    <mergeCell ref="A368:P368"/>
    <mergeCell ref="A369:P369"/>
    <mergeCell ref="A370:P370"/>
    <mergeCell ref="A359:N359"/>
    <mergeCell ref="A360:P360"/>
    <mergeCell ref="A361:P361"/>
    <mergeCell ref="A362:P362"/>
    <mergeCell ref="A363:P363"/>
    <mergeCell ref="A364:N364"/>
    <mergeCell ref="A353:P353"/>
    <mergeCell ref="A354:P354"/>
    <mergeCell ref="A355:P355"/>
    <mergeCell ref="A356:P356"/>
    <mergeCell ref="A357:P357"/>
    <mergeCell ref="A358:P358"/>
    <mergeCell ref="A349:I349"/>
    <mergeCell ref="J349:P349"/>
    <mergeCell ref="A350:I352"/>
    <mergeCell ref="K350:P350"/>
    <mergeCell ref="J351:P351"/>
    <mergeCell ref="J352:K352"/>
    <mergeCell ref="M352:P352"/>
    <mergeCell ref="A344:I344"/>
    <mergeCell ref="J344:P344"/>
    <mergeCell ref="A345:N345"/>
    <mergeCell ref="A346:M346"/>
    <mergeCell ref="A347:P347"/>
    <mergeCell ref="A348:P348"/>
    <mergeCell ref="A340:I340"/>
    <mergeCell ref="J340:P340"/>
    <mergeCell ref="A341:I341"/>
    <mergeCell ref="J341:P341"/>
    <mergeCell ref="A342:P342"/>
    <mergeCell ref="A343:I343"/>
    <mergeCell ref="J343:P343"/>
    <mergeCell ref="A335:I335"/>
    <mergeCell ref="J335:P335"/>
    <mergeCell ref="A336:I336"/>
    <mergeCell ref="J336:P336"/>
    <mergeCell ref="A337:I339"/>
    <mergeCell ref="K337:P337"/>
    <mergeCell ref="J338:P338"/>
    <mergeCell ref="J339:K339"/>
    <mergeCell ref="M339:P339"/>
    <mergeCell ref="A331:P331"/>
    <mergeCell ref="A332:I332"/>
    <mergeCell ref="J332:P332"/>
    <mergeCell ref="A333:I334"/>
    <mergeCell ref="J333:P333"/>
    <mergeCell ref="J334:K334"/>
    <mergeCell ref="M334:P334"/>
    <mergeCell ref="A328:I328"/>
    <mergeCell ref="J328:P328"/>
    <mergeCell ref="A329:I329"/>
    <mergeCell ref="J329:P329"/>
    <mergeCell ref="A330:I330"/>
    <mergeCell ref="J330:P330"/>
    <mergeCell ref="A324:I324"/>
    <mergeCell ref="J324:P324"/>
    <mergeCell ref="A325:I325"/>
    <mergeCell ref="J325:P325"/>
    <mergeCell ref="A326:P326"/>
    <mergeCell ref="A327:P327"/>
    <mergeCell ref="A320:I320"/>
    <mergeCell ref="J320:P320"/>
    <mergeCell ref="A321:I323"/>
    <mergeCell ref="K321:P321"/>
    <mergeCell ref="J322:P322"/>
    <mergeCell ref="J323:K323"/>
    <mergeCell ref="M323:P323"/>
    <mergeCell ref="A316:P316"/>
    <mergeCell ref="A317:I317"/>
    <mergeCell ref="J317:P317"/>
    <mergeCell ref="A318:I319"/>
    <mergeCell ref="J318:P318"/>
    <mergeCell ref="J319:K319"/>
    <mergeCell ref="M319:P319"/>
    <mergeCell ref="A311:I311"/>
    <mergeCell ref="J311:P311"/>
    <mergeCell ref="A312:P312"/>
    <mergeCell ref="A313:I313"/>
    <mergeCell ref="J313:P313"/>
    <mergeCell ref="A314:I315"/>
    <mergeCell ref="J314:P314"/>
    <mergeCell ref="J315:K315"/>
    <mergeCell ref="M315:P315"/>
    <mergeCell ref="A307:I309"/>
    <mergeCell ref="K307:P307"/>
    <mergeCell ref="J308:P308"/>
    <mergeCell ref="J309:K309"/>
    <mergeCell ref="M309:P309"/>
    <mergeCell ref="A310:I310"/>
    <mergeCell ref="J310:P310"/>
    <mergeCell ref="A303:P303"/>
    <mergeCell ref="A304:I304"/>
    <mergeCell ref="J304:P304"/>
    <mergeCell ref="A305:I306"/>
    <mergeCell ref="J305:P305"/>
    <mergeCell ref="J306:K306"/>
    <mergeCell ref="M306:P306"/>
    <mergeCell ref="A298:I298"/>
    <mergeCell ref="J298:P298"/>
    <mergeCell ref="A299:P299"/>
    <mergeCell ref="A300:P300"/>
    <mergeCell ref="A301:P301"/>
    <mergeCell ref="A302:P302"/>
    <mergeCell ref="A293:I295"/>
    <mergeCell ref="K293:P293"/>
    <mergeCell ref="J294:P294"/>
    <mergeCell ref="J295:K295"/>
    <mergeCell ref="M295:P295"/>
    <mergeCell ref="A296:I297"/>
    <mergeCell ref="J296:P296"/>
    <mergeCell ref="J297:K297"/>
    <mergeCell ref="M297:P297"/>
    <mergeCell ref="A288:I289"/>
    <mergeCell ref="J288:P288"/>
    <mergeCell ref="J289:K289"/>
    <mergeCell ref="M289:P289"/>
    <mergeCell ref="A290:I292"/>
    <mergeCell ref="K290:P290"/>
    <mergeCell ref="J291:P291"/>
    <mergeCell ref="J292:K292"/>
    <mergeCell ref="M292:P292"/>
    <mergeCell ref="A284:P284"/>
    <mergeCell ref="A285:I285"/>
    <mergeCell ref="J285:P285"/>
    <mergeCell ref="A286:I287"/>
    <mergeCell ref="J286:P286"/>
    <mergeCell ref="J287:K287"/>
    <mergeCell ref="M287:P287"/>
    <mergeCell ref="A278:P278"/>
    <mergeCell ref="A279:P279"/>
    <mergeCell ref="A280:P280"/>
    <mergeCell ref="A281:P281"/>
    <mergeCell ref="A282:N282"/>
    <mergeCell ref="A283:P283"/>
    <mergeCell ref="A272:M272"/>
    <mergeCell ref="A273:P273"/>
    <mergeCell ref="A274:P274"/>
    <mergeCell ref="A275:P275"/>
    <mergeCell ref="A276:P276"/>
    <mergeCell ref="A277:M277"/>
    <mergeCell ref="A266:M266"/>
    <mergeCell ref="A267:P267"/>
    <mergeCell ref="A268:P268"/>
    <mergeCell ref="A269:P269"/>
    <mergeCell ref="A270:P270"/>
    <mergeCell ref="A271:N271"/>
    <mergeCell ref="A260:N260"/>
    <mergeCell ref="A261:P261"/>
    <mergeCell ref="A262:P262"/>
    <mergeCell ref="A263:P263"/>
    <mergeCell ref="A264:P264"/>
    <mergeCell ref="A265:N265"/>
    <mergeCell ref="A254:K254"/>
    <mergeCell ref="A255:N255"/>
    <mergeCell ref="A256:P256"/>
    <mergeCell ref="A257:P257"/>
    <mergeCell ref="A258:P258"/>
    <mergeCell ref="A259:P259"/>
    <mergeCell ref="A248:N248"/>
    <mergeCell ref="A249:N249"/>
    <mergeCell ref="A250:P250"/>
    <mergeCell ref="A251:P251"/>
    <mergeCell ref="A252:P252"/>
    <mergeCell ref="A253:P253"/>
    <mergeCell ref="A242:P242"/>
    <mergeCell ref="A243:N243"/>
    <mergeCell ref="A244:P244"/>
    <mergeCell ref="A245:P245"/>
    <mergeCell ref="A246:P246"/>
    <mergeCell ref="A247:P247"/>
    <mergeCell ref="A236:M236"/>
    <mergeCell ref="A237:M237"/>
    <mergeCell ref="A238:P238"/>
    <mergeCell ref="A239:P239"/>
    <mergeCell ref="A240:P240"/>
    <mergeCell ref="A241:P241"/>
    <mergeCell ref="A230:M230"/>
    <mergeCell ref="A231:M231"/>
    <mergeCell ref="A232:P232"/>
    <mergeCell ref="A233:P233"/>
    <mergeCell ref="A234:P234"/>
    <mergeCell ref="A235:P235"/>
    <mergeCell ref="A224:P224"/>
    <mergeCell ref="A225:M225"/>
    <mergeCell ref="A226:P226"/>
    <mergeCell ref="A227:P227"/>
    <mergeCell ref="A228:P228"/>
    <mergeCell ref="A229:P229"/>
    <mergeCell ref="A219:J220"/>
    <mergeCell ref="K219:P219"/>
    <mergeCell ref="K220:P220"/>
    <mergeCell ref="A221:P221"/>
    <mergeCell ref="A222:P222"/>
    <mergeCell ref="A223:P223"/>
    <mergeCell ref="A213:P213"/>
    <mergeCell ref="A214:P214"/>
    <mergeCell ref="A215:P215"/>
    <mergeCell ref="A216:M216"/>
    <mergeCell ref="A217:P217"/>
    <mergeCell ref="A218:J218"/>
    <mergeCell ref="K218:P218"/>
    <mergeCell ref="A208:J208"/>
    <mergeCell ref="K208:P208"/>
    <mergeCell ref="A209:P209"/>
    <mergeCell ref="A210:M210"/>
    <mergeCell ref="A211:M211"/>
    <mergeCell ref="A212:P212"/>
    <mergeCell ref="A202:J202"/>
    <mergeCell ref="K202:P202"/>
    <mergeCell ref="A203:J204"/>
    <mergeCell ref="K203:P203"/>
    <mergeCell ref="K204:P204"/>
    <mergeCell ref="A205:J207"/>
    <mergeCell ref="L205:P205"/>
    <mergeCell ref="K206:K207"/>
    <mergeCell ref="L206:P206"/>
    <mergeCell ref="L207:P207"/>
    <mergeCell ref="A198:J199"/>
    <mergeCell ref="K198:P198"/>
    <mergeCell ref="K199:P199"/>
    <mergeCell ref="A200:J201"/>
    <mergeCell ref="K200:P200"/>
    <mergeCell ref="K201:P201"/>
    <mergeCell ref="A194:J194"/>
    <mergeCell ref="K194:P194"/>
    <mergeCell ref="A195:J195"/>
    <mergeCell ref="K195:P195"/>
    <mergeCell ref="A196:J197"/>
    <mergeCell ref="K196:P196"/>
    <mergeCell ref="K197:P197"/>
    <mergeCell ref="A188:P188"/>
    <mergeCell ref="A189:P189"/>
    <mergeCell ref="A190:M190"/>
    <mergeCell ref="A191:P191"/>
    <mergeCell ref="A192:J193"/>
    <mergeCell ref="K192:P192"/>
    <mergeCell ref="K193:P193"/>
    <mergeCell ref="A182:P182"/>
    <mergeCell ref="A183:P183"/>
    <mergeCell ref="A184:P184"/>
    <mergeCell ref="A185:P185"/>
    <mergeCell ref="A186:P186"/>
    <mergeCell ref="A187:P187"/>
    <mergeCell ref="A179:J180"/>
    <mergeCell ref="K179:L180"/>
    <mergeCell ref="M179:P179"/>
    <mergeCell ref="M180:P180"/>
    <mergeCell ref="A181:J181"/>
    <mergeCell ref="K181:P181"/>
    <mergeCell ref="A175:P175"/>
    <mergeCell ref="A176:J176"/>
    <mergeCell ref="K176:P176"/>
    <mergeCell ref="A177:J178"/>
    <mergeCell ref="K177:L178"/>
    <mergeCell ref="M177:P177"/>
    <mergeCell ref="M178:P178"/>
    <mergeCell ref="A169:P169"/>
    <mergeCell ref="A170:P170"/>
    <mergeCell ref="A171:P171"/>
    <mergeCell ref="A172:P172"/>
    <mergeCell ref="A173:N173"/>
    <mergeCell ref="A174:P174"/>
    <mergeCell ref="A163:N163"/>
    <mergeCell ref="A164:P164"/>
    <mergeCell ref="A165:P165"/>
    <mergeCell ref="A166:P166"/>
    <mergeCell ref="A167:P167"/>
    <mergeCell ref="A168:N168"/>
    <mergeCell ref="A157:P157"/>
    <mergeCell ref="A158:M158"/>
    <mergeCell ref="A159:P159"/>
    <mergeCell ref="A160:P160"/>
    <mergeCell ref="A161:P161"/>
    <mergeCell ref="A162:P162"/>
    <mergeCell ref="A151:P151"/>
    <mergeCell ref="A152:M152"/>
    <mergeCell ref="A153:P153"/>
    <mergeCell ref="A154:P154"/>
    <mergeCell ref="A155:P155"/>
    <mergeCell ref="A156:P156"/>
    <mergeCell ref="A145:N145"/>
    <mergeCell ref="A146:N146"/>
    <mergeCell ref="A147:N147"/>
    <mergeCell ref="A148:P148"/>
    <mergeCell ref="A149:P149"/>
    <mergeCell ref="A150:P150"/>
    <mergeCell ref="A139:P139"/>
    <mergeCell ref="A140:P140"/>
    <mergeCell ref="A141:P141"/>
    <mergeCell ref="A142:P142"/>
    <mergeCell ref="A143:P143"/>
    <mergeCell ref="A144:P144"/>
    <mergeCell ref="A133:P133"/>
    <mergeCell ref="A134:P134"/>
    <mergeCell ref="A135:P135"/>
    <mergeCell ref="A136:N136"/>
    <mergeCell ref="A137:P137"/>
    <mergeCell ref="A138:P138"/>
    <mergeCell ref="A127:P127"/>
    <mergeCell ref="A128:P128"/>
    <mergeCell ref="A129:P129"/>
    <mergeCell ref="A130:P130"/>
    <mergeCell ref="A131:N131"/>
    <mergeCell ref="A132:P132"/>
    <mergeCell ref="A121:P121"/>
    <mergeCell ref="A122:N122"/>
    <mergeCell ref="A123:P123"/>
    <mergeCell ref="A124:P124"/>
    <mergeCell ref="A125:P125"/>
    <mergeCell ref="A126:P126"/>
    <mergeCell ref="A115:P115"/>
    <mergeCell ref="A116:N116"/>
    <mergeCell ref="A117:P117"/>
    <mergeCell ref="A118:P118"/>
    <mergeCell ref="A119:P119"/>
    <mergeCell ref="A120:P120"/>
    <mergeCell ref="A109:P109"/>
    <mergeCell ref="A110:P110"/>
    <mergeCell ref="A111:N111"/>
    <mergeCell ref="A112:P112"/>
    <mergeCell ref="A113:P113"/>
    <mergeCell ref="A114:P114"/>
    <mergeCell ref="A103:P103"/>
    <mergeCell ref="A104:P104"/>
    <mergeCell ref="A105:P105"/>
    <mergeCell ref="A106:P106"/>
    <mergeCell ref="A107:P107"/>
    <mergeCell ref="A108:P108"/>
    <mergeCell ref="A96:P96"/>
    <mergeCell ref="A97:P97"/>
    <mergeCell ref="A98:P98"/>
    <mergeCell ref="A99:P99"/>
    <mergeCell ref="A100:N102"/>
    <mergeCell ref="O100:O102"/>
    <mergeCell ref="P100:P102"/>
    <mergeCell ref="A89:J91"/>
    <mergeCell ref="K89:P89"/>
    <mergeCell ref="K90:P90"/>
    <mergeCell ref="K91:P91"/>
    <mergeCell ref="A92:J95"/>
    <mergeCell ref="K92:P92"/>
    <mergeCell ref="K93:P93"/>
    <mergeCell ref="K94:P94"/>
    <mergeCell ref="K95:L95"/>
    <mergeCell ref="M95:P95"/>
    <mergeCell ref="A85:M85"/>
    <mergeCell ref="A86:P86"/>
    <mergeCell ref="A87:P87"/>
    <mergeCell ref="A88:J88"/>
    <mergeCell ref="K88:L88"/>
    <mergeCell ref="M88:P88"/>
    <mergeCell ref="A79:N79"/>
    <mergeCell ref="A80:N80"/>
    <mergeCell ref="A81:P81"/>
    <mergeCell ref="A82:P82"/>
    <mergeCell ref="A83:P83"/>
    <mergeCell ref="A84:P84"/>
    <mergeCell ref="A73:N73"/>
    <mergeCell ref="A74:P74"/>
    <mergeCell ref="A75:P75"/>
    <mergeCell ref="A76:P76"/>
    <mergeCell ref="A77:P77"/>
    <mergeCell ref="A78:N78"/>
    <mergeCell ref="A68:J68"/>
    <mergeCell ref="K68:P68"/>
    <mergeCell ref="A69:P69"/>
    <mergeCell ref="A70:P70"/>
    <mergeCell ref="A71:P71"/>
    <mergeCell ref="A72:P72"/>
    <mergeCell ref="A62:P62"/>
    <mergeCell ref="A63:P63"/>
    <mergeCell ref="A64:P64"/>
    <mergeCell ref="A65:N65"/>
    <mergeCell ref="A66:P66"/>
    <mergeCell ref="A67:J67"/>
    <mergeCell ref="K67:P67"/>
    <mergeCell ref="A56:P56"/>
    <mergeCell ref="A57:P57"/>
    <mergeCell ref="A58:M58"/>
    <mergeCell ref="A59:M59"/>
    <mergeCell ref="A60:M60"/>
    <mergeCell ref="A61:P61"/>
    <mergeCell ref="A50:M50"/>
    <mergeCell ref="A51:M51"/>
    <mergeCell ref="A52:N52"/>
    <mergeCell ref="A53:N53"/>
    <mergeCell ref="A54:P54"/>
    <mergeCell ref="A55:P55"/>
    <mergeCell ref="A44:P44"/>
    <mergeCell ref="A45:P45"/>
    <mergeCell ref="A46:N46"/>
    <mergeCell ref="A47:N47"/>
    <mergeCell ref="A48:M48"/>
    <mergeCell ref="A49:M49"/>
    <mergeCell ref="S37:S38"/>
    <mergeCell ref="A39:N39"/>
    <mergeCell ref="A40:N40"/>
    <mergeCell ref="A41:P41"/>
    <mergeCell ref="A42:P42"/>
    <mergeCell ref="A43:P43"/>
    <mergeCell ref="A33:P33"/>
    <mergeCell ref="A34:P34"/>
    <mergeCell ref="A35:P35"/>
    <mergeCell ref="A36:P36"/>
    <mergeCell ref="A37:N38"/>
    <mergeCell ref="O37:O38"/>
    <mergeCell ref="P37:P38"/>
    <mergeCell ref="A29:N29"/>
    <mergeCell ref="A30:N30"/>
    <mergeCell ref="A31:N31"/>
    <mergeCell ref="A32:N32"/>
    <mergeCell ref="A21:N21"/>
    <mergeCell ref="A22:N22"/>
    <mergeCell ref="A23:M23"/>
    <mergeCell ref="A24:P24"/>
    <mergeCell ref="A25:P25"/>
    <mergeCell ref="A26:P26"/>
    <mergeCell ref="A1:S1"/>
    <mergeCell ref="A2:S2"/>
    <mergeCell ref="A6:S6"/>
    <mergeCell ref="N16:P16"/>
    <mergeCell ref="A19:P19"/>
    <mergeCell ref="S19:S20"/>
    <mergeCell ref="A20:P20"/>
    <mergeCell ref="A27:P27"/>
    <mergeCell ref="A28:N28"/>
  </mergeCells>
  <phoneticPr fontId="1"/>
  <printOptions horizontalCentered="1"/>
  <pageMargins left="0.23622047244094491" right="0.23622047244094491" top="0.35433070866141736" bottom="0" header="0.31496062992125984" footer="0.15748031496062992"/>
  <pageSetup paperSize="9" scale="20" fitToWidth="0" fitToHeight="0" orientation="portrait" r:id="rId1"/>
  <rowBreaks count="12" manualBreakCount="12">
    <brk id="15" max="15" man="1"/>
    <brk id="43" max="15" man="1"/>
    <brk id="71" max="15" man="1"/>
    <brk id="109" max="15" man="1"/>
    <brk id="150" max="15" man="1"/>
    <brk id="188" max="15" man="1"/>
    <brk id="234" max="18" man="1"/>
    <brk id="269" max="15" man="1"/>
    <brk id="315" max="18" man="1"/>
    <brk id="362" max="15" man="1"/>
    <brk id="401" max="15" man="1"/>
    <brk id="436" max="15" man="1"/>
  </row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X378"/>
  <sheetViews>
    <sheetView showWhiteSpace="0" view="pageBreakPreview" zoomScale="25" zoomScaleNormal="24" zoomScaleSheetLayoutView="25" zoomScalePageLayoutView="70" workbookViewId="0">
      <selection sqref="A1:S1"/>
    </sheetView>
  </sheetViews>
  <sheetFormatPr defaultRowHeight="38.1" customHeight="1"/>
  <cols>
    <col min="1" max="1" width="3.109375" style="116" customWidth="1"/>
    <col min="2" max="2" width="7.33203125" style="117" customWidth="1"/>
    <col min="3" max="8" width="7.33203125" style="116" customWidth="1"/>
    <col min="9" max="9" width="45.33203125" style="118" customWidth="1"/>
    <col min="10" max="10" width="35.33203125" style="118" customWidth="1"/>
    <col min="11" max="11" width="35.109375" style="116" customWidth="1"/>
    <col min="12" max="12" width="44.33203125" style="119" customWidth="1"/>
    <col min="13" max="13" width="71.21875" style="116" customWidth="1"/>
    <col min="14" max="14" width="55.88671875" style="116" customWidth="1"/>
    <col min="15" max="15" width="35" style="118" customWidth="1"/>
    <col min="16" max="16" width="42.109375" style="118" customWidth="1"/>
    <col min="17" max="17" width="2.33203125" style="116" customWidth="1"/>
    <col min="18" max="18" width="3" style="62" customWidth="1"/>
    <col min="19" max="19" width="24.6640625" style="62" customWidth="1"/>
    <col min="20" max="20" width="161.6640625" style="62" customWidth="1"/>
    <col min="21" max="258" width="9" style="62"/>
    <col min="259" max="259" width="4.21875" style="62" customWidth="1"/>
    <col min="260" max="271" width="7.33203125" style="62" customWidth="1"/>
    <col min="272" max="272" width="5.6640625" style="62" customWidth="1"/>
    <col min="273" max="273" width="1.33203125" style="62" customWidth="1"/>
    <col min="274" max="274" width="17.77734375" style="62" customWidth="1"/>
    <col min="275" max="514" width="9" style="62"/>
    <col min="515" max="515" width="4.21875" style="62" customWidth="1"/>
    <col min="516" max="527" width="7.33203125" style="62" customWidth="1"/>
    <col min="528" max="528" width="5.6640625" style="62" customWidth="1"/>
    <col min="529" max="529" width="1.33203125" style="62" customWidth="1"/>
    <col min="530" max="530" width="17.77734375" style="62" customWidth="1"/>
    <col min="531" max="770" width="9" style="62"/>
    <col min="771" max="771" width="4.21875" style="62" customWidth="1"/>
    <col min="772" max="783" width="7.33203125" style="62" customWidth="1"/>
    <col min="784" max="784" width="5.6640625" style="62" customWidth="1"/>
    <col min="785" max="785" width="1.33203125" style="62" customWidth="1"/>
    <col min="786" max="786" width="17.77734375" style="62" customWidth="1"/>
    <col min="787" max="1026" width="9" style="62"/>
    <col min="1027" max="1027" width="4.21875" style="62" customWidth="1"/>
    <col min="1028" max="1039" width="7.33203125" style="62" customWidth="1"/>
    <col min="1040" max="1040" width="5.6640625" style="62" customWidth="1"/>
    <col min="1041" max="1041" width="1.33203125" style="62" customWidth="1"/>
    <col min="1042" max="1042" width="17.77734375" style="62" customWidth="1"/>
    <col min="1043" max="1282" width="9" style="62"/>
    <col min="1283" max="1283" width="4.21875" style="62" customWidth="1"/>
    <col min="1284" max="1295" width="7.33203125" style="62" customWidth="1"/>
    <col min="1296" max="1296" width="5.6640625" style="62" customWidth="1"/>
    <col min="1297" max="1297" width="1.33203125" style="62" customWidth="1"/>
    <col min="1298" max="1298" width="17.77734375" style="62" customWidth="1"/>
    <col min="1299" max="1538" width="9" style="62"/>
    <col min="1539" max="1539" width="4.21875" style="62" customWidth="1"/>
    <col min="1540" max="1551" width="7.33203125" style="62" customWidth="1"/>
    <col min="1552" max="1552" width="5.6640625" style="62" customWidth="1"/>
    <col min="1553" max="1553" width="1.33203125" style="62" customWidth="1"/>
    <col min="1554" max="1554" width="17.77734375" style="62" customWidth="1"/>
    <col min="1555" max="1794" width="9" style="62"/>
    <col min="1795" max="1795" width="4.21875" style="62" customWidth="1"/>
    <col min="1796" max="1807" width="7.33203125" style="62" customWidth="1"/>
    <col min="1808" max="1808" width="5.6640625" style="62" customWidth="1"/>
    <col min="1809" max="1809" width="1.33203125" style="62" customWidth="1"/>
    <col min="1810" max="1810" width="17.77734375" style="62" customWidth="1"/>
    <col min="1811" max="2050" width="9" style="62"/>
    <col min="2051" max="2051" width="4.21875" style="62" customWidth="1"/>
    <col min="2052" max="2063" width="7.33203125" style="62" customWidth="1"/>
    <col min="2064" max="2064" width="5.6640625" style="62" customWidth="1"/>
    <col min="2065" max="2065" width="1.33203125" style="62" customWidth="1"/>
    <col min="2066" max="2066" width="17.77734375" style="62" customWidth="1"/>
    <col min="2067" max="2306" width="9" style="62"/>
    <col min="2307" max="2307" width="4.21875" style="62" customWidth="1"/>
    <col min="2308" max="2319" width="7.33203125" style="62" customWidth="1"/>
    <col min="2320" max="2320" width="5.6640625" style="62" customWidth="1"/>
    <col min="2321" max="2321" width="1.33203125" style="62" customWidth="1"/>
    <col min="2322" max="2322" width="17.77734375" style="62" customWidth="1"/>
    <col min="2323" max="2562" width="9" style="62"/>
    <col min="2563" max="2563" width="4.21875" style="62" customWidth="1"/>
    <col min="2564" max="2575" width="7.33203125" style="62" customWidth="1"/>
    <col min="2576" max="2576" width="5.6640625" style="62" customWidth="1"/>
    <col min="2577" max="2577" width="1.33203125" style="62" customWidth="1"/>
    <col min="2578" max="2578" width="17.77734375" style="62" customWidth="1"/>
    <col min="2579" max="2818" width="9" style="62"/>
    <col min="2819" max="2819" width="4.21875" style="62" customWidth="1"/>
    <col min="2820" max="2831" width="7.33203125" style="62" customWidth="1"/>
    <col min="2832" max="2832" width="5.6640625" style="62" customWidth="1"/>
    <col min="2833" max="2833" width="1.33203125" style="62" customWidth="1"/>
    <col min="2834" max="2834" width="17.77734375" style="62" customWidth="1"/>
    <col min="2835" max="3074" width="9" style="62"/>
    <col min="3075" max="3075" width="4.21875" style="62" customWidth="1"/>
    <col min="3076" max="3087" width="7.33203125" style="62" customWidth="1"/>
    <col min="3088" max="3088" width="5.6640625" style="62" customWidth="1"/>
    <col min="3089" max="3089" width="1.33203125" style="62" customWidth="1"/>
    <col min="3090" max="3090" width="17.77734375" style="62" customWidth="1"/>
    <col min="3091" max="3330" width="9" style="62"/>
    <col min="3331" max="3331" width="4.21875" style="62" customWidth="1"/>
    <col min="3332" max="3343" width="7.33203125" style="62" customWidth="1"/>
    <col min="3344" max="3344" width="5.6640625" style="62" customWidth="1"/>
    <col min="3345" max="3345" width="1.33203125" style="62" customWidth="1"/>
    <col min="3346" max="3346" width="17.77734375" style="62" customWidth="1"/>
    <col min="3347" max="3586" width="9" style="62"/>
    <col min="3587" max="3587" width="4.21875" style="62" customWidth="1"/>
    <col min="3588" max="3599" width="7.33203125" style="62" customWidth="1"/>
    <col min="3600" max="3600" width="5.6640625" style="62" customWidth="1"/>
    <col min="3601" max="3601" width="1.33203125" style="62" customWidth="1"/>
    <col min="3602" max="3602" width="17.77734375" style="62" customWidth="1"/>
    <col min="3603" max="3842" width="9" style="62"/>
    <col min="3843" max="3843" width="4.21875" style="62" customWidth="1"/>
    <col min="3844" max="3855" width="7.33203125" style="62" customWidth="1"/>
    <col min="3856" max="3856" width="5.6640625" style="62" customWidth="1"/>
    <col min="3857" max="3857" width="1.33203125" style="62" customWidth="1"/>
    <col min="3858" max="3858" width="17.77734375" style="62" customWidth="1"/>
    <col min="3859" max="4098" width="9" style="62"/>
    <col min="4099" max="4099" width="4.21875" style="62" customWidth="1"/>
    <col min="4100" max="4111" width="7.33203125" style="62" customWidth="1"/>
    <col min="4112" max="4112" width="5.6640625" style="62" customWidth="1"/>
    <col min="4113" max="4113" width="1.33203125" style="62" customWidth="1"/>
    <col min="4114" max="4114" width="17.77734375" style="62" customWidth="1"/>
    <col min="4115" max="4354" width="9" style="62"/>
    <col min="4355" max="4355" width="4.21875" style="62" customWidth="1"/>
    <col min="4356" max="4367" width="7.33203125" style="62" customWidth="1"/>
    <col min="4368" max="4368" width="5.6640625" style="62" customWidth="1"/>
    <col min="4369" max="4369" width="1.33203125" style="62" customWidth="1"/>
    <col min="4370" max="4370" width="17.77734375" style="62" customWidth="1"/>
    <col min="4371" max="4610" width="9" style="62"/>
    <col min="4611" max="4611" width="4.21875" style="62" customWidth="1"/>
    <col min="4612" max="4623" width="7.33203125" style="62" customWidth="1"/>
    <col min="4624" max="4624" width="5.6640625" style="62" customWidth="1"/>
    <col min="4625" max="4625" width="1.33203125" style="62" customWidth="1"/>
    <col min="4626" max="4626" width="17.77734375" style="62" customWidth="1"/>
    <col min="4627" max="4866" width="9" style="62"/>
    <col min="4867" max="4867" width="4.21875" style="62" customWidth="1"/>
    <col min="4868" max="4879" width="7.33203125" style="62" customWidth="1"/>
    <col min="4880" max="4880" width="5.6640625" style="62" customWidth="1"/>
    <col min="4881" max="4881" width="1.33203125" style="62" customWidth="1"/>
    <col min="4882" max="4882" width="17.77734375" style="62" customWidth="1"/>
    <col min="4883" max="5122" width="9" style="62"/>
    <col min="5123" max="5123" width="4.21875" style="62" customWidth="1"/>
    <col min="5124" max="5135" width="7.33203125" style="62" customWidth="1"/>
    <col min="5136" max="5136" width="5.6640625" style="62" customWidth="1"/>
    <col min="5137" max="5137" width="1.33203125" style="62" customWidth="1"/>
    <col min="5138" max="5138" width="17.77734375" style="62" customWidth="1"/>
    <col min="5139" max="5378" width="9" style="62"/>
    <col min="5379" max="5379" width="4.21875" style="62" customWidth="1"/>
    <col min="5380" max="5391" width="7.33203125" style="62" customWidth="1"/>
    <col min="5392" max="5392" width="5.6640625" style="62" customWidth="1"/>
    <col min="5393" max="5393" width="1.33203125" style="62" customWidth="1"/>
    <col min="5394" max="5394" width="17.77734375" style="62" customWidth="1"/>
    <col min="5395" max="5634" width="9" style="62"/>
    <col min="5635" max="5635" width="4.21875" style="62" customWidth="1"/>
    <col min="5636" max="5647" width="7.33203125" style="62" customWidth="1"/>
    <col min="5648" max="5648" width="5.6640625" style="62" customWidth="1"/>
    <col min="5649" max="5649" width="1.33203125" style="62" customWidth="1"/>
    <col min="5650" max="5650" width="17.77734375" style="62" customWidth="1"/>
    <col min="5651" max="5890" width="9" style="62"/>
    <col min="5891" max="5891" width="4.21875" style="62" customWidth="1"/>
    <col min="5892" max="5903" width="7.33203125" style="62" customWidth="1"/>
    <col min="5904" max="5904" width="5.6640625" style="62" customWidth="1"/>
    <col min="5905" max="5905" width="1.33203125" style="62" customWidth="1"/>
    <col min="5906" max="5906" width="17.77734375" style="62" customWidth="1"/>
    <col min="5907" max="6146" width="9" style="62"/>
    <col min="6147" max="6147" width="4.21875" style="62" customWidth="1"/>
    <col min="6148" max="6159" width="7.33203125" style="62" customWidth="1"/>
    <col min="6160" max="6160" width="5.6640625" style="62" customWidth="1"/>
    <col min="6161" max="6161" width="1.33203125" style="62" customWidth="1"/>
    <col min="6162" max="6162" width="17.77734375" style="62" customWidth="1"/>
    <col min="6163" max="6402" width="9" style="62"/>
    <col min="6403" max="6403" width="4.21875" style="62" customWidth="1"/>
    <col min="6404" max="6415" width="7.33203125" style="62" customWidth="1"/>
    <col min="6416" max="6416" width="5.6640625" style="62" customWidth="1"/>
    <col min="6417" max="6417" width="1.33203125" style="62" customWidth="1"/>
    <col min="6418" max="6418" width="17.77734375" style="62" customWidth="1"/>
    <col min="6419" max="6658" width="9" style="62"/>
    <col min="6659" max="6659" width="4.21875" style="62" customWidth="1"/>
    <col min="6660" max="6671" width="7.33203125" style="62" customWidth="1"/>
    <col min="6672" max="6672" width="5.6640625" style="62" customWidth="1"/>
    <col min="6673" max="6673" width="1.33203125" style="62" customWidth="1"/>
    <col min="6674" max="6674" width="17.77734375" style="62" customWidth="1"/>
    <col min="6675" max="6914" width="9" style="62"/>
    <col min="6915" max="6915" width="4.21875" style="62" customWidth="1"/>
    <col min="6916" max="6927" width="7.33203125" style="62" customWidth="1"/>
    <col min="6928" max="6928" width="5.6640625" style="62" customWidth="1"/>
    <col min="6929" max="6929" width="1.33203125" style="62" customWidth="1"/>
    <col min="6930" max="6930" width="17.77734375" style="62" customWidth="1"/>
    <col min="6931" max="7170" width="9" style="62"/>
    <col min="7171" max="7171" width="4.21875" style="62" customWidth="1"/>
    <col min="7172" max="7183" width="7.33203125" style="62" customWidth="1"/>
    <col min="7184" max="7184" width="5.6640625" style="62" customWidth="1"/>
    <col min="7185" max="7185" width="1.33203125" style="62" customWidth="1"/>
    <col min="7186" max="7186" width="17.77734375" style="62" customWidth="1"/>
    <col min="7187" max="7426" width="9" style="62"/>
    <col min="7427" max="7427" width="4.21875" style="62" customWidth="1"/>
    <col min="7428" max="7439" width="7.33203125" style="62" customWidth="1"/>
    <col min="7440" max="7440" width="5.6640625" style="62" customWidth="1"/>
    <col min="7441" max="7441" width="1.33203125" style="62" customWidth="1"/>
    <col min="7442" max="7442" width="17.77734375" style="62" customWidth="1"/>
    <col min="7443" max="7682" width="9" style="62"/>
    <col min="7683" max="7683" width="4.21875" style="62" customWidth="1"/>
    <col min="7684" max="7695" width="7.33203125" style="62" customWidth="1"/>
    <col min="7696" max="7696" width="5.6640625" style="62" customWidth="1"/>
    <col min="7697" max="7697" width="1.33203125" style="62" customWidth="1"/>
    <col min="7698" max="7698" width="17.77734375" style="62" customWidth="1"/>
    <col min="7699" max="7938" width="9" style="62"/>
    <col min="7939" max="7939" width="4.21875" style="62" customWidth="1"/>
    <col min="7940" max="7951" width="7.33203125" style="62" customWidth="1"/>
    <col min="7952" max="7952" width="5.6640625" style="62" customWidth="1"/>
    <col min="7953" max="7953" width="1.33203125" style="62" customWidth="1"/>
    <col min="7954" max="7954" width="17.77734375" style="62" customWidth="1"/>
    <col min="7955" max="8194" width="9" style="62"/>
    <col min="8195" max="8195" width="4.21875" style="62" customWidth="1"/>
    <col min="8196" max="8207" width="7.33203125" style="62" customWidth="1"/>
    <col min="8208" max="8208" width="5.6640625" style="62" customWidth="1"/>
    <col min="8209" max="8209" width="1.33203125" style="62" customWidth="1"/>
    <col min="8210" max="8210" width="17.77734375" style="62" customWidth="1"/>
    <col min="8211" max="8450" width="9" style="62"/>
    <col min="8451" max="8451" width="4.21875" style="62" customWidth="1"/>
    <col min="8452" max="8463" width="7.33203125" style="62" customWidth="1"/>
    <col min="8464" max="8464" width="5.6640625" style="62" customWidth="1"/>
    <col min="8465" max="8465" width="1.33203125" style="62" customWidth="1"/>
    <col min="8466" max="8466" width="17.77734375" style="62" customWidth="1"/>
    <col min="8467" max="8706" width="9" style="62"/>
    <col min="8707" max="8707" width="4.21875" style="62" customWidth="1"/>
    <col min="8708" max="8719" width="7.33203125" style="62" customWidth="1"/>
    <col min="8720" max="8720" width="5.6640625" style="62" customWidth="1"/>
    <col min="8721" max="8721" width="1.33203125" style="62" customWidth="1"/>
    <col min="8722" max="8722" width="17.77734375" style="62" customWidth="1"/>
    <col min="8723" max="8962" width="9" style="62"/>
    <col min="8963" max="8963" width="4.21875" style="62" customWidth="1"/>
    <col min="8964" max="8975" width="7.33203125" style="62" customWidth="1"/>
    <col min="8976" max="8976" width="5.6640625" style="62" customWidth="1"/>
    <col min="8977" max="8977" width="1.33203125" style="62" customWidth="1"/>
    <col min="8978" max="8978" width="17.77734375" style="62" customWidth="1"/>
    <col min="8979" max="9218" width="9" style="62"/>
    <col min="9219" max="9219" width="4.21875" style="62" customWidth="1"/>
    <col min="9220" max="9231" width="7.33203125" style="62" customWidth="1"/>
    <col min="9232" max="9232" width="5.6640625" style="62" customWidth="1"/>
    <col min="9233" max="9233" width="1.33203125" style="62" customWidth="1"/>
    <col min="9234" max="9234" width="17.77734375" style="62" customWidth="1"/>
    <col min="9235" max="9474" width="9" style="62"/>
    <col min="9475" max="9475" width="4.21875" style="62" customWidth="1"/>
    <col min="9476" max="9487" width="7.33203125" style="62" customWidth="1"/>
    <col min="9488" max="9488" width="5.6640625" style="62" customWidth="1"/>
    <col min="9489" max="9489" width="1.33203125" style="62" customWidth="1"/>
    <col min="9490" max="9490" width="17.77734375" style="62" customWidth="1"/>
    <col min="9491" max="9730" width="9" style="62"/>
    <col min="9731" max="9731" width="4.21875" style="62" customWidth="1"/>
    <col min="9732" max="9743" width="7.33203125" style="62" customWidth="1"/>
    <col min="9744" max="9744" width="5.6640625" style="62" customWidth="1"/>
    <col min="9745" max="9745" width="1.33203125" style="62" customWidth="1"/>
    <col min="9746" max="9746" width="17.77734375" style="62" customWidth="1"/>
    <col min="9747" max="9986" width="9" style="62"/>
    <col min="9987" max="9987" width="4.21875" style="62" customWidth="1"/>
    <col min="9988" max="9999" width="7.33203125" style="62" customWidth="1"/>
    <col min="10000" max="10000" width="5.6640625" style="62" customWidth="1"/>
    <col min="10001" max="10001" width="1.33203125" style="62" customWidth="1"/>
    <col min="10002" max="10002" width="17.77734375" style="62" customWidth="1"/>
    <col min="10003" max="10242" width="9" style="62"/>
    <col min="10243" max="10243" width="4.21875" style="62" customWidth="1"/>
    <col min="10244" max="10255" width="7.33203125" style="62" customWidth="1"/>
    <col min="10256" max="10256" width="5.6640625" style="62" customWidth="1"/>
    <col min="10257" max="10257" width="1.33203125" style="62" customWidth="1"/>
    <col min="10258" max="10258" width="17.77734375" style="62" customWidth="1"/>
    <col min="10259" max="10498" width="9" style="62"/>
    <col min="10499" max="10499" width="4.21875" style="62" customWidth="1"/>
    <col min="10500" max="10511" width="7.33203125" style="62" customWidth="1"/>
    <col min="10512" max="10512" width="5.6640625" style="62" customWidth="1"/>
    <col min="10513" max="10513" width="1.33203125" style="62" customWidth="1"/>
    <col min="10514" max="10514" width="17.77734375" style="62" customWidth="1"/>
    <col min="10515" max="10754" width="9" style="62"/>
    <col min="10755" max="10755" width="4.21875" style="62" customWidth="1"/>
    <col min="10756" max="10767" width="7.33203125" style="62" customWidth="1"/>
    <col min="10768" max="10768" width="5.6640625" style="62" customWidth="1"/>
    <col min="10769" max="10769" width="1.33203125" style="62" customWidth="1"/>
    <col min="10770" max="10770" width="17.77734375" style="62" customWidth="1"/>
    <col min="10771" max="11010" width="9" style="62"/>
    <col min="11011" max="11011" width="4.21875" style="62" customWidth="1"/>
    <col min="11012" max="11023" width="7.33203125" style="62" customWidth="1"/>
    <col min="11024" max="11024" width="5.6640625" style="62" customWidth="1"/>
    <col min="11025" max="11025" width="1.33203125" style="62" customWidth="1"/>
    <col min="11026" max="11026" width="17.77734375" style="62" customWidth="1"/>
    <col min="11027" max="11266" width="9" style="62"/>
    <col min="11267" max="11267" width="4.21875" style="62" customWidth="1"/>
    <col min="11268" max="11279" width="7.33203125" style="62" customWidth="1"/>
    <col min="11280" max="11280" width="5.6640625" style="62" customWidth="1"/>
    <col min="11281" max="11281" width="1.33203125" style="62" customWidth="1"/>
    <col min="11282" max="11282" width="17.77734375" style="62" customWidth="1"/>
    <col min="11283" max="11522" width="9" style="62"/>
    <col min="11523" max="11523" width="4.21875" style="62" customWidth="1"/>
    <col min="11524" max="11535" width="7.33203125" style="62" customWidth="1"/>
    <col min="11536" max="11536" width="5.6640625" style="62" customWidth="1"/>
    <col min="11537" max="11537" width="1.33203125" style="62" customWidth="1"/>
    <col min="11538" max="11538" width="17.77734375" style="62" customWidth="1"/>
    <col min="11539" max="11778" width="9" style="62"/>
    <col min="11779" max="11779" width="4.21875" style="62" customWidth="1"/>
    <col min="11780" max="11791" width="7.33203125" style="62" customWidth="1"/>
    <col min="11792" max="11792" width="5.6640625" style="62" customWidth="1"/>
    <col min="11793" max="11793" width="1.33203125" style="62" customWidth="1"/>
    <col min="11794" max="11794" width="17.77734375" style="62" customWidth="1"/>
    <col min="11795" max="12034" width="9" style="62"/>
    <col min="12035" max="12035" width="4.21875" style="62" customWidth="1"/>
    <col min="12036" max="12047" width="7.33203125" style="62" customWidth="1"/>
    <col min="12048" max="12048" width="5.6640625" style="62" customWidth="1"/>
    <col min="12049" max="12049" width="1.33203125" style="62" customWidth="1"/>
    <col min="12050" max="12050" width="17.77734375" style="62" customWidth="1"/>
    <col min="12051" max="12290" width="9" style="62"/>
    <col min="12291" max="12291" width="4.21875" style="62" customWidth="1"/>
    <col min="12292" max="12303" width="7.33203125" style="62" customWidth="1"/>
    <col min="12304" max="12304" width="5.6640625" style="62" customWidth="1"/>
    <col min="12305" max="12305" width="1.33203125" style="62" customWidth="1"/>
    <col min="12306" max="12306" width="17.77734375" style="62" customWidth="1"/>
    <col min="12307" max="12546" width="9" style="62"/>
    <col min="12547" max="12547" width="4.21875" style="62" customWidth="1"/>
    <col min="12548" max="12559" width="7.33203125" style="62" customWidth="1"/>
    <col min="12560" max="12560" width="5.6640625" style="62" customWidth="1"/>
    <col min="12561" max="12561" width="1.33203125" style="62" customWidth="1"/>
    <col min="12562" max="12562" width="17.77734375" style="62" customWidth="1"/>
    <col min="12563" max="12802" width="9" style="62"/>
    <col min="12803" max="12803" width="4.21875" style="62" customWidth="1"/>
    <col min="12804" max="12815" width="7.33203125" style="62" customWidth="1"/>
    <col min="12816" max="12816" width="5.6640625" style="62" customWidth="1"/>
    <col min="12817" max="12817" width="1.33203125" style="62" customWidth="1"/>
    <col min="12818" max="12818" width="17.77734375" style="62" customWidth="1"/>
    <col min="12819" max="13058" width="9" style="62"/>
    <col min="13059" max="13059" width="4.21875" style="62" customWidth="1"/>
    <col min="13060" max="13071" width="7.33203125" style="62" customWidth="1"/>
    <col min="13072" max="13072" width="5.6640625" style="62" customWidth="1"/>
    <col min="13073" max="13073" width="1.33203125" style="62" customWidth="1"/>
    <col min="13074" max="13074" width="17.77734375" style="62" customWidth="1"/>
    <col min="13075" max="13314" width="9" style="62"/>
    <col min="13315" max="13315" width="4.21875" style="62" customWidth="1"/>
    <col min="13316" max="13327" width="7.33203125" style="62" customWidth="1"/>
    <col min="13328" max="13328" width="5.6640625" style="62" customWidth="1"/>
    <col min="13329" max="13329" width="1.33203125" style="62" customWidth="1"/>
    <col min="13330" max="13330" width="17.77734375" style="62" customWidth="1"/>
    <col min="13331" max="13570" width="9" style="62"/>
    <col min="13571" max="13571" width="4.21875" style="62" customWidth="1"/>
    <col min="13572" max="13583" width="7.33203125" style="62" customWidth="1"/>
    <col min="13584" max="13584" width="5.6640625" style="62" customWidth="1"/>
    <col min="13585" max="13585" width="1.33203125" style="62" customWidth="1"/>
    <col min="13586" max="13586" width="17.77734375" style="62" customWidth="1"/>
    <col min="13587" max="13826" width="9" style="62"/>
    <col min="13827" max="13827" width="4.21875" style="62" customWidth="1"/>
    <col min="13828" max="13839" width="7.33203125" style="62" customWidth="1"/>
    <col min="13840" max="13840" width="5.6640625" style="62" customWidth="1"/>
    <col min="13841" max="13841" width="1.33203125" style="62" customWidth="1"/>
    <col min="13842" max="13842" width="17.77734375" style="62" customWidth="1"/>
    <col min="13843" max="14082" width="9" style="62"/>
    <col min="14083" max="14083" width="4.21875" style="62" customWidth="1"/>
    <col min="14084" max="14095" width="7.33203125" style="62" customWidth="1"/>
    <col min="14096" max="14096" width="5.6640625" style="62" customWidth="1"/>
    <col min="14097" max="14097" width="1.33203125" style="62" customWidth="1"/>
    <col min="14098" max="14098" width="17.77734375" style="62" customWidth="1"/>
    <col min="14099" max="14338" width="9" style="62"/>
    <col min="14339" max="14339" width="4.21875" style="62" customWidth="1"/>
    <col min="14340" max="14351" width="7.33203125" style="62" customWidth="1"/>
    <col min="14352" max="14352" width="5.6640625" style="62" customWidth="1"/>
    <col min="14353" max="14353" width="1.33203125" style="62" customWidth="1"/>
    <col min="14354" max="14354" width="17.77734375" style="62" customWidth="1"/>
    <col min="14355" max="14594" width="9" style="62"/>
    <col min="14595" max="14595" width="4.21875" style="62" customWidth="1"/>
    <col min="14596" max="14607" width="7.33203125" style="62" customWidth="1"/>
    <col min="14608" max="14608" width="5.6640625" style="62" customWidth="1"/>
    <col min="14609" max="14609" width="1.33203125" style="62" customWidth="1"/>
    <col min="14610" max="14610" width="17.77734375" style="62" customWidth="1"/>
    <col min="14611" max="14850" width="9" style="62"/>
    <col min="14851" max="14851" width="4.21875" style="62" customWidth="1"/>
    <col min="14852" max="14863" width="7.33203125" style="62" customWidth="1"/>
    <col min="14864" max="14864" width="5.6640625" style="62" customWidth="1"/>
    <col min="14865" max="14865" width="1.33203125" style="62" customWidth="1"/>
    <col min="14866" max="14866" width="17.77734375" style="62" customWidth="1"/>
    <col min="14867" max="15106" width="9" style="62"/>
    <col min="15107" max="15107" width="4.21875" style="62" customWidth="1"/>
    <col min="15108" max="15119" width="7.33203125" style="62" customWidth="1"/>
    <col min="15120" max="15120" width="5.6640625" style="62" customWidth="1"/>
    <col min="15121" max="15121" width="1.33203125" style="62" customWidth="1"/>
    <col min="15122" max="15122" width="17.77734375" style="62" customWidth="1"/>
    <col min="15123" max="15362" width="9" style="62"/>
    <col min="15363" max="15363" width="4.21875" style="62" customWidth="1"/>
    <col min="15364" max="15375" width="7.33203125" style="62" customWidth="1"/>
    <col min="15376" max="15376" width="5.6640625" style="62" customWidth="1"/>
    <col min="15377" max="15377" width="1.33203125" style="62" customWidth="1"/>
    <col min="15378" max="15378" width="17.77734375" style="62" customWidth="1"/>
    <col min="15379" max="15618" width="9" style="62"/>
    <col min="15619" max="15619" width="4.21875" style="62" customWidth="1"/>
    <col min="15620" max="15631" width="7.33203125" style="62" customWidth="1"/>
    <col min="15632" max="15632" width="5.6640625" style="62" customWidth="1"/>
    <col min="15633" max="15633" width="1.33203125" style="62" customWidth="1"/>
    <col min="15634" max="15634" width="17.77734375" style="62" customWidth="1"/>
    <col min="15635" max="15874" width="9" style="62"/>
    <col min="15875" max="15875" width="4.21875" style="62" customWidth="1"/>
    <col min="15876" max="15887" width="7.33203125" style="62" customWidth="1"/>
    <col min="15888" max="15888" width="5.6640625" style="62" customWidth="1"/>
    <col min="15889" max="15889" width="1.33203125" style="62" customWidth="1"/>
    <col min="15890" max="15890" width="17.77734375" style="62" customWidth="1"/>
    <col min="15891" max="16130" width="9" style="62"/>
    <col min="16131" max="16131" width="4.21875" style="62" customWidth="1"/>
    <col min="16132" max="16143" width="7.33203125" style="62" customWidth="1"/>
    <col min="16144" max="16144" width="5.6640625" style="62" customWidth="1"/>
    <col min="16145" max="16145" width="1.33203125" style="62" customWidth="1"/>
    <col min="16146" max="16146" width="17.77734375" style="62" customWidth="1"/>
    <col min="16147" max="16384" width="9" style="62"/>
  </cols>
  <sheetData>
    <row r="1" spans="1:258" ht="180" customHeight="1">
      <c r="A1" s="719" t="s">
        <v>396</v>
      </c>
      <c r="B1" s="719"/>
      <c r="C1" s="719"/>
      <c r="D1" s="719"/>
      <c r="E1" s="719"/>
      <c r="F1" s="719"/>
      <c r="G1" s="719"/>
      <c r="H1" s="719"/>
      <c r="I1" s="719"/>
      <c r="J1" s="719"/>
      <c r="K1" s="719"/>
      <c r="L1" s="719"/>
      <c r="M1" s="719"/>
      <c r="N1" s="719"/>
      <c r="O1" s="719"/>
      <c r="P1" s="719"/>
      <c r="Q1" s="719"/>
      <c r="R1" s="719"/>
      <c r="S1" s="719"/>
      <c r="T1" s="61"/>
      <c r="U1" s="61"/>
      <c r="V1" s="61"/>
      <c r="W1" s="61"/>
      <c r="X1" s="61"/>
      <c r="Y1" s="61"/>
      <c r="Z1" s="61"/>
      <c r="AA1" s="61"/>
      <c r="AB1" s="61"/>
      <c r="AC1" s="61"/>
      <c r="AD1" s="61"/>
      <c r="AE1" s="61"/>
      <c r="AF1" s="61"/>
      <c r="AG1" s="61"/>
      <c r="AH1" s="61"/>
      <c r="AI1" s="61"/>
      <c r="AJ1" s="61"/>
      <c r="AK1" s="61"/>
      <c r="AL1" s="61"/>
      <c r="AM1" s="61"/>
      <c r="AN1" s="61"/>
      <c r="AO1" s="61"/>
      <c r="AP1" s="61"/>
      <c r="AQ1" s="61"/>
      <c r="AR1" s="61"/>
      <c r="AS1" s="61"/>
      <c r="AT1" s="61"/>
      <c r="AU1" s="61"/>
      <c r="AV1" s="61"/>
      <c r="AW1" s="61"/>
      <c r="AX1" s="61"/>
      <c r="AY1" s="61"/>
      <c r="AZ1" s="61"/>
      <c r="BA1" s="61"/>
      <c r="BB1" s="61"/>
      <c r="BC1" s="61"/>
      <c r="BD1" s="61"/>
      <c r="BE1" s="61"/>
      <c r="BF1" s="61"/>
      <c r="BG1" s="61"/>
      <c r="BH1" s="61"/>
      <c r="BI1" s="61"/>
      <c r="BJ1" s="61"/>
      <c r="BK1" s="61"/>
      <c r="BL1" s="61"/>
      <c r="BM1" s="61"/>
      <c r="BN1" s="61"/>
      <c r="BO1" s="61"/>
      <c r="BP1" s="61"/>
      <c r="BQ1" s="61"/>
      <c r="BR1" s="61"/>
      <c r="BS1" s="61"/>
      <c r="BT1" s="61"/>
      <c r="BU1" s="61"/>
      <c r="BV1" s="61"/>
      <c r="BW1" s="61"/>
      <c r="BX1" s="61"/>
      <c r="BY1" s="61"/>
      <c r="BZ1" s="61"/>
      <c r="CA1" s="61"/>
      <c r="CB1" s="61"/>
      <c r="CC1" s="61"/>
      <c r="CD1" s="61"/>
      <c r="CE1" s="61"/>
      <c r="CF1" s="61"/>
      <c r="CG1" s="61"/>
      <c r="CH1" s="61"/>
      <c r="CI1" s="61"/>
      <c r="CJ1" s="61"/>
      <c r="CK1" s="61"/>
      <c r="CL1" s="61"/>
      <c r="CM1" s="61"/>
      <c r="CN1" s="61"/>
      <c r="CO1" s="61"/>
      <c r="CP1" s="61"/>
      <c r="CQ1" s="61"/>
      <c r="CR1" s="61"/>
      <c r="CS1" s="61"/>
      <c r="CT1" s="61"/>
      <c r="CU1" s="61"/>
      <c r="CV1" s="61"/>
      <c r="CW1" s="61"/>
      <c r="CX1" s="61"/>
      <c r="CY1" s="61"/>
      <c r="CZ1" s="61"/>
      <c r="DA1" s="61"/>
      <c r="DB1" s="61"/>
      <c r="DC1" s="61"/>
      <c r="DD1" s="61"/>
      <c r="DE1" s="61"/>
      <c r="DF1" s="61"/>
      <c r="DG1" s="61"/>
      <c r="DH1" s="61"/>
      <c r="DI1" s="61"/>
      <c r="DJ1" s="61"/>
      <c r="DK1" s="61"/>
      <c r="DL1" s="61"/>
      <c r="DM1" s="61"/>
      <c r="DN1" s="61"/>
      <c r="DO1" s="61"/>
      <c r="DP1" s="61"/>
      <c r="DQ1" s="61"/>
      <c r="DR1" s="61"/>
      <c r="DS1" s="61"/>
      <c r="DT1" s="61"/>
      <c r="DU1" s="61"/>
      <c r="DV1" s="61"/>
      <c r="DW1" s="61"/>
      <c r="DX1" s="61"/>
      <c r="DY1" s="61"/>
      <c r="DZ1" s="61"/>
      <c r="EA1" s="61"/>
      <c r="EB1" s="61"/>
      <c r="EC1" s="61"/>
      <c r="ED1" s="61"/>
      <c r="EE1" s="61"/>
      <c r="EF1" s="61"/>
      <c r="EG1" s="61"/>
      <c r="EH1" s="61"/>
      <c r="EI1" s="61"/>
      <c r="EJ1" s="61"/>
      <c r="EK1" s="61"/>
      <c r="EL1" s="61"/>
      <c r="EM1" s="61"/>
      <c r="EN1" s="61"/>
      <c r="EO1" s="61"/>
      <c r="EP1" s="61"/>
      <c r="EQ1" s="61"/>
      <c r="ER1" s="61"/>
      <c r="ES1" s="61"/>
      <c r="ET1" s="61"/>
      <c r="EU1" s="61"/>
      <c r="EV1" s="61"/>
      <c r="EW1" s="61"/>
      <c r="EX1" s="61"/>
      <c r="EY1" s="61"/>
      <c r="EZ1" s="61"/>
      <c r="FA1" s="61"/>
      <c r="FB1" s="61"/>
      <c r="FC1" s="61"/>
      <c r="FD1" s="61"/>
      <c r="FE1" s="61"/>
      <c r="FF1" s="61"/>
      <c r="FG1" s="61"/>
      <c r="FH1" s="61"/>
      <c r="FI1" s="61"/>
      <c r="FJ1" s="61"/>
      <c r="FK1" s="61"/>
      <c r="FL1" s="61"/>
      <c r="FM1" s="61"/>
      <c r="FN1" s="61"/>
      <c r="FO1" s="61"/>
      <c r="FP1" s="61"/>
      <c r="FQ1" s="61"/>
      <c r="FR1" s="61"/>
      <c r="FS1" s="61"/>
      <c r="FT1" s="61"/>
      <c r="FU1" s="61"/>
      <c r="FV1" s="61"/>
      <c r="FW1" s="61"/>
      <c r="FX1" s="61"/>
      <c r="FY1" s="61"/>
      <c r="FZ1" s="61"/>
      <c r="GA1" s="61"/>
      <c r="GB1" s="61"/>
      <c r="GC1" s="61"/>
      <c r="GD1" s="61"/>
      <c r="GE1" s="61"/>
      <c r="GF1" s="61"/>
      <c r="GG1" s="61"/>
      <c r="GH1" s="61"/>
      <c r="GI1" s="61"/>
      <c r="GJ1" s="61"/>
      <c r="GK1" s="61"/>
      <c r="GL1" s="61"/>
      <c r="GM1" s="61"/>
      <c r="GN1" s="61"/>
      <c r="GO1" s="61"/>
      <c r="GP1" s="61"/>
      <c r="GQ1" s="61"/>
      <c r="GR1" s="61"/>
      <c r="GS1" s="61"/>
      <c r="GT1" s="61"/>
      <c r="GU1" s="61"/>
      <c r="GV1" s="61"/>
      <c r="GW1" s="61"/>
      <c r="GX1" s="61"/>
      <c r="GY1" s="61"/>
      <c r="GZ1" s="61"/>
      <c r="HA1" s="61"/>
      <c r="HB1" s="61"/>
      <c r="HC1" s="61"/>
      <c r="HD1" s="61"/>
      <c r="HE1" s="61"/>
      <c r="HF1" s="61"/>
      <c r="HG1" s="61"/>
      <c r="HH1" s="61"/>
      <c r="HI1" s="61"/>
      <c r="HJ1" s="61"/>
      <c r="HK1" s="61"/>
      <c r="HL1" s="61"/>
      <c r="HM1" s="61"/>
      <c r="HN1" s="61"/>
      <c r="HO1" s="61"/>
      <c r="HP1" s="61"/>
      <c r="HQ1" s="61"/>
      <c r="HR1" s="61"/>
      <c r="HS1" s="61"/>
      <c r="HT1" s="61"/>
      <c r="HU1" s="61"/>
      <c r="HV1" s="61"/>
      <c r="HW1" s="61"/>
      <c r="HX1" s="61"/>
      <c r="HY1" s="61"/>
      <c r="HZ1" s="61"/>
      <c r="IA1" s="61"/>
      <c r="IB1" s="61"/>
      <c r="IC1" s="61"/>
      <c r="ID1" s="61"/>
      <c r="IE1" s="61"/>
      <c r="IF1" s="61"/>
      <c r="IG1" s="61"/>
      <c r="IH1" s="61"/>
      <c r="II1" s="61"/>
      <c r="IJ1" s="61"/>
      <c r="IK1" s="61"/>
      <c r="IL1" s="61"/>
      <c r="IM1" s="61"/>
      <c r="IN1" s="61"/>
      <c r="IO1" s="61"/>
      <c r="IP1" s="61"/>
      <c r="IQ1" s="61"/>
      <c r="IR1" s="61"/>
      <c r="IS1" s="61"/>
      <c r="IT1" s="61"/>
      <c r="IU1" s="61"/>
      <c r="IV1" s="61"/>
      <c r="IW1" s="61"/>
      <c r="IX1" s="61"/>
    </row>
    <row r="2" spans="1:258" ht="409.5" customHeight="1">
      <c r="A2" s="720" t="s">
        <v>397</v>
      </c>
      <c r="B2" s="720"/>
      <c r="C2" s="720"/>
      <c r="D2" s="720"/>
      <c r="E2" s="720"/>
      <c r="F2" s="720"/>
      <c r="G2" s="720"/>
      <c r="H2" s="720"/>
      <c r="I2" s="720"/>
      <c r="J2" s="720"/>
      <c r="K2" s="720"/>
      <c r="L2" s="720"/>
      <c r="M2" s="720"/>
      <c r="N2" s="720"/>
      <c r="O2" s="720"/>
      <c r="P2" s="720"/>
      <c r="Q2" s="720"/>
      <c r="R2" s="720"/>
      <c r="S2" s="720"/>
      <c r="T2" s="61"/>
      <c r="U2" s="61"/>
      <c r="V2" s="61"/>
      <c r="W2" s="61"/>
      <c r="X2" s="61"/>
      <c r="Y2" s="61"/>
      <c r="Z2" s="61"/>
      <c r="AA2" s="61"/>
      <c r="AB2" s="61"/>
      <c r="AC2" s="61"/>
      <c r="AD2" s="61"/>
      <c r="AE2" s="61"/>
      <c r="AF2" s="61"/>
      <c r="AG2" s="61"/>
      <c r="AH2" s="61"/>
      <c r="AI2" s="61"/>
      <c r="AJ2" s="61"/>
      <c r="AK2" s="61"/>
      <c r="AL2" s="61"/>
      <c r="AM2" s="61"/>
      <c r="AN2" s="61"/>
      <c r="AO2" s="61"/>
      <c r="AP2" s="61"/>
      <c r="AQ2" s="61"/>
      <c r="AR2" s="61"/>
      <c r="AS2" s="61"/>
      <c r="AT2" s="61"/>
      <c r="AU2" s="61"/>
      <c r="AV2" s="61"/>
      <c r="AW2" s="61"/>
      <c r="AX2" s="61"/>
      <c r="AY2" s="61"/>
      <c r="AZ2" s="61"/>
      <c r="BA2" s="61"/>
      <c r="BB2" s="61"/>
      <c r="BC2" s="61"/>
      <c r="BD2" s="61"/>
      <c r="BE2" s="61"/>
      <c r="BF2" s="61"/>
      <c r="BG2" s="61"/>
      <c r="BH2" s="61"/>
      <c r="BI2" s="61"/>
      <c r="BJ2" s="61"/>
      <c r="BK2" s="61"/>
      <c r="BL2" s="61"/>
      <c r="BM2" s="61"/>
      <c r="BN2" s="61"/>
      <c r="BO2" s="61"/>
      <c r="BP2" s="61"/>
      <c r="BQ2" s="61"/>
      <c r="BR2" s="61"/>
      <c r="BS2" s="61"/>
      <c r="BT2" s="61"/>
      <c r="BU2" s="61"/>
      <c r="BV2" s="61"/>
      <c r="BW2" s="61"/>
      <c r="BX2" s="61"/>
      <c r="BY2" s="61"/>
      <c r="BZ2" s="61"/>
      <c r="CA2" s="61"/>
      <c r="CB2" s="61"/>
      <c r="CC2" s="61"/>
      <c r="CD2" s="61"/>
      <c r="CE2" s="61"/>
      <c r="CF2" s="61"/>
      <c r="CG2" s="61"/>
      <c r="CH2" s="61"/>
      <c r="CI2" s="61"/>
      <c r="CJ2" s="61"/>
      <c r="CK2" s="61"/>
      <c r="CL2" s="61"/>
      <c r="CM2" s="61"/>
      <c r="CN2" s="61"/>
      <c r="CO2" s="61"/>
      <c r="CP2" s="61"/>
      <c r="CQ2" s="61"/>
      <c r="CR2" s="61"/>
      <c r="CS2" s="61"/>
      <c r="CT2" s="61"/>
      <c r="CU2" s="61"/>
      <c r="CV2" s="61"/>
      <c r="CW2" s="61"/>
      <c r="CX2" s="61"/>
      <c r="CY2" s="61"/>
      <c r="CZ2" s="61"/>
      <c r="DA2" s="61"/>
      <c r="DB2" s="61"/>
      <c r="DC2" s="61"/>
      <c r="DD2" s="61"/>
      <c r="DE2" s="61"/>
      <c r="DF2" s="61"/>
      <c r="DG2" s="61"/>
      <c r="DH2" s="61"/>
      <c r="DI2" s="61"/>
      <c r="DJ2" s="61"/>
      <c r="DK2" s="61"/>
      <c r="DL2" s="61"/>
      <c r="DM2" s="61"/>
      <c r="DN2" s="61"/>
      <c r="DO2" s="61"/>
      <c r="DP2" s="61"/>
      <c r="DQ2" s="61"/>
      <c r="DR2" s="61"/>
      <c r="DS2" s="61"/>
      <c r="DT2" s="61"/>
      <c r="DU2" s="61"/>
      <c r="DV2" s="61"/>
      <c r="DW2" s="61"/>
      <c r="DX2" s="61"/>
      <c r="DY2" s="61"/>
      <c r="DZ2" s="61"/>
      <c r="EA2" s="61"/>
      <c r="EB2" s="61"/>
      <c r="EC2" s="61"/>
      <c r="ED2" s="61"/>
      <c r="EE2" s="61"/>
      <c r="EF2" s="61"/>
      <c r="EG2" s="61"/>
      <c r="EH2" s="61"/>
      <c r="EI2" s="61"/>
      <c r="EJ2" s="61"/>
      <c r="EK2" s="61"/>
      <c r="EL2" s="61"/>
      <c r="EM2" s="61"/>
      <c r="EN2" s="61"/>
      <c r="EO2" s="61"/>
      <c r="EP2" s="61"/>
      <c r="EQ2" s="61"/>
      <c r="ER2" s="61"/>
      <c r="ES2" s="61"/>
      <c r="ET2" s="61"/>
      <c r="EU2" s="61"/>
      <c r="EV2" s="61"/>
      <c r="EW2" s="61"/>
      <c r="EX2" s="61"/>
      <c r="EY2" s="61"/>
      <c r="EZ2" s="61"/>
      <c r="FA2" s="61"/>
      <c r="FB2" s="61"/>
      <c r="FC2" s="61"/>
      <c r="FD2" s="61"/>
      <c r="FE2" s="61"/>
      <c r="FF2" s="61"/>
      <c r="FG2" s="61"/>
      <c r="FH2" s="61"/>
      <c r="FI2" s="61"/>
      <c r="FJ2" s="61"/>
      <c r="FK2" s="61"/>
      <c r="FL2" s="61"/>
      <c r="FM2" s="61"/>
      <c r="FN2" s="61"/>
      <c r="FO2" s="61"/>
      <c r="FP2" s="61"/>
      <c r="FQ2" s="61"/>
      <c r="FR2" s="61"/>
      <c r="FS2" s="61"/>
      <c r="FT2" s="61"/>
      <c r="FU2" s="61"/>
      <c r="FV2" s="61"/>
      <c r="FW2" s="61"/>
      <c r="FX2" s="61"/>
      <c r="FY2" s="61"/>
      <c r="FZ2" s="61"/>
      <c r="GA2" s="61"/>
      <c r="GB2" s="61"/>
      <c r="GC2" s="61"/>
      <c r="GD2" s="61"/>
      <c r="GE2" s="61"/>
      <c r="GF2" s="61"/>
      <c r="GG2" s="61"/>
      <c r="GH2" s="61"/>
      <c r="GI2" s="61"/>
      <c r="GJ2" s="61"/>
      <c r="GK2" s="61"/>
      <c r="GL2" s="61"/>
      <c r="GM2" s="61"/>
      <c r="GN2" s="61"/>
      <c r="GO2" s="61"/>
      <c r="GP2" s="61"/>
      <c r="GQ2" s="61"/>
      <c r="GR2" s="61"/>
      <c r="GS2" s="61"/>
      <c r="GT2" s="61"/>
      <c r="GU2" s="61"/>
      <c r="GV2" s="61"/>
      <c r="GW2" s="61"/>
      <c r="GX2" s="61"/>
      <c r="GY2" s="61"/>
      <c r="GZ2" s="61"/>
      <c r="HA2" s="61"/>
      <c r="HB2" s="61"/>
      <c r="HC2" s="61"/>
      <c r="HD2" s="61"/>
      <c r="HE2" s="61"/>
      <c r="HF2" s="61"/>
      <c r="HG2" s="61"/>
      <c r="HH2" s="61"/>
      <c r="HI2" s="61"/>
      <c r="HJ2" s="61"/>
      <c r="HK2" s="61"/>
      <c r="HL2" s="61"/>
      <c r="HM2" s="61"/>
      <c r="HN2" s="61"/>
      <c r="HO2" s="61"/>
      <c r="HP2" s="61"/>
      <c r="HQ2" s="61"/>
      <c r="HR2" s="61"/>
      <c r="HS2" s="61"/>
      <c r="HT2" s="61"/>
      <c r="HU2" s="61"/>
      <c r="HV2" s="61"/>
      <c r="HW2" s="61"/>
      <c r="HX2" s="61"/>
      <c r="HY2" s="61"/>
      <c r="HZ2" s="61"/>
      <c r="IA2" s="61"/>
      <c r="IB2" s="61"/>
      <c r="IC2" s="61"/>
      <c r="ID2" s="61"/>
      <c r="IE2" s="61"/>
      <c r="IF2" s="61"/>
      <c r="IG2" s="61"/>
      <c r="IH2" s="61"/>
      <c r="II2" s="61"/>
      <c r="IJ2" s="61"/>
      <c r="IK2" s="61"/>
      <c r="IL2" s="61"/>
      <c r="IM2" s="61"/>
      <c r="IN2" s="61"/>
      <c r="IO2" s="61"/>
      <c r="IP2" s="61"/>
      <c r="IQ2" s="61"/>
      <c r="IR2" s="61"/>
      <c r="IS2" s="61"/>
      <c r="IT2" s="61"/>
      <c r="IU2" s="61"/>
      <c r="IV2" s="61"/>
      <c r="IW2" s="61"/>
      <c r="IX2" s="61"/>
    </row>
    <row r="3" spans="1:258" ht="301.5" customHeight="1">
      <c r="A3" s="181"/>
      <c r="B3" s="181"/>
      <c r="C3" s="181"/>
      <c r="D3" s="181"/>
      <c r="E3" s="181"/>
      <c r="F3" s="181"/>
      <c r="G3" s="181"/>
      <c r="H3" s="181"/>
      <c r="I3" s="181"/>
      <c r="J3" s="181"/>
      <c r="K3" s="181"/>
      <c r="L3" s="182"/>
      <c r="M3" s="181"/>
      <c r="N3" s="181"/>
      <c r="O3" s="181"/>
      <c r="P3" s="181"/>
      <c r="Q3" s="181"/>
      <c r="R3" s="181"/>
      <c r="S3" s="181"/>
      <c r="T3" s="61"/>
      <c r="U3" s="61"/>
      <c r="V3" s="61"/>
      <c r="W3" s="61"/>
      <c r="X3" s="61"/>
      <c r="Y3" s="61"/>
      <c r="Z3" s="61"/>
      <c r="AA3" s="61"/>
      <c r="AB3" s="61"/>
      <c r="AC3" s="61"/>
      <c r="AD3" s="61"/>
      <c r="AE3" s="61"/>
      <c r="AF3" s="61"/>
      <c r="AG3" s="61"/>
      <c r="AH3" s="61"/>
      <c r="AI3" s="61"/>
      <c r="AJ3" s="61"/>
      <c r="AK3" s="61"/>
      <c r="AL3" s="61"/>
      <c r="AM3" s="61"/>
      <c r="AN3" s="61"/>
      <c r="AO3" s="61"/>
      <c r="AP3" s="61"/>
      <c r="AQ3" s="61"/>
      <c r="AR3" s="61"/>
      <c r="AS3" s="61"/>
      <c r="AT3" s="61"/>
      <c r="AU3" s="61"/>
      <c r="AV3" s="61"/>
      <c r="AW3" s="61"/>
      <c r="AX3" s="61"/>
      <c r="AY3" s="61"/>
      <c r="AZ3" s="61"/>
      <c r="BA3" s="61"/>
      <c r="BB3" s="61"/>
      <c r="BC3" s="61"/>
      <c r="BD3" s="61"/>
      <c r="BE3" s="61"/>
      <c r="BF3" s="61"/>
      <c r="BG3" s="61"/>
      <c r="BH3" s="61"/>
      <c r="BI3" s="61"/>
      <c r="BJ3" s="61"/>
      <c r="BK3" s="61"/>
      <c r="BL3" s="61"/>
      <c r="BM3" s="61"/>
      <c r="BN3" s="61"/>
      <c r="BO3" s="61"/>
      <c r="BP3" s="61"/>
      <c r="BQ3" s="61"/>
      <c r="BR3" s="61"/>
      <c r="BS3" s="61"/>
      <c r="BT3" s="61"/>
      <c r="BU3" s="61"/>
      <c r="BV3" s="61"/>
      <c r="BW3" s="61"/>
      <c r="BX3" s="61"/>
      <c r="BY3" s="61"/>
      <c r="BZ3" s="61"/>
      <c r="CA3" s="61"/>
      <c r="CB3" s="61"/>
      <c r="CC3" s="61"/>
      <c r="CD3" s="61"/>
      <c r="CE3" s="61"/>
      <c r="CF3" s="61"/>
      <c r="CG3" s="61"/>
      <c r="CH3" s="61"/>
      <c r="CI3" s="61"/>
      <c r="CJ3" s="61"/>
      <c r="CK3" s="61"/>
      <c r="CL3" s="61"/>
      <c r="CM3" s="61"/>
      <c r="CN3" s="61"/>
      <c r="CO3" s="61"/>
      <c r="CP3" s="61"/>
      <c r="CQ3" s="61"/>
      <c r="CR3" s="61"/>
      <c r="CS3" s="61"/>
      <c r="CT3" s="61"/>
      <c r="CU3" s="61"/>
      <c r="CV3" s="61"/>
      <c r="CW3" s="61"/>
      <c r="CX3" s="61"/>
      <c r="CY3" s="61"/>
      <c r="CZ3" s="61"/>
      <c r="DA3" s="61"/>
      <c r="DB3" s="61"/>
      <c r="DC3" s="61"/>
      <c r="DD3" s="61"/>
      <c r="DE3" s="61"/>
      <c r="DF3" s="61"/>
      <c r="DG3" s="61"/>
      <c r="DH3" s="61"/>
      <c r="DI3" s="61"/>
      <c r="DJ3" s="61"/>
      <c r="DK3" s="61"/>
      <c r="DL3" s="61"/>
      <c r="DM3" s="61"/>
      <c r="DN3" s="61"/>
      <c r="DO3" s="61"/>
      <c r="DP3" s="61"/>
      <c r="DQ3" s="61"/>
      <c r="DR3" s="61"/>
      <c r="DS3" s="61"/>
      <c r="DT3" s="61"/>
      <c r="DU3" s="61"/>
      <c r="DV3" s="61"/>
      <c r="DW3" s="61"/>
      <c r="DX3" s="61"/>
      <c r="DY3" s="61"/>
      <c r="DZ3" s="61"/>
      <c r="EA3" s="61"/>
      <c r="EB3" s="61"/>
      <c r="EC3" s="61"/>
      <c r="ED3" s="61"/>
      <c r="EE3" s="61"/>
      <c r="EF3" s="61"/>
      <c r="EG3" s="61"/>
      <c r="EH3" s="61"/>
      <c r="EI3" s="61"/>
      <c r="EJ3" s="61"/>
      <c r="EK3" s="61"/>
      <c r="EL3" s="61"/>
      <c r="EM3" s="61"/>
      <c r="EN3" s="61"/>
      <c r="EO3" s="61"/>
      <c r="EP3" s="61"/>
      <c r="EQ3" s="61"/>
      <c r="ER3" s="61"/>
      <c r="ES3" s="61"/>
      <c r="ET3" s="61"/>
      <c r="EU3" s="61"/>
      <c r="EV3" s="61"/>
      <c r="EW3" s="61"/>
      <c r="EX3" s="61"/>
      <c r="EY3" s="61"/>
      <c r="EZ3" s="61"/>
      <c r="FA3" s="61"/>
      <c r="FB3" s="61"/>
      <c r="FC3" s="61"/>
      <c r="FD3" s="61"/>
      <c r="FE3" s="61"/>
      <c r="FF3" s="61"/>
      <c r="FG3" s="61"/>
      <c r="FH3" s="61"/>
      <c r="FI3" s="61"/>
      <c r="FJ3" s="61"/>
      <c r="FK3" s="61"/>
      <c r="FL3" s="61"/>
      <c r="FM3" s="61"/>
      <c r="FN3" s="61"/>
      <c r="FO3" s="61"/>
      <c r="FP3" s="61"/>
      <c r="FQ3" s="61"/>
      <c r="FR3" s="61"/>
      <c r="FS3" s="61"/>
      <c r="FT3" s="61"/>
      <c r="FU3" s="61"/>
      <c r="FV3" s="61"/>
      <c r="FW3" s="61"/>
      <c r="FX3" s="61"/>
      <c r="FY3" s="61"/>
      <c r="FZ3" s="61"/>
      <c r="GA3" s="61"/>
      <c r="GB3" s="61"/>
      <c r="GC3" s="61"/>
      <c r="GD3" s="61"/>
      <c r="GE3" s="61"/>
      <c r="GF3" s="61"/>
      <c r="GG3" s="61"/>
      <c r="GH3" s="61"/>
      <c r="GI3" s="61"/>
      <c r="GJ3" s="61"/>
      <c r="GK3" s="61"/>
      <c r="GL3" s="61"/>
      <c r="GM3" s="61"/>
      <c r="GN3" s="61"/>
      <c r="GO3" s="61"/>
      <c r="GP3" s="61"/>
      <c r="GQ3" s="61"/>
      <c r="GR3" s="61"/>
      <c r="GS3" s="61"/>
      <c r="GT3" s="61"/>
      <c r="GU3" s="61"/>
      <c r="GV3" s="61"/>
      <c r="GW3" s="61"/>
      <c r="GX3" s="61"/>
      <c r="GY3" s="61"/>
      <c r="GZ3" s="61"/>
      <c r="HA3" s="61"/>
      <c r="HB3" s="61"/>
      <c r="HC3" s="61"/>
      <c r="HD3" s="61"/>
      <c r="HE3" s="61"/>
      <c r="HF3" s="61"/>
      <c r="HG3" s="61"/>
      <c r="HH3" s="61"/>
      <c r="HI3" s="61"/>
      <c r="HJ3" s="61"/>
      <c r="HK3" s="61"/>
      <c r="HL3" s="61"/>
      <c r="HM3" s="61"/>
      <c r="HN3" s="61"/>
      <c r="HO3" s="61"/>
      <c r="HP3" s="61"/>
      <c r="HQ3" s="61"/>
      <c r="HR3" s="61"/>
      <c r="HS3" s="61"/>
      <c r="HT3" s="61"/>
      <c r="HU3" s="61"/>
      <c r="HV3" s="61"/>
      <c r="HW3" s="61"/>
      <c r="HX3" s="61"/>
      <c r="HY3" s="61"/>
      <c r="HZ3" s="61"/>
      <c r="IA3" s="61"/>
      <c r="IB3" s="61"/>
      <c r="IC3" s="61"/>
      <c r="ID3" s="61"/>
      <c r="IE3" s="61"/>
      <c r="IF3" s="61"/>
      <c r="IG3" s="61"/>
      <c r="IH3" s="61"/>
      <c r="II3" s="61"/>
      <c r="IJ3" s="61"/>
      <c r="IK3" s="61"/>
      <c r="IL3" s="61"/>
      <c r="IM3" s="61"/>
      <c r="IN3" s="61"/>
      <c r="IO3" s="61"/>
      <c r="IP3" s="61"/>
      <c r="IQ3" s="61"/>
      <c r="IR3" s="61"/>
      <c r="IS3" s="61"/>
      <c r="IT3" s="61"/>
      <c r="IU3" s="61"/>
      <c r="IV3" s="61"/>
      <c r="IW3" s="61"/>
      <c r="IX3" s="61"/>
    </row>
    <row r="4" spans="1:258" ht="301.5" customHeight="1">
      <c r="A4" s="181"/>
      <c r="B4" s="181"/>
      <c r="C4" s="181"/>
      <c r="D4" s="181"/>
      <c r="E4" s="181"/>
      <c r="F4" s="181"/>
      <c r="G4" s="181"/>
      <c r="H4" s="181"/>
      <c r="I4" s="181"/>
      <c r="J4" s="181"/>
      <c r="K4" s="181"/>
      <c r="L4" s="182"/>
      <c r="M4" s="181"/>
      <c r="N4" s="181"/>
      <c r="O4" s="181"/>
      <c r="P4" s="181"/>
      <c r="Q4" s="181"/>
      <c r="R4" s="181"/>
      <c r="S4" s="181"/>
      <c r="T4" s="61"/>
      <c r="U4" s="61"/>
      <c r="V4" s="61"/>
      <c r="W4" s="61"/>
      <c r="X4" s="61"/>
      <c r="Y4" s="61"/>
      <c r="Z4" s="61"/>
      <c r="AA4" s="61"/>
      <c r="AB4" s="61"/>
      <c r="AC4" s="61"/>
      <c r="AD4" s="61"/>
      <c r="AE4" s="61"/>
      <c r="AF4" s="61"/>
      <c r="AG4" s="61"/>
      <c r="AH4" s="61"/>
      <c r="AI4" s="61"/>
      <c r="AJ4" s="61"/>
      <c r="AK4" s="61"/>
      <c r="AL4" s="61"/>
      <c r="AM4" s="61"/>
      <c r="AN4" s="61"/>
      <c r="AO4" s="61"/>
      <c r="AP4" s="61"/>
      <c r="AQ4" s="61"/>
      <c r="AR4" s="61"/>
      <c r="AS4" s="61"/>
      <c r="AT4" s="61"/>
      <c r="AU4" s="61"/>
      <c r="AV4" s="61"/>
      <c r="AW4" s="61"/>
      <c r="AX4" s="61"/>
      <c r="AY4" s="61"/>
      <c r="AZ4" s="61"/>
      <c r="BA4" s="61"/>
      <c r="BB4" s="61"/>
      <c r="BC4" s="61"/>
      <c r="BD4" s="61"/>
      <c r="BE4" s="61"/>
      <c r="BF4" s="61"/>
      <c r="BG4" s="61"/>
      <c r="BH4" s="61"/>
      <c r="BI4" s="61"/>
      <c r="BJ4" s="61"/>
      <c r="BK4" s="61"/>
      <c r="BL4" s="61"/>
      <c r="BM4" s="61"/>
      <c r="BN4" s="61"/>
      <c r="BO4" s="61"/>
      <c r="BP4" s="61"/>
      <c r="BQ4" s="61"/>
      <c r="BR4" s="61"/>
      <c r="BS4" s="61"/>
      <c r="BT4" s="61"/>
      <c r="BU4" s="61"/>
      <c r="BV4" s="61"/>
      <c r="BW4" s="61"/>
      <c r="BX4" s="61"/>
      <c r="BY4" s="61"/>
      <c r="BZ4" s="61"/>
      <c r="CA4" s="61"/>
      <c r="CB4" s="61"/>
      <c r="CC4" s="61"/>
      <c r="CD4" s="61"/>
      <c r="CE4" s="61"/>
      <c r="CF4" s="61"/>
      <c r="CG4" s="61"/>
      <c r="CH4" s="61"/>
      <c r="CI4" s="61"/>
      <c r="CJ4" s="61"/>
      <c r="CK4" s="61"/>
      <c r="CL4" s="61"/>
      <c r="CM4" s="61"/>
      <c r="CN4" s="61"/>
      <c r="CO4" s="61"/>
      <c r="CP4" s="61"/>
      <c r="CQ4" s="61"/>
      <c r="CR4" s="61"/>
      <c r="CS4" s="61"/>
      <c r="CT4" s="61"/>
      <c r="CU4" s="61"/>
      <c r="CV4" s="61"/>
      <c r="CW4" s="61"/>
      <c r="CX4" s="61"/>
      <c r="CY4" s="61"/>
      <c r="CZ4" s="61"/>
      <c r="DA4" s="61"/>
      <c r="DB4" s="61"/>
      <c r="DC4" s="61"/>
      <c r="DD4" s="61"/>
      <c r="DE4" s="61"/>
      <c r="DF4" s="61"/>
      <c r="DG4" s="61"/>
      <c r="DH4" s="61"/>
      <c r="DI4" s="61"/>
      <c r="DJ4" s="61"/>
      <c r="DK4" s="61"/>
      <c r="DL4" s="61"/>
      <c r="DM4" s="61"/>
      <c r="DN4" s="61"/>
      <c r="DO4" s="61"/>
      <c r="DP4" s="61"/>
      <c r="DQ4" s="61"/>
      <c r="DR4" s="61"/>
      <c r="DS4" s="61"/>
      <c r="DT4" s="61"/>
      <c r="DU4" s="61"/>
      <c r="DV4" s="61"/>
      <c r="DW4" s="61"/>
      <c r="DX4" s="61"/>
      <c r="DY4" s="61"/>
      <c r="DZ4" s="61"/>
      <c r="EA4" s="61"/>
      <c r="EB4" s="61"/>
      <c r="EC4" s="61"/>
      <c r="ED4" s="61"/>
      <c r="EE4" s="61"/>
      <c r="EF4" s="61"/>
      <c r="EG4" s="61"/>
      <c r="EH4" s="61"/>
      <c r="EI4" s="61"/>
      <c r="EJ4" s="61"/>
      <c r="EK4" s="61"/>
      <c r="EL4" s="61"/>
      <c r="EM4" s="61"/>
      <c r="EN4" s="61"/>
      <c r="EO4" s="61"/>
      <c r="EP4" s="61"/>
      <c r="EQ4" s="61"/>
      <c r="ER4" s="61"/>
      <c r="ES4" s="61"/>
      <c r="ET4" s="61"/>
      <c r="EU4" s="61"/>
      <c r="EV4" s="61"/>
      <c r="EW4" s="61"/>
      <c r="EX4" s="61"/>
      <c r="EY4" s="61"/>
      <c r="EZ4" s="61"/>
      <c r="FA4" s="61"/>
      <c r="FB4" s="61"/>
      <c r="FC4" s="61"/>
      <c r="FD4" s="61"/>
      <c r="FE4" s="61"/>
      <c r="FF4" s="61"/>
      <c r="FG4" s="61"/>
      <c r="FH4" s="61"/>
      <c r="FI4" s="61"/>
      <c r="FJ4" s="61"/>
      <c r="FK4" s="61"/>
      <c r="FL4" s="61"/>
      <c r="FM4" s="61"/>
      <c r="FN4" s="61"/>
      <c r="FO4" s="61"/>
      <c r="FP4" s="61"/>
      <c r="FQ4" s="61"/>
      <c r="FR4" s="61"/>
      <c r="FS4" s="61"/>
      <c r="FT4" s="61"/>
      <c r="FU4" s="61"/>
      <c r="FV4" s="61"/>
      <c r="FW4" s="61"/>
      <c r="FX4" s="61"/>
      <c r="FY4" s="61"/>
      <c r="FZ4" s="61"/>
      <c r="GA4" s="61"/>
      <c r="GB4" s="61"/>
      <c r="GC4" s="61"/>
      <c r="GD4" s="61"/>
      <c r="GE4" s="61"/>
      <c r="GF4" s="61"/>
      <c r="GG4" s="61"/>
      <c r="GH4" s="61"/>
      <c r="GI4" s="61"/>
      <c r="GJ4" s="61"/>
      <c r="GK4" s="61"/>
      <c r="GL4" s="61"/>
      <c r="GM4" s="61"/>
      <c r="GN4" s="61"/>
      <c r="GO4" s="61"/>
      <c r="GP4" s="61"/>
      <c r="GQ4" s="61"/>
      <c r="GR4" s="61"/>
      <c r="GS4" s="61"/>
      <c r="GT4" s="61"/>
      <c r="GU4" s="61"/>
      <c r="GV4" s="61"/>
      <c r="GW4" s="61"/>
      <c r="GX4" s="61"/>
      <c r="GY4" s="61"/>
      <c r="GZ4" s="61"/>
      <c r="HA4" s="61"/>
      <c r="HB4" s="61"/>
      <c r="HC4" s="61"/>
      <c r="HD4" s="61"/>
      <c r="HE4" s="61"/>
      <c r="HF4" s="61"/>
      <c r="HG4" s="61"/>
      <c r="HH4" s="61"/>
      <c r="HI4" s="61"/>
      <c r="HJ4" s="61"/>
      <c r="HK4" s="61"/>
      <c r="HL4" s="61"/>
      <c r="HM4" s="61"/>
      <c r="HN4" s="61"/>
      <c r="HO4" s="61"/>
      <c r="HP4" s="61"/>
      <c r="HQ4" s="61"/>
      <c r="HR4" s="61"/>
      <c r="HS4" s="61"/>
      <c r="HT4" s="61"/>
      <c r="HU4" s="61"/>
      <c r="HV4" s="61"/>
      <c r="HW4" s="61"/>
      <c r="HX4" s="61"/>
      <c r="HY4" s="61"/>
      <c r="HZ4" s="61"/>
      <c r="IA4" s="61"/>
      <c r="IB4" s="61"/>
      <c r="IC4" s="61"/>
      <c r="ID4" s="61"/>
      <c r="IE4" s="61"/>
      <c r="IF4" s="61"/>
      <c r="IG4" s="61"/>
      <c r="IH4" s="61"/>
      <c r="II4" s="61"/>
      <c r="IJ4" s="61"/>
      <c r="IK4" s="61"/>
      <c r="IL4" s="61"/>
      <c r="IM4" s="61"/>
      <c r="IN4" s="61"/>
      <c r="IO4" s="61"/>
      <c r="IP4" s="61"/>
      <c r="IQ4" s="61"/>
      <c r="IR4" s="61"/>
      <c r="IS4" s="61"/>
      <c r="IT4" s="61"/>
      <c r="IU4" s="61"/>
      <c r="IV4" s="61"/>
      <c r="IW4" s="61"/>
      <c r="IX4" s="61"/>
    </row>
    <row r="5" spans="1:258" ht="361.5" customHeight="1">
      <c r="A5" s="181"/>
      <c r="B5" s="181"/>
      <c r="C5" s="181"/>
      <c r="D5" s="181"/>
      <c r="E5" s="181"/>
      <c r="F5" s="181"/>
      <c r="G5" s="181"/>
      <c r="H5" s="181"/>
      <c r="I5" s="181"/>
      <c r="J5" s="181"/>
      <c r="K5" s="181"/>
      <c r="L5" s="182"/>
      <c r="M5" s="181"/>
      <c r="N5" s="181"/>
      <c r="O5" s="181"/>
      <c r="P5" s="181"/>
      <c r="Q5" s="181"/>
      <c r="R5" s="181"/>
      <c r="S5" s="181"/>
      <c r="T5" s="61"/>
      <c r="U5" s="61"/>
      <c r="V5" s="61"/>
      <c r="W5" s="61"/>
      <c r="X5" s="61"/>
      <c r="Y5" s="61"/>
      <c r="Z5" s="61"/>
      <c r="AA5" s="61"/>
      <c r="AB5" s="61"/>
      <c r="AC5" s="61"/>
      <c r="AD5" s="61"/>
      <c r="AE5" s="61"/>
      <c r="AF5" s="61"/>
      <c r="AG5" s="61"/>
      <c r="AH5" s="61"/>
      <c r="AI5" s="61"/>
      <c r="AJ5" s="61"/>
      <c r="AK5" s="61"/>
      <c r="AL5" s="61"/>
      <c r="AM5" s="61"/>
      <c r="AN5" s="61"/>
      <c r="AO5" s="61"/>
      <c r="AP5" s="61"/>
      <c r="AQ5" s="61"/>
      <c r="AR5" s="61"/>
      <c r="AS5" s="61"/>
      <c r="AT5" s="61"/>
      <c r="AU5" s="61"/>
      <c r="AV5" s="61"/>
      <c r="AW5" s="61"/>
      <c r="AX5" s="61"/>
      <c r="AY5" s="61"/>
      <c r="AZ5" s="61"/>
      <c r="BA5" s="61"/>
      <c r="BB5" s="61"/>
      <c r="BC5" s="61"/>
      <c r="BD5" s="61"/>
      <c r="BE5" s="61"/>
      <c r="BF5" s="61"/>
      <c r="BG5" s="61"/>
      <c r="BH5" s="61"/>
      <c r="BI5" s="61"/>
      <c r="BJ5" s="61"/>
      <c r="BK5" s="61"/>
      <c r="BL5" s="61"/>
      <c r="BM5" s="61"/>
      <c r="BN5" s="61"/>
      <c r="BO5" s="61"/>
      <c r="BP5" s="61"/>
      <c r="BQ5" s="61"/>
      <c r="BR5" s="61"/>
      <c r="BS5" s="61"/>
      <c r="BT5" s="61"/>
      <c r="BU5" s="61"/>
      <c r="BV5" s="61"/>
      <c r="BW5" s="61"/>
      <c r="BX5" s="61"/>
      <c r="BY5" s="61"/>
      <c r="BZ5" s="61"/>
      <c r="CA5" s="61"/>
      <c r="CB5" s="61"/>
      <c r="CC5" s="61"/>
      <c r="CD5" s="61"/>
      <c r="CE5" s="61"/>
      <c r="CF5" s="61"/>
      <c r="CG5" s="61"/>
      <c r="CH5" s="61"/>
      <c r="CI5" s="61"/>
      <c r="CJ5" s="61"/>
      <c r="CK5" s="61"/>
      <c r="CL5" s="61"/>
      <c r="CM5" s="61"/>
      <c r="CN5" s="61"/>
      <c r="CO5" s="61"/>
      <c r="CP5" s="61"/>
      <c r="CQ5" s="61"/>
      <c r="CR5" s="61"/>
      <c r="CS5" s="61"/>
      <c r="CT5" s="61"/>
      <c r="CU5" s="61"/>
      <c r="CV5" s="61"/>
      <c r="CW5" s="61"/>
      <c r="CX5" s="61"/>
      <c r="CY5" s="61"/>
      <c r="CZ5" s="61"/>
      <c r="DA5" s="61"/>
      <c r="DB5" s="61"/>
      <c r="DC5" s="61"/>
      <c r="DD5" s="61"/>
      <c r="DE5" s="61"/>
      <c r="DF5" s="61"/>
      <c r="DG5" s="61"/>
      <c r="DH5" s="61"/>
      <c r="DI5" s="61"/>
      <c r="DJ5" s="61"/>
      <c r="DK5" s="61"/>
      <c r="DL5" s="61"/>
      <c r="DM5" s="61"/>
      <c r="DN5" s="61"/>
      <c r="DO5" s="61"/>
      <c r="DP5" s="61"/>
      <c r="DQ5" s="61"/>
      <c r="DR5" s="61"/>
      <c r="DS5" s="61"/>
      <c r="DT5" s="61"/>
      <c r="DU5" s="61"/>
      <c r="DV5" s="61"/>
      <c r="DW5" s="61"/>
      <c r="DX5" s="61"/>
      <c r="DY5" s="61"/>
      <c r="DZ5" s="61"/>
      <c r="EA5" s="61"/>
      <c r="EB5" s="61"/>
      <c r="EC5" s="61"/>
      <c r="ED5" s="61"/>
      <c r="EE5" s="61"/>
      <c r="EF5" s="61"/>
      <c r="EG5" s="61"/>
      <c r="EH5" s="61"/>
      <c r="EI5" s="61"/>
      <c r="EJ5" s="61"/>
      <c r="EK5" s="61"/>
      <c r="EL5" s="61"/>
      <c r="EM5" s="61"/>
      <c r="EN5" s="61"/>
      <c r="EO5" s="61"/>
      <c r="EP5" s="61"/>
      <c r="EQ5" s="61"/>
      <c r="ER5" s="61"/>
      <c r="ES5" s="61"/>
      <c r="ET5" s="61"/>
      <c r="EU5" s="61"/>
      <c r="EV5" s="61"/>
      <c r="EW5" s="61"/>
      <c r="EX5" s="61"/>
      <c r="EY5" s="61"/>
      <c r="EZ5" s="61"/>
      <c r="FA5" s="61"/>
      <c r="FB5" s="61"/>
      <c r="FC5" s="61"/>
      <c r="FD5" s="61"/>
      <c r="FE5" s="61"/>
      <c r="FF5" s="61"/>
      <c r="FG5" s="61"/>
      <c r="FH5" s="61"/>
      <c r="FI5" s="61"/>
      <c r="FJ5" s="61"/>
      <c r="FK5" s="61"/>
      <c r="FL5" s="61"/>
      <c r="FM5" s="61"/>
      <c r="FN5" s="61"/>
      <c r="FO5" s="61"/>
      <c r="FP5" s="61"/>
      <c r="FQ5" s="61"/>
      <c r="FR5" s="61"/>
      <c r="FS5" s="61"/>
      <c r="FT5" s="61"/>
      <c r="FU5" s="61"/>
      <c r="FV5" s="61"/>
      <c r="FW5" s="61"/>
      <c r="FX5" s="61"/>
      <c r="FY5" s="61"/>
      <c r="FZ5" s="61"/>
      <c r="GA5" s="61"/>
      <c r="GB5" s="61"/>
      <c r="GC5" s="61"/>
      <c r="GD5" s="61"/>
      <c r="GE5" s="61"/>
      <c r="GF5" s="61"/>
      <c r="GG5" s="61"/>
      <c r="GH5" s="61"/>
      <c r="GI5" s="61"/>
      <c r="GJ5" s="61"/>
      <c r="GK5" s="61"/>
      <c r="GL5" s="61"/>
      <c r="GM5" s="61"/>
      <c r="GN5" s="61"/>
      <c r="GO5" s="61"/>
      <c r="GP5" s="61"/>
      <c r="GQ5" s="61"/>
      <c r="GR5" s="61"/>
      <c r="GS5" s="61"/>
      <c r="GT5" s="61"/>
      <c r="GU5" s="61"/>
      <c r="GV5" s="61"/>
      <c r="GW5" s="61"/>
      <c r="GX5" s="61"/>
      <c r="GY5" s="61"/>
      <c r="GZ5" s="61"/>
      <c r="HA5" s="61"/>
      <c r="HB5" s="61"/>
      <c r="HC5" s="61"/>
      <c r="HD5" s="61"/>
      <c r="HE5" s="61"/>
      <c r="HF5" s="61"/>
      <c r="HG5" s="61"/>
      <c r="HH5" s="61"/>
      <c r="HI5" s="61"/>
      <c r="HJ5" s="61"/>
      <c r="HK5" s="61"/>
      <c r="HL5" s="61"/>
      <c r="HM5" s="61"/>
      <c r="HN5" s="61"/>
      <c r="HO5" s="61"/>
      <c r="HP5" s="61"/>
      <c r="HQ5" s="61"/>
      <c r="HR5" s="61"/>
      <c r="HS5" s="61"/>
      <c r="HT5" s="61"/>
      <c r="HU5" s="61"/>
      <c r="HV5" s="61"/>
      <c r="HW5" s="61"/>
      <c r="HX5" s="61"/>
      <c r="HY5" s="61"/>
      <c r="HZ5" s="61"/>
      <c r="IA5" s="61"/>
      <c r="IB5" s="61"/>
      <c r="IC5" s="61"/>
      <c r="ID5" s="61"/>
      <c r="IE5" s="61"/>
      <c r="IF5" s="61"/>
      <c r="IG5" s="61"/>
      <c r="IH5" s="61"/>
      <c r="II5" s="61"/>
      <c r="IJ5" s="61"/>
      <c r="IK5" s="61"/>
      <c r="IL5" s="61"/>
      <c r="IM5" s="61"/>
      <c r="IN5" s="61"/>
      <c r="IO5" s="61"/>
      <c r="IP5" s="61"/>
      <c r="IQ5" s="61"/>
      <c r="IR5" s="61"/>
      <c r="IS5" s="61"/>
      <c r="IT5" s="61"/>
      <c r="IU5" s="61"/>
      <c r="IV5" s="61"/>
      <c r="IW5" s="61"/>
      <c r="IX5" s="61"/>
    </row>
    <row r="6" spans="1:258" ht="187.5" customHeight="1">
      <c r="A6" s="720" t="s">
        <v>398</v>
      </c>
      <c r="B6" s="720"/>
      <c r="C6" s="720"/>
      <c r="D6" s="720"/>
      <c r="E6" s="720"/>
      <c r="F6" s="720"/>
      <c r="G6" s="720"/>
      <c r="H6" s="720"/>
      <c r="I6" s="720"/>
      <c r="J6" s="720"/>
      <c r="K6" s="720"/>
      <c r="L6" s="720"/>
      <c r="M6" s="720"/>
      <c r="N6" s="720"/>
      <c r="O6" s="720"/>
      <c r="P6" s="720"/>
      <c r="Q6" s="720"/>
      <c r="R6" s="720"/>
      <c r="S6" s="720"/>
      <c r="T6" s="61"/>
      <c r="U6" s="61"/>
      <c r="V6" s="61"/>
      <c r="W6" s="61"/>
      <c r="X6" s="61"/>
      <c r="Y6" s="61"/>
      <c r="Z6" s="61"/>
      <c r="AA6" s="61"/>
      <c r="AB6" s="61"/>
      <c r="AC6" s="61"/>
      <c r="AD6" s="61"/>
      <c r="AE6" s="61"/>
      <c r="AF6" s="61"/>
      <c r="AG6" s="61"/>
      <c r="AH6" s="61"/>
      <c r="AI6" s="61"/>
      <c r="AJ6" s="61"/>
      <c r="AK6" s="61"/>
      <c r="AL6" s="61"/>
      <c r="AM6" s="61"/>
      <c r="AN6" s="61"/>
      <c r="AO6" s="61"/>
      <c r="AP6" s="61"/>
      <c r="AQ6" s="61"/>
      <c r="AR6" s="61"/>
      <c r="AS6" s="61"/>
      <c r="AT6" s="61"/>
      <c r="AU6" s="61"/>
      <c r="AV6" s="61"/>
      <c r="AW6" s="61"/>
      <c r="AX6" s="61"/>
      <c r="AY6" s="61"/>
      <c r="AZ6" s="61"/>
      <c r="BA6" s="61"/>
      <c r="BB6" s="61"/>
      <c r="BC6" s="61"/>
      <c r="BD6" s="61"/>
      <c r="BE6" s="61"/>
      <c r="BF6" s="61"/>
      <c r="BG6" s="61"/>
      <c r="BH6" s="61"/>
      <c r="BI6" s="61"/>
      <c r="BJ6" s="61"/>
      <c r="BK6" s="61"/>
      <c r="BL6" s="61"/>
      <c r="BM6" s="61"/>
      <c r="BN6" s="61"/>
      <c r="BO6" s="61"/>
      <c r="BP6" s="61"/>
      <c r="BQ6" s="61"/>
      <c r="BR6" s="61"/>
      <c r="BS6" s="61"/>
      <c r="BT6" s="61"/>
      <c r="BU6" s="61"/>
      <c r="BV6" s="61"/>
      <c r="BW6" s="61"/>
      <c r="BX6" s="61"/>
      <c r="BY6" s="61"/>
      <c r="BZ6" s="61"/>
      <c r="CA6" s="61"/>
      <c r="CB6" s="61"/>
      <c r="CC6" s="61"/>
      <c r="CD6" s="61"/>
      <c r="CE6" s="61"/>
      <c r="CF6" s="61"/>
      <c r="CG6" s="61"/>
      <c r="CH6" s="61"/>
      <c r="CI6" s="61"/>
      <c r="CJ6" s="61"/>
      <c r="CK6" s="61"/>
      <c r="CL6" s="61"/>
      <c r="CM6" s="61"/>
      <c r="CN6" s="61"/>
      <c r="CO6" s="61"/>
      <c r="CP6" s="61"/>
      <c r="CQ6" s="61"/>
      <c r="CR6" s="61"/>
      <c r="CS6" s="61"/>
      <c r="CT6" s="61"/>
      <c r="CU6" s="61"/>
      <c r="CV6" s="61"/>
      <c r="CW6" s="61"/>
      <c r="CX6" s="61"/>
      <c r="CY6" s="61"/>
      <c r="CZ6" s="61"/>
      <c r="DA6" s="61"/>
      <c r="DB6" s="61"/>
      <c r="DC6" s="61"/>
      <c r="DD6" s="61"/>
      <c r="DE6" s="61"/>
      <c r="DF6" s="61"/>
      <c r="DG6" s="61"/>
      <c r="DH6" s="61"/>
      <c r="DI6" s="61"/>
      <c r="DJ6" s="61"/>
      <c r="DK6" s="61"/>
      <c r="DL6" s="61"/>
      <c r="DM6" s="61"/>
      <c r="DN6" s="61"/>
      <c r="DO6" s="61"/>
      <c r="DP6" s="61"/>
      <c r="DQ6" s="61"/>
      <c r="DR6" s="61"/>
      <c r="DS6" s="61"/>
      <c r="DT6" s="61"/>
      <c r="DU6" s="61"/>
      <c r="DV6" s="61"/>
      <c r="DW6" s="61"/>
      <c r="DX6" s="61"/>
      <c r="DY6" s="61"/>
      <c r="DZ6" s="61"/>
      <c r="EA6" s="61"/>
      <c r="EB6" s="61"/>
      <c r="EC6" s="61"/>
      <c r="ED6" s="61"/>
      <c r="EE6" s="61"/>
      <c r="EF6" s="61"/>
      <c r="EG6" s="61"/>
      <c r="EH6" s="61"/>
      <c r="EI6" s="61"/>
      <c r="EJ6" s="61"/>
      <c r="EK6" s="61"/>
      <c r="EL6" s="61"/>
      <c r="EM6" s="61"/>
      <c r="EN6" s="61"/>
      <c r="EO6" s="61"/>
      <c r="EP6" s="61"/>
      <c r="EQ6" s="61"/>
      <c r="ER6" s="61"/>
      <c r="ES6" s="61"/>
      <c r="ET6" s="61"/>
      <c r="EU6" s="61"/>
      <c r="EV6" s="61"/>
      <c r="EW6" s="61"/>
      <c r="EX6" s="61"/>
      <c r="EY6" s="61"/>
      <c r="EZ6" s="61"/>
      <c r="FA6" s="61"/>
      <c r="FB6" s="61"/>
      <c r="FC6" s="61"/>
      <c r="FD6" s="61"/>
      <c r="FE6" s="61"/>
      <c r="FF6" s="61"/>
      <c r="FG6" s="61"/>
      <c r="FH6" s="61"/>
      <c r="FI6" s="61"/>
      <c r="FJ6" s="61"/>
      <c r="FK6" s="61"/>
      <c r="FL6" s="61"/>
      <c r="FM6" s="61"/>
      <c r="FN6" s="61"/>
      <c r="FO6" s="61"/>
      <c r="FP6" s="61"/>
      <c r="FQ6" s="61"/>
      <c r="FR6" s="61"/>
      <c r="FS6" s="61"/>
      <c r="FT6" s="61"/>
      <c r="FU6" s="61"/>
      <c r="FV6" s="61"/>
      <c r="FW6" s="61"/>
      <c r="FX6" s="61"/>
      <c r="FY6" s="61"/>
      <c r="FZ6" s="61"/>
      <c r="GA6" s="61"/>
      <c r="GB6" s="61"/>
      <c r="GC6" s="61"/>
      <c r="GD6" s="61"/>
      <c r="GE6" s="61"/>
      <c r="GF6" s="61"/>
      <c r="GG6" s="61"/>
      <c r="GH6" s="61"/>
      <c r="GI6" s="61"/>
      <c r="GJ6" s="61"/>
      <c r="GK6" s="61"/>
      <c r="GL6" s="61"/>
      <c r="GM6" s="61"/>
      <c r="GN6" s="61"/>
      <c r="GO6" s="61"/>
      <c r="GP6" s="61"/>
      <c r="GQ6" s="61"/>
      <c r="GR6" s="61"/>
      <c r="GS6" s="61"/>
      <c r="GT6" s="61"/>
      <c r="GU6" s="61"/>
      <c r="GV6" s="61"/>
      <c r="GW6" s="61"/>
      <c r="GX6" s="61"/>
      <c r="GY6" s="61"/>
      <c r="GZ6" s="61"/>
      <c r="HA6" s="61"/>
      <c r="HB6" s="61"/>
      <c r="HC6" s="61"/>
      <c r="HD6" s="61"/>
      <c r="HE6" s="61"/>
      <c r="HF6" s="61"/>
      <c r="HG6" s="61"/>
      <c r="HH6" s="61"/>
      <c r="HI6" s="61"/>
      <c r="HJ6" s="61"/>
      <c r="HK6" s="61"/>
      <c r="HL6" s="61"/>
      <c r="HM6" s="61"/>
      <c r="HN6" s="61"/>
      <c r="HO6" s="61"/>
      <c r="HP6" s="61"/>
      <c r="HQ6" s="61"/>
      <c r="HR6" s="61"/>
      <c r="HS6" s="61"/>
      <c r="HT6" s="61"/>
      <c r="HU6" s="61"/>
      <c r="HV6" s="61"/>
      <c r="HW6" s="61"/>
      <c r="HX6" s="61"/>
      <c r="HY6" s="61"/>
      <c r="HZ6" s="61"/>
      <c r="IA6" s="61"/>
      <c r="IB6" s="61"/>
      <c r="IC6" s="61"/>
      <c r="ID6" s="61"/>
      <c r="IE6" s="61"/>
      <c r="IF6" s="61"/>
      <c r="IG6" s="61"/>
      <c r="IH6" s="61"/>
      <c r="II6" s="61"/>
      <c r="IJ6" s="61"/>
      <c r="IK6" s="61"/>
      <c r="IL6" s="61"/>
      <c r="IM6" s="61"/>
      <c r="IN6" s="61"/>
      <c r="IO6" s="61"/>
      <c r="IP6" s="61"/>
      <c r="IQ6" s="61"/>
      <c r="IR6" s="61"/>
      <c r="IS6" s="61"/>
      <c r="IT6" s="61"/>
      <c r="IU6" s="61"/>
      <c r="IV6" s="61"/>
      <c r="IW6" s="61"/>
      <c r="IX6" s="61"/>
    </row>
    <row r="7" spans="1:258" ht="55.2">
      <c r="A7" s="181"/>
      <c r="B7" s="183" t="s">
        <v>3</v>
      </c>
      <c r="C7" s="184"/>
      <c r="D7" s="184" t="s">
        <v>399</v>
      </c>
      <c r="E7" s="183"/>
      <c r="F7" s="183"/>
      <c r="G7" s="183"/>
      <c r="H7" s="183"/>
      <c r="I7" s="183"/>
      <c r="J7" s="183"/>
      <c r="K7" s="183"/>
      <c r="L7" s="185"/>
      <c r="M7" s="183"/>
      <c r="N7" s="181"/>
      <c r="O7" s="181"/>
      <c r="P7" s="181"/>
      <c r="Q7" s="181"/>
      <c r="R7" s="181"/>
      <c r="S7" s="181"/>
      <c r="T7" s="61"/>
      <c r="U7" s="61"/>
      <c r="V7" s="61"/>
      <c r="W7" s="61"/>
      <c r="X7" s="61"/>
      <c r="Y7" s="61"/>
      <c r="Z7" s="61"/>
      <c r="AA7" s="61"/>
      <c r="AB7" s="61"/>
      <c r="AC7" s="61"/>
      <c r="AD7" s="61"/>
      <c r="AE7" s="61"/>
      <c r="AF7" s="61"/>
      <c r="AG7" s="61"/>
      <c r="AH7" s="61"/>
      <c r="AI7" s="61"/>
      <c r="AJ7" s="61"/>
      <c r="AK7" s="61"/>
      <c r="AL7" s="61"/>
      <c r="AM7" s="61"/>
      <c r="AN7" s="61"/>
      <c r="AO7" s="61"/>
      <c r="AP7" s="61"/>
      <c r="AQ7" s="61"/>
      <c r="AR7" s="61"/>
      <c r="AS7" s="61"/>
      <c r="AT7" s="61"/>
      <c r="AU7" s="61"/>
      <c r="AV7" s="61"/>
      <c r="AW7" s="61"/>
      <c r="AX7" s="61"/>
      <c r="AY7" s="61"/>
      <c r="AZ7" s="61"/>
      <c r="BA7" s="61"/>
      <c r="BB7" s="61"/>
      <c r="BC7" s="61"/>
      <c r="BD7" s="61"/>
      <c r="BE7" s="61"/>
      <c r="BF7" s="61"/>
      <c r="BG7" s="61"/>
      <c r="BH7" s="61"/>
      <c r="BI7" s="61"/>
      <c r="BJ7" s="61"/>
      <c r="BK7" s="61"/>
      <c r="BL7" s="61"/>
      <c r="BM7" s="61"/>
      <c r="BN7" s="61"/>
      <c r="BO7" s="61"/>
      <c r="BP7" s="61"/>
      <c r="BQ7" s="61"/>
      <c r="BR7" s="61"/>
      <c r="BS7" s="61"/>
      <c r="BT7" s="61"/>
      <c r="BU7" s="61"/>
      <c r="BV7" s="61"/>
      <c r="BW7" s="61"/>
      <c r="BX7" s="61"/>
      <c r="BY7" s="61"/>
      <c r="BZ7" s="61"/>
      <c r="CA7" s="61"/>
      <c r="CB7" s="61"/>
      <c r="CC7" s="61"/>
      <c r="CD7" s="61"/>
      <c r="CE7" s="61"/>
      <c r="CF7" s="61"/>
      <c r="CG7" s="61"/>
      <c r="CH7" s="61"/>
      <c r="CI7" s="61"/>
      <c r="CJ7" s="61"/>
      <c r="CK7" s="61"/>
      <c r="CL7" s="61"/>
      <c r="CM7" s="61"/>
      <c r="CN7" s="61"/>
      <c r="CO7" s="61"/>
      <c r="CP7" s="61"/>
      <c r="CQ7" s="61"/>
      <c r="CR7" s="61"/>
      <c r="CS7" s="61"/>
      <c r="CT7" s="61"/>
      <c r="CU7" s="61"/>
      <c r="CV7" s="61"/>
      <c r="CW7" s="61"/>
      <c r="CX7" s="61"/>
      <c r="CY7" s="61"/>
      <c r="CZ7" s="61"/>
      <c r="DA7" s="61"/>
      <c r="DB7" s="61"/>
      <c r="DC7" s="61"/>
      <c r="DD7" s="61"/>
      <c r="DE7" s="61"/>
      <c r="DF7" s="61"/>
      <c r="DG7" s="61"/>
      <c r="DH7" s="61"/>
      <c r="DI7" s="61"/>
      <c r="DJ7" s="61"/>
      <c r="DK7" s="61"/>
      <c r="DL7" s="61"/>
      <c r="DM7" s="61"/>
      <c r="DN7" s="61"/>
      <c r="DO7" s="61"/>
      <c r="DP7" s="61"/>
      <c r="DQ7" s="61"/>
      <c r="DR7" s="61"/>
      <c r="DS7" s="61"/>
      <c r="DT7" s="61"/>
      <c r="DU7" s="61"/>
      <c r="DV7" s="61"/>
      <c r="DW7" s="61"/>
      <c r="DX7" s="61"/>
      <c r="DY7" s="61"/>
      <c r="DZ7" s="61"/>
      <c r="EA7" s="61"/>
      <c r="EB7" s="61"/>
      <c r="EC7" s="61"/>
      <c r="ED7" s="61"/>
      <c r="EE7" s="61"/>
      <c r="EF7" s="61"/>
      <c r="EG7" s="61"/>
      <c r="EH7" s="61"/>
      <c r="EI7" s="61"/>
      <c r="EJ7" s="61"/>
      <c r="EK7" s="61"/>
      <c r="EL7" s="61"/>
      <c r="EM7" s="61"/>
      <c r="EN7" s="61"/>
      <c r="EO7" s="61"/>
      <c r="EP7" s="61"/>
      <c r="EQ7" s="61"/>
      <c r="ER7" s="61"/>
      <c r="ES7" s="61"/>
      <c r="ET7" s="61"/>
      <c r="EU7" s="61"/>
      <c r="EV7" s="61"/>
      <c r="EW7" s="61"/>
      <c r="EX7" s="61"/>
      <c r="EY7" s="61"/>
      <c r="EZ7" s="61"/>
      <c r="FA7" s="61"/>
      <c r="FB7" s="61"/>
      <c r="FC7" s="61"/>
      <c r="FD7" s="61"/>
      <c r="FE7" s="61"/>
      <c r="FF7" s="61"/>
      <c r="FG7" s="61"/>
      <c r="FH7" s="61"/>
      <c r="FI7" s="61"/>
      <c r="FJ7" s="61"/>
      <c r="FK7" s="61"/>
      <c r="FL7" s="61"/>
      <c r="FM7" s="61"/>
      <c r="FN7" s="61"/>
      <c r="FO7" s="61"/>
      <c r="FP7" s="61"/>
      <c r="FQ7" s="61"/>
      <c r="FR7" s="61"/>
      <c r="FS7" s="61"/>
      <c r="FT7" s="61"/>
      <c r="FU7" s="61"/>
      <c r="FV7" s="61"/>
      <c r="FW7" s="61"/>
      <c r="FX7" s="61"/>
      <c r="FY7" s="61"/>
      <c r="FZ7" s="61"/>
      <c r="GA7" s="61"/>
      <c r="GB7" s="61"/>
      <c r="GC7" s="61"/>
      <c r="GD7" s="61"/>
      <c r="GE7" s="61"/>
      <c r="GF7" s="61"/>
      <c r="GG7" s="61"/>
      <c r="GH7" s="61"/>
      <c r="GI7" s="61"/>
      <c r="GJ7" s="61"/>
      <c r="GK7" s="61"/>
      <c r="GL7" s="61"/>
      <c r="GM7" s="61"/>
      <c r="GN7" s="61"/>
      <c r="GO7" s="61"/>
      <c r="GP7" s="61"/>
      <c r="GQ7" s="61"/>
      <c r="GR7" s="61"/>
      <c r="GS7" s="61"/>
      <c r="GT7" s="61"/>
      <c r="GU7" s="61"/>
      <c r="GV7" s="61"/>
      <c r="GW7" s="61"/>
      <c r="GX7" s="61"/>
      <c r="GY7" s="61"/>
      <c r="GZ7" s="61"/>
      <c r="HA7" s="61"/>
      <c r="HB7" s="61"/>
      <c r="HC7" s="61"/>
      <c r="HD7" s="61"/>
      <c r="HE7" s="61"/>
      <c r="HF7" s="61"/>
      <c r="HG7" s="61"/>
      <c r="HH7" s="61"/>
      <c r="HI7" s="61"/>
      <c r="HJ7" s="61"/>
      <c r="HK7" s="61"/>
      <c r="HL7" s="61"/>
      <c r="HM7" s="61"/>
      <c r="HN7" s="61"/>
      <c r="HO7" s="61"/>
      <c r="HP7" s="61"/>
      <c r="HQ7" s="61"/>
      <c r="HR7" s="61"/>
      <c r="HS7" s="61"/>
      <c r="HT7" s="61"/>
      <c r="HU7" s="61"/>
      <c r="HV7" s="61"/>
      <c r="HW7" s="61"/>
      <c r="HX7" s="61"/>
      <c r="HY7" s="61"/>
      <c r="HZ7" s="61"/>
      <c r="IA7" s="61"/>
      <c r="IB7" s="61"/>
      <c r="IC7" s="61"/>
      <c r="ID7" s="61"/>
      <c r="IE7" s="61"/>
      <c r="IF7" s="61"/>
      <c r="IG7" s="61"/>
      <c r="IH7" s="61"/>
      <c r="II7" s="61"/>
      <c r="IJ7" s="61"/>
      <c r="IK7" s="61"/>
      <c r="IL7" s="61"/>
      <c r="IM7" s="61"/>
      <c r="IN7" s="61"/>
      <c r="IO7" s="61"/>
      <c r="IP7" s="61"/>
      <c r="IQ7" s="61"/>
      <c r="IR7" s="61"/>
      <c r="IS7" s="61"/>
      <c r="IT7" s="61"/>
      <c r="IU7" s="61"/>
      <c r="IV7" s="61"/>
      <c r="IW7" s="61"/>
      <c r="IX7" s="61"/>
    </row>
    <row r="8" spans="1:258" ht="55.2">
      <c r="A8" s="181"/>
      <c r="B8" s="183" t="s">
        <v>5</v>
      </c>
      <c r="C8" s="184"/>
      <c r="D8" s="184" t="s">
        <v>400</v>
      </c>
      <c r="E8" s="183"/>
      <c r="F8" s="183"/>
      <c r="G8" s="183"/>
      <c r="H8" s="183"/>
      <c r="I8" s="183"/>
      <c r="J8" s="183"/>
      <c r="K8" s="183"/>
      <c r="L8" s="185"/>
      <c r="M8" s="183"/>
      <c r="N8" s="181"/>
      <c r="O8" s="181"/>
      <c r="P8" s="181"/>
      <c r="Q8" s="181"/>
      <c r="R8" s="181"/>
      <c r="S8" s="181"/>
      <c r="T8" s="61"/>
      <c r="U8" s="61"/>
      <c r="V8" s="61"/>
      <c r="W8" s="61"/>
      <c r="X8" s="61"/>
      <c r="Y8" s="61"/>
      <c r="Z8" s="61"/>
      <c r="AA8" s="61"/>
      <c r="AB8" s="61"/>
      <c r="AC8" s="61"/>
      <c r="AD8" s="61"/>
      <c r="AE8" s="61"/>
      <c r="AF8" s="61"/>
      <c r="AG8" s="61"/>
      <c r="AH8" s="61"/>
      <c r="AI8" s="61"/>
      <c r="AJ8" s="61"/>
      <c r="AK8" s="61"/>
      <c r="AL8" s="61"/>
      <c r="AM8" s="61"/>
      <c r="AN8" s="61"/>
      <c r="AO8" s="61"/>
      <c r="AP8" s="61"/>
      <c r="AQ8" s="61"/>
      <c r="AR8" s="61"/>
      <c r="AS8" s="61"/>
      <c r="AT8" s="61"/>
      <c r="AU8" s="61"/>
      <c r="AV8" s="61"/>
      <c r="AW8" s="61"/>
      <c r="AX8" s="61"/>
      <c r="AY8" s="61"/>
      <c r="AZ8" s="61"/>
      <c r="BA8" s="61"/>
      <c r="BB8" s="61"/>
      <c r="BC8" s="61"/>
      <c r="BD8" s="61"/>
      <c r="BE8" s="61"/>
      <c r="BF8" s="61"/>
      <c r="BG8" s="61"/>
      <c r="BH8" s="61"/>
      <c r="BI8" s="61"/>
      <c r="BJ8" s="61"/>
      <c r="BK8" s="61"/>
      <c r="BL8" s="61"/>
      <c r="BM8" s="61"/>
      <c r="BN8" s="61"/>
      <c r="BO8" s="61"/>
      <c r="BP8" s="61"/>
      <c r="BQ8" s="61"/>
      <c r="BR8" s="61"/>
      <c r="BS8" s="61"/>
      <c r="BT8" s="61"/>
      <c r="BU8" s="61"/>
      <c r="BV8" s="61"/>
      <c r="BW8" s="61"/>
      <c r="BX8" s="61"/>
      <c r="BY8" s="61"/>
      <c r="BZ8" s="61"/>
      <c r="CA8" s="61"/>
      <c r="CB8" s="61"/>
      <c r="CC8" s="61"/>
      <c r="CD8" s="61"/>
      <c r="CE8" s="61"/>
      <c r="CF8" s="61"/>
      <c r="CG8" s="61"/>
      <c r="CH8" s="61"/>
      <c r="CI8" s="61"/>
      <c r="CJ8" s="61"/>
      <c r="CK8" s="61"/>
      <c r="CL8" s="61"/>
      <c r="CM8" s="61"/>
      <c r="CN8" s="61"/>
      <c r="CO8" s="61"/>
      <c r="CP8" s="61"/>
      <c r="CQ8" s="61"/>
      <c r="CR8" s="61"/>
      <c r="CS8" s="61"/>
      <c r="CT8" s="61"/>
      <c r="CU8" s="61"/>
      <c r="CV8" s="61"/>
      <c r="CW8" s="61"/>
      <c r="CX8" s="61"/>
      <c r="CY8" s="61"/>
      <c r="CZ8" s="61"/>
      <c r="DA8" s="61"/>
      <c r="DB8" s="61"/>
      <c r="DC8" s="61"/>
      <c r="DD8" s="61"/>
      <c r="DE8" s="61"/>
      <c r="DF8" s="61"/>
      <c r="DG8" s="61"/>
      <c r="DH8" s="61"/>
      <c r="DI8" s="61"/>
      <c r="DJ8" s="61"/>
      <c r="DK8" s="61"/>
      <c r="DL8" s="61"/>
      <c r="DM8" s="61"/>
      <c r="DN8" s="61"/>
      <c r="DO8" s="61"/>
      <c r="DP8" s="61"/>
      <c r="DQ8" s="61"/>
      <c r="DR8" s="61"/>
      <c r="DS8" s="61"/>
      <c r="DT8" s="61"/>
      <c r="DU8" s="61"/>
      <c r="DV8" s="61"/>
      <c r="DW8" s="61"/>
      <c r="DX8" s="61"/>
      <c r="DY8" s="61"/>
      <c r="DZ8" s="61"/>
      <c r="EA8" s="61"/>
      <c r="EB8" s="61"/>
      <c r="EC8" s="61"/>
      <c r="ED8" s="61"/>
      <c r="EE8" s="61"/>
      <c r="EF8" s="61"/>
      <c r="EG8" s="61"/>
      <c r="EH8" s="61"/>
      <c r="EI8" s="61"/>
      <c r="EJ8" s="61"/>
      <c r="EK8" s="61"/>
      <c r="EL8" s="61"/>
      <c r="EM8" s="61"/>
      <c r="EN8" s="61"/>
      <c r="EO8" s="61"/>
      <c r="EP8" s="61"/>
      <c r="EQ8" s="61"/>
      <c r="ER8" s="61"/>
      <c r="ES8" s="61"/>
      <c r="ET8" s="61"/>
      <c r="EU8" s="61"/>
      <c r="EV8" s="61"/>
      <c r="EW8" s="61"/>
      <c r="EX8" s="61"/>
      <c r="EY8" s="61"/>
      <c r="EZ8" s="61"/>
      <c r="FA8" s="61"/>
      <c r="FB8" s="61"/>
      <c r="FC8" s="61"/>
      <c r="FD8" s="61"/>
      <c r="FE8" s="61"/>
      <c r="FF8" s="61"/>
      <c r="FG8" s="61"/>
      <c r="FH8" s="61"/>
      <c r="FI8" s="61"/>
      <c r="FJ8" s="61"/>
      <c r="FK8" s="61"/>
      <c r="FL8" s="61"/>
      <c r="FM8" s="61"/>
      <c r="FN8" s="61"/>
      <c r="FO8" s="61"/>
      <c r="FP8" s="61"/>
      <c r="FQ8" s="61"/>
      <c r="FR8" s="61"/>
      <c r="FS8" s="61"/>
      <c r="FT8" s="61"/>
      <c r="FU8" s="61"/>
      <c r="FV8" s="61"/>
      <c r="FW8" s="61"/>
      <c r="FX8" s="61"/>
      <c r="FY8" s="61"/>
      <c r="FZ8" s="61"/>
      <c r="GA8" s="61"/>
      <c r="GB8" s="61"/>
      <c r="GC8" s="61"/>
      <c r="GD8" s="61"/>
      <c r="GE8" s="61"/>
      <c r="GF8" s="61"/>
      <c r="GG8" s="61"/>
      <c r="GH8" s="61"/>
      <c r="GI8" s="61"/>
      <c r="GJ8" s="61"/>
      <c r="GK8" s="61"/>
      <c r="GL8" s="61"/>
      <c r="GM8" s="61"/>
      <c r="GN8" s="61"/>
      <c r="GO8" s="61"/>
      <c r="GP8" s="61"/>
      <c r="GQ8" s="61"/>
      <c r="GR8" s="61"/>
      <c r="GS8" s="61"/>
      <c r="GT8" s="61"/>
      <c r="GU8" s="61"/>
      <c r="GV8" s="61"/>
      <c r="GW8" s="61"/>
      <c r="GX8" s="61"/>
      <c r="GY8" s="61"/>
      <c r="GZ8" s="61"/>
      <c r="HA8" s="61"/>
      <c r="HB8" s="61"/>
      <c r="HC8" s="61"/>
      <c r="HD8" s="61"/>
      <c r="HE8" s="61"/>
      <c r="HF8" s="61"/>
      <c r="HG8" s="61"/>
      <c r="HH8" s="61"/>
      <c r="HI8" s="61"/>
      <c r="HJ8" s="61"/>
      <c r="HK8" s="61"/>
      <c r="HL8" s="61"/>
      <c r="HM8" s="61"/>
      <c r="HN8" s="61"/>
      <c r="HO8" s="61"/>
      <c r="HP8" s="61"/>
      <c r="HQ8" s="61"/>
      <c r="HR8" s="61"/>
      <c r="HS8" s="61"/>
      <c r="HT8" s="61"/>
      <c r="HU8" s="61"/>
      <c r="HV8" s="61"/>
      <c r="HW8" s="61"/>
      <c r="HX8" s="61"/>
      <c r="HY8" s="61"/>
      <c r="HZ8" s="61"/>
      <c r="IA8" s="61"/>
      <c r="IB8" s="61"/>
      <c r="IC8" s="61"/>
      <c r="ID8" s="61"/>
      <c r="IE8" s="61"/>
      <c r="IF8" s="61"/>
      <c r="IG8" s="61"/>
      <c r="IH8" s="61"/>
      <c r="II8" s="61"/>
      <c r="IJ8" s="61"/>
      <c r="IK8" s="61"/>
      <c r="IL8" s="61"/>
      <c r="IM8" s="61"/>
      <c r="IN8" s="61"/>
      <c r="IO8" s="61"/>
      <c r="IP8" s="61"/>
      <c r="IQ8" s="61"/>
      <c r="IR8" s="61"/>
      <c r="IS8" s="61"/>
      <c r="IT8" s="61"/>
      <c r="IU8" s="61"/>
      <c r="IV8" s="61"/>
      <c r="IW8" s="61"/>
      <c r="IX8" s="61"/>
    </row>
    <row r="9" spans="1:258" ht="55.2">
      <c r="A9" s="181"/>
      <c r="B9" s="183" t="s">
        <v>7</v>
      </c>
      <c r="C9" s="184"/>
      <c r="D9" s="184" t="s">
        <v>401</v>
      </c>
      <c r="E9" s="183"/>
      <c r="F9" s="183"/>
      <c r="G9" s="183"/>
      <c r="H9" s="183"/>
      <c r="I9" s="183"/>
      <c r="J9" s="183"/>
      <c r="K9" s="183"/>
      <c r="L9" s="185"/>
      <c r="M9" s="183"/>
      <c r="N9" s="181"/>
      <c r="O9" s="181"/>
      <c r="P9" s="181"/>
      <c r="Q9" s="181"/>
      <c r="R9" s="181"/>
      <c r="S9" s="181"/>
      <c r="T9" s="61"/>
      <c r="U9" s="61"/>
      <c r="V9" s="61"/>
      <c r="W9" s="61"/>
      <c r="X9" s="61"/>
      <c r="Y9" s="61"/>
      <c r="Z9" s="61"/>
      <c r="AA9" s="61"/>
      <c r="AB9" s="61"/>
      <c r="AC9" s="61"/>
      <c r="AD9" s="61"/>
      <c r="AE9" s="61"/>
      <c r="AF9" s="61"/>
      <c r="AG9" s="61"/>
      <c r="AH9" s="61"/>
      <c r="AI9" s="61"/>
      <c r="AJ9" s="61"/>
      <c r="AK9" s="61"/>
      <c r="AL9" s="61"/>
      <c r="AM9" s="61"/>
      <c r="AN9" s="61"/>
      <c r="AO9" s="61"/>
      <c r="AP9" s="61"/>
      <c r="AQ9" s="61"/>
      <c r="AR9" s="61"/>
      <c r="AS9" s="61"/>
      <c r="AT9" s="61"/>
      <c r="AU9" s="61"/>
      <c r="AV9" s="61"/>
      <c r="AW9" s="61"/>
      <c r="AX9" s="61"/>
      <c r="AY9" s="61"/>
      <c r="AZ9" s="61"/>
      <c r="BA9" s="61"/>
      <c r="BB9" s="61"/>
      <c r="BC9" s="61"/>
      <c r="BD9" s="61"/>
      <c r="BE9" s="61"/>
      <c r="BF9" s="61"/>
      <c r="BG9" s="61"/>
      <c r="BH9" s="61"/>
      <c r="BI9" s="61"/>
      <c r="BJ9" s="61"/>
      <c r="BK9" s="61"/>
      <c r="BL9" s="61"/>
      <c r="BM9" s="61"/>
      <c r="BN9" s="61"/>
      <c r="BO9" s="61"/>
      <c r="BP9" s="61"/>
      <c r="BQ9" s="61"/>
      <c r="BR9" s="61"/>
      <c r="BS9" s="61"/>
      <c r="BT9" s="61"/>
      <c r="BU9" s="61"/>
      <c r="BV9" s="61"/>
      <c r="BW9" s="61"/>
      <c r="BX9" s="61"/>
      <c r="BY9" s="61"/>
      <c r="BZ9" s="61"/>
      <c r="CA9" s="61"/>
      <c r="CB9" s="61"/>
      <c r="CC9" s="61"/>
      <c r="CD9" s="61"/>
      <c r="CE9" s="61"/>
      <c r="CF9" s="61"/>
      <c r="CG9" s="61"/>
      <c r="CH9" s="61"/>
      <c r="CI9" s="61"/>
      <c r="CJ9" s="61"/>
      <c r="CK9" s="61"/>
      <c r="CL9" s="61"/>
      <c r="CM9" s="61"/>
      <c r="CN9" s="61"/>
      <c r="CO9" s="61"/>
      <c r="CP9" s="61"/>
      <c r="CQ9" s="61"/>
      <c r="CR9" s="61"/>
      <c r="CS9" s="61"/>
      <c r="CT9" s="61"/>
      <c r="CU9" s="61"/>
      <c r="CV9" s="61"/>
      <c r="CW9" s="61"/>
      <c r="CX9" s="61"/>
      <c r="CY9" s="61"/>
      <c r="CZ9" s="61"/>
      <c r="DA9" s="61"/>
      <c r="DB9" s="61"/>
      <c r="DC9" s="61"/>
      <c r="DD9" s="61"/>
      <c r="DE9" s="61"/>
      <c r="DF9" s="61"/>
      <c r="DG9" s="61"/>
      <c r="DH9" s="61"/>
      <c r="DI9" s="61"/>
      <c r="DJ9" s="61"/>
      <c r="DK9" s="61"/>
      <c r="DL9" s="61"/>
      <c r="DM9" s="61"/>
      <c r="DN9" s="61"/>
      <c r="DO9" s="61"/>
      <c r="DP9" s="61"/>
      <c r="DQ9" s="61"/>
      <c r="DR9" s="61"/>
      <c r="DS9" s="61"/>
      <c r="DT9" s="61"/>
      <c r="DU9" s="61"/>
      <c r="DV9" s="61"/>
      <c r="DW9" s="61"/>
      <c r="DX9" s="61"/>
      <c r="DY9" s="61"/>
      <c r="DZ9" s="61"/>
      <c r="EA9" s="61"/>
      <c r="EB9" s="61"/>
      <c r="EC9" s="61"/>
      <c r="ED9" s="61"/>
      <c r="EE9" s="61"/>
      <c r="EF9" s="61"/>
      <c r="EG9" s="61"/>
      <c r="EH9" s="61"/>
      <c r="EI9" s="61"/>
      <c r="EJ9" s="61"/>
      <c r="EK9" s="61"/>
      <c r="EL9" s="61"/>
      <c r="EM9" s="61"/>
      <c r="EN9" s="61"/>
      <c r="EO9" s="61"/>
      <c r="EP9" s="61"/>
      <c r="EQ9" s="61"/>
      <c r="ER9" s="61"/>
      <c r="ES9" s="61"/>
      <c r="ET9" s="61"/>
      <c r="EU9" s="61"/>
      <c r="EV9" s="61"/>
      <c r="EW9" s="61"/>
      <c r="EX9" s="61"/>
      <c r="EY9" s="61"/>
      <c r="EZ9" s="61"/>
      <c r="FA9" s="61"/>
      <c r="FB9" s="61"/>
      <c r="FC9" s="61"/>
      <c r="FD9" s="61"/>
      <c r="FE9" s="61"/>
      <c r="FF9" s="61"/>
      <c r="FG9" s="61"/>
      <c r="FH9" s="61"/>
      <c r="FI9" s="61"/>
      <c r="FJ9" s="61"/>
      <c r="FK9" s="61"/>
      <c r="FL9" s="61"/>
      <c r="FM9" s="61"/>
      <c r="FN9" s="61"/>
      <c r="FO9" s="61"/>
      <c r="FP9" s="61"/>
      <c r="FQ9" s="61"/>
      <c r="FR9" s="61"/>
      <c r="FS9" s="61"/>
      <c r="FT9" s="61"/>
      <c r="FU9" s="61"/>
      <c r="FV9" s="61"/>
      <c r="FW9" s="61"/>
      <c r="FX9" s="61"/>
      <c r="FY9" s="61"/>
      <c r="FZ9" s="61"/>
      <c r="GA9" s="61"/>
      <c r="GB9" s="61"/>
      <c r="GC9" s="61"/>
      <c r="GD9" s="61"/>
      <c r="GE9" s="61"/>
      <c r="GF9" s="61"/>
      <c r="GG9" s="61"/>
      <c r="GH9" s="61"/>
      <c r="GI9" s="61"/>
      <c r="GJ9" s="61"/>
      <c r="GK9" s="61"/>
      <c r="GL9" s="61"/>
      <c r="GM9" s="61"/>
      <c r="GN9" s="61"/>
      <c r="GO9" s="61"/>
      <c r="GP9" s="61"/>
      <c r="GQ9" s="61"/>
      <c r="GR9" s="61"/>
      <c r="GS9" s="61"/>
      <c r="GT9" s="61"/>
      <c r="GU9" s="61"/>
      <c r="GV9" s="61"/>
      <c r="GW9" s="61"/>
      <c r="GX9" s="61"/>
      <c r="GY9" s="61"/>
      <c r="GZ9" s="61"/>
      <c r="HA9" s="61"/>
      <c r="HB9" s="61"/>
      <c r="HC9" s="61"/>
      <c r="HD9" s="61"/>
      <c r="HE9" s="61"/>
      <c r="HF9" s="61"/>
      <c r="HG9" s="61"/>
      <c r="HH9" s="61"/>
      <c r="HI9" s="61"/>
      <c r="HJ9" s="61"/>
      <c r="HK9" s="61"/>
      <c r="HL9" s="61"/>
      <c r="HM9" s="61"/>
      <c r="HN9" s="61"/>
      <c r="HO9" s="61"/>
      <c r="HP9" s="61"/>
      <c r="HQ9" s="61"/>
      <c r="HR9" s="61"/>
      <c r="HS9" s="61"/>
      <c r="HT9" s="61"/>
      <c r="HU9" s="61"/>
      <c r="HV9" s="61"/>
      <c r="HW9" s="61"/>
      <c r="HX9" s="61"/>
      <c r="HY9" s="61"/>
      <c r="HZ9" s="61"/>
      <c r="IA9" s="61"/>
      <c r="IB9" s="61"/>
      <c r="IC9" s="61"/>
      <c r="ID9" s="61"/>
      <c r="IE9" s="61"/>
      <c r="IF9" s="61"/>
      <c r="IG9" s="61"/>
      <c r="IH9" s="61"/>
      <c r="II9" s="61"/>
      <c r="IJ9" s="61"/>
      <c r="IK9" s="61"/>
      <c r="IL9" s="61"/>
      <c r="IM9" s="61"/>
      <c r="IN9" s="61"/>
      <c r="IO9" s="61"/>
      <c r="IP9" s="61"/>
      <c r="IQ9" s="61"/>
      <c r="IR9" s="61"/>
      <c r="IS9" s="61"/>
      <c r="IT9" s="61"/>
      <c r="IU9" s="61"/>
      <c r="IV9" s="61"/>
      <c r="IW9" s="61"/>
      <c r="IX9" s="61"/>
    </row>
    <row r="10" spans="1:258" ht="55.2">
      <c r="A10" s="181"/>
      <c r="B10" s="183" t="s">
        <v>9</v>
      </c>
      <c r="C10" s="184"/>
      <c r="D10" s="184" t="s">
        <v>402</v>
      </c>
      <c r="E10" s="183"/>
      <c r="F10" s="183"/>
      <c r="G10" s="183"/>
      <c r="H10" s="183"/>
      <c r="I10" s="183"/>
      <c r="J10" s="183"/>
      <c r="K10" s="183"/>
      <c r="L10" s="185"/>
      <c r="M10" s="183"/>
      <c r="N10" s="181"/>
      <c r="O10" s="181"/>
      <c r="P10" s="181"/>
      <c r="Q10" s="181"/>
      <c r="R10" s="181"/>
      <c r="S10" s="181"/>
      <c r="T10" s="61"/>
      <c r="U10" s="61"/>
      <c r="V10" s="61"/>
      <c r="W10" s="61"/>
      <c r="X10" s="61"/>
      <c r="Y10" s="61"/>
      <c r="Z10" s="61"/>
      <c r="AA10" s="61"/>
      <c r="AB10" s="61"/>
      <c r="AC10" s="61"/>
      <c r="AD10" s="61"/>
      <c r="AE10" s="61"/>
      <c r="AF10" s="61"/>
      <c r="AG10" s="61"/>
      <c r="AH10" s="61"/>
      <c r="AI10" s="61"/>
      <c r="AJ10" s="61"/>
      <c r="AK10" s="61"/>
      <c r="AL10" s="61"/>
      <c r="AM10" s="61"/>
      <c r="AN10" s="61"/>
      <c r="AO10" s="61"/>
      <c r="AP10" s="61"/>
      <c r="AQ10" s="61"/>
      <c r="AR10" s="61"/>
      <c r="AS10" s="61"/>
      <c r="AT10" s="61"/>
      <c r="AU10" s="61"/>
      <c r="AV10" s="61"/>
      <c r="AW10" s="61"/>
      <c r="AX10" s="61"/>
      <c r="AY10" s="61"/>
      <c r="AZ10" s="61"/>
      <c r="BA10" s="61"/>
      <c r="BB10" s="61"/>
      <c r="BC10" s="61"/>
      <c r="BD10" s="61"/>
      <c r="BE10" s="61"/>
      <c r="BF10" s="61"/>
      <c r="BG10" s="61"/>
      <c r="BH10" s="61"/>
      <c r="BI10" s="61"/>
      <c r="BJ10" s="61"/>
      <c r="BK10" s="61"/>
      <c r="BL10" s="61"/>
      <c r="BM10" s="61"/>
      <c r="BN10" s="61"/>
      <c r="BO10" s="61"/>
      <c r="BP10" s="61"/>
      <c r="BQ10" s="61"/>
      <c r="BR10" s="61"/>
      <c r="BS10" s="61"/>
      <c r="BT10" s="61"/>
      <c r="BU10" s="61"/>
      <c r="BV10" s="61"/>
      <c r="BW10" s="61"/>
      <c r="BX10" s="61"/>
      <c r="BY10" s="61"/>
      <c r="BZ10" s="61"/>
      <c r="CA10" s="61"/>
      <c r="CB10" s="61"/>
      <c r="CC10" s="61"/>
      <c r="CD10" s="61"/>
      <c r="CE10" s="61"/>
      <c r="CF10" s="61"/>
      <c r="CG10" s="61"/>
      <c r="CH10" s="61"/>
      <c r="CI10" s="61"/>
      <c r="CJ10" s="61"/>
      <c r="CK10" s="61"/>
      <c r="CL10" s="61"/>
      <c r="CM10" s="61"/>
      <c r="CN10" s="61"/>
      <c r="CO10" s="61"/>
      <c r="CP10" s="61"/>
      <c r="CQ10" s="61"/>
      <c r="CR10" s="61"/>
      <c r="CS10" s="61"/>
      <c r="CT10" s="61"/>
      <c r="CU10" s="61"/>
      <c r="CV10" s="61"/>
      <c r="CW10" s="61"/>
      <c r="CX10" s="61"/>
      <c r="CY10" s="61"/>
      <c r="CZ10" s="61"/>
      <c r="DA10" s="61"/>
      <c r="DB10" s="61"/>
      <c r="DC10" s="61"/>
      <c r="DD10" s="61"/>
      <c r="DE10" s="61"/>
      <c r="DF10" s="61"/>
      <c r="DG10" s="61"/>
      <c r="DH10" s="61"/>
      <c r="DI10" s="61"/>
      <c r="DJ10" s="61"/>
      <c r="DK10" s="61"/>
      <c r="DL10" s="61"/>
      <c r="DM10" s="61"/>
      <c r="DN10" s="61"/>
      <c r="DO10" s="61"/>
      <c r="DP10" s="61"/>
      <c r="DQ10" s="61"/>
      <c r="DR10" s="61"/>
      <c r="DS10" s="61"/>
      <c r="DT10" s="61"/>
      <c r="DU10" s="61"/>
      <c r="DV10" s="61"/>
      <c r="DW10" s="61"/>
      <c r="DX10" s="61"/>
      <c r="DY10" s="61"/>
      <c r="DZ10" s="61"/>
      <c r="EA10" s="61"/>
      <c r="EB10" s="61"/>
      <c r="EC10" s="61"/>
      <c r="ED10" s="61"/>
      <c r="EE10" s="61"/>
      <c r="EF10" s="61"/>
      <c r="EG10" s="61"/>
      <c r="EH10" s="61"/>
      <c r="EI10" s="61"/>
      <c r="EJ10" s="61"/>
      <c r="EK10" s="61"/>
      <c r="EL10" s="61"/>
      <c r="EM10" s="61"/>
      <c r="EN10" s="61"/>
      <c r="EO10" s="61"/>
      <c r="EP10" s="61"/>
      <c r="EQ10" s="61"/>
      <c r="ER10" s="61"/>
      <c r="ES10" s="61"/>
      <c r="ET10" s="61"/>
      <c r="EU10" s="61"/>
      <c r="EV10" s="61"/>
      <c r="EW10" s="61"/>
      <c r="EX10" s="61"/>
      <c r="EY10" s="61"/>
      <c r="EZ10" s="61"/>
      <c r="FA10" s="61"/>
      <c r="FB10" s="61"/>
      <c r="FC10" s="61"/>
      <c r="FD10" s="61"/>
      <c r="FE10" s="61"/>
      <c r="FF10" s="61"/>
      <c r="FG10" s="61"/>
      <c r="FH10" s="61"/>
      <c r="FI10" s="61"/>
      <c r="FJ10" s="61"/>
      <c r="FK10" s="61"/>
      <c r="FL10" s="61"/>
      <c r="FM10" s="61"/>
      <c r="FN10" s="61"/>
      <c r="FO10" s="61"/>
      <c r="FP10" s="61"/>
      <c r="FQ10" s="61"/>
      <c r="FR10" s="61"/>
      <c r="FS10" s="61"/>
      <c r="FT10" s="61"/>
      <c r="FU10" s="61"/>
      <c r="FV10" s="61"/>
      <c r="FW10" s="61"/>
      <c r="FX10" s="61"/>
      <c r="FY10" s="61"/>
      <c r="FZ10" s="61"/>
      <c r="GA10" s="61"/>
      <c r="GB10" s="61"/>
      <c r="GC10" s="61"/>
      <c r="GD10" s="61"/>
      <c r="GE10" s="61"/>
      <c r="GF10" s="61"/>
      <c r="GG10" s="61"/>
      <c r="GH10" s="61"/>
      <c r="GI10" s="61"/>
      <c r="GJ10" s="61"/>
      <c r="GK10" s="61"/>
      <c r="GL10" s="61"/>
      <c r="GM10" s="61"/>
      <c r="GN10" s="61"/>
      <c r="GO10" s="61"/>
      <c r="GP10" s="61"/>
      <c r="GQ10" s="61"/>
      <c r="GR10" s="61"/>
      <c r="GS10" s="61"/>
      <c r="GT10" s="61"/>
      <c r="GU10" s="61"/>
      <c r="GV10" s="61"/>
      <c r="GW10" s="61"/>
      <c r="GX10" s="61"/>
      <c r="GY10" s="61"/>
      <c r="GZ10" s="61"/>
      <c r="HA10" s="61"/>
      <c r="HB10" s="61"/>
      <c r="HC10" s="61"/>
      <c r="HD10" s="61"/>
      <c r="HE10" s="61"/>
      <c r="HF10" s="61"/>
      <c r="HG10" s="61"/>
      <c r="HH10" s="61"/>
      <c r="HI10" s="61"/>
      <c r="HJ10" s="61"/>
      <c r="HK10" s="61"/>
      <c r="HL10" s="61"/>
      <c r="HM10" s="61"/>
      <c r="HN10" s="61"/>
      <c r="HO10" s="61"/>
      <c r="HP10" s="61"/>
      <c r="HQ10" s="61"/>
      <c r="HR10" s="61"/>
      <c r="HS10" s="61"/>
      <c r="HT10" s="61"/>
      <c r="HU10" s="61"/>
      <c r="HV10" s="61"/>
      <c r="HW10" s="61"/>
      <c r="HX10" s="61"/>
      <c r="HY10" s="61"/>
      <c r="HZ10" s="61"/>
      <c r="IA10" s="61"/>
      <c r="IB10" s="61"/>
      <c r="IC10" s="61"/>
      <c r="ID10" s="61"/>
      <c r="IE10" s="61"/>
      <c r="IF10" s="61"/>
      <c r="IG10" s="61"/>
      <c r="IH10" s="61"/>
      <c r="II10" s="61"/>
      <c r="IJ10" s="61"/>
      <c r="IK10" s="61"/>
      <c r="IL10" s="61"/>
      <c r="IM10" s="61"/>
      <c r="IN10" s="61"/>
      <c r="IO10" s="61"/>
      <c r="IP10" s="61"/>
      <c r="IQ10" s="61"/>
      <c r="IR10" s="61"/>
      <c r="IS10" s="61"/>
      <c r="IT10" s="61"/>
      <c r="IU10" s="61"/>
      <c r="IV10" s="61"/>
      <c r="IW10" s="61"/>
      <c r="IX10" s="61"/>
    </row>
    <row r="11" spans="1:258" s="64" customFormat="1" ht="64.5" customHeight="1">
      <c r="A11" s="183"/>
      <c r="B11" s="186" t="s">
        <v>11</v>
      </c>
      <c r="C11" s="183"/>
      <c r="D11" s="183"/>
      <c r="E11" s="183"/>
      <c r="F11" s="183"/>
      <c r="G11" s="183"/>
      <c r="H11" s="183"/>
      <c r="I11" s="183"/>
      <c r="J11" s="183"/>
      <c r="K11" s="183"/>
      <c r="L11" s="185"/>
      <c r="M11" s="183"/>
      <c r="N11" s="183"/>
      <c r="O11" s="183"/>
      <c r="P11" s="183"/>
      <c r="Q11" s="183"/>
      <c r="R11" s="183"/>
      <c r="S11" s="183"/>
      <c r="T11" s="63"/>
      <c r="U11" s="63"/>
      <c r="V11" s="63"/>
      <c r="W11" s="63"/>
      <c r="X11" s="63"/>
      <c r="Y11" s="63"/>
      <c r="Z11" s="63"/>
      <c r="AA11" s="63"/>
      <c r="AB11" s="63"/>
      <c r="AC11" s="63"/>
      <c r="AD11" s="63"/>
      <c r="AE11" s="63"/>
      <c r="AF11" s="63"/>
      <c r="AG11" s="63"/>
      <c r="AH11" s="63"/>
      <c r="AI11" s="63"/>
      <c r="AJ11" s="63"/>
      <c r="AK11" s="63"/>
      <c r="AL11" s="63"/>
      <c r="AM11" s="63"/>
      <c r="AN11" s="63"/>
      <c r="AO11" s="63"/>
      <c r="AP11" s="63"/>
      <c r="AQ11" s="63"/>
      <c r="AR11" s="63"/>
      <c r="AS11" s="63"/>
      <c r="AT11" s="63"/>
      <c r="AU11" s="63"/>
      <c r="AV11" s="63"/>
      <c r="AW11" s="63"/>
      <c r="AX11" s="63"/>
      <c r="AY11" s="63"/>
      <c r="AZ11" s="63"/>
      <c r="BA11" s="63"/>
      <c r="BB11" s="63"/>
      <c r="BC11" s="63"/>
      <c r="BD11" s="63"/>
      <c r="BE11" s="63"/>
      <c r="BF11" s="63"/>
      <c r="BG11" s="63"/>
      <c r="BH11" s="63"/>
      <c r="BI11" s="63"/>
      <c r="BJ11" s="63"/>
      <c r="BK11" s="63"/>
      <c r="BL11" s="63"/>
      <c r="BM11" s="63"/>
      <c r="BN11" s="63"/>
      <c r="BO11" s="63"/>
      <c r="BP11" s="63"/>
      <c r="BQ11" s="63"/>
      <c r="BR11" s="63"/>
      <c r="BS11" s="63"/>
      <c r="BT11" s="63"/>
      <c r="BU11" s="63"/>
      <c r="BV11" s="63"/>
      <c r="BW11" s="63"/>
      <c r="BX11" s="63"/>
      <c r="BY11" s="63"/>
      <c r="BZ11" s="63"/>
      <c r="CA11" s="63"/>
      <c r="CB11" s="63"/>
      <c r="CC11" s="63"/>
      <c r="CD11" s="63"/>
      <c r="CE11" s="63"/>
      <c r="CF11" s="63"/>
      <c r="CG11" s="63"/>
      <c r="CH11" s="63"/>
      <c r="CI11" s="63"/>
      <c r="CJ11" s="63"/>
      <c r="CK11" s="63"/>
      <c r="CL11" s="63"/>
      <c r="CM11" s="63"/>
      <c r="CN11" s="63"/>
      <c r="CO11" s="63"/>
      <c r="CP11" s="63"/>
      <c r="CQ11" s="63"/>
      <c r="CR11" s="63"/>
      <c r="CS11" s="63"/>
      <c r="CT11" s="63"/>
      <c r="CU11" s="63"/>
      <c r="CV11" s="63"/>
      <c r="CW11" s="63"/>
      <c r="CX11" s="63"/>
      <c r="CY11" s="63"/>
      <c r="CZ11" s="63"/>
      <c r="DA11" s="63"/>
      <c r="DB11" s="63"/>
      <c r="DC11" s="63"/>
      <c r="DD11" s="63"/>
      <c r="DE11" s="63"/>
      <c r="DF11" s="63"/>
      <c r="DG11" s="63"/>
      <c r="DH11" s="63"/>
      <c r="DI11" s="63"/>
      <c r="DJ11" s="63"/>
      <c r="DK11" s="63"/>
      <c r="DL11" s="63"/>
      <c r="DM11" s="63"/>
      <c r="DN11" s="63"/>
      <c r="DO11" s="63"/>
      <c r="DP11" s="63"/>
      <c r="DQ11" s="63"/>
      <c r="DR11" s="63"/>
      <c r="DS11" s="63"/>
      <c r="DT11" s="63"/>
      <c r="DU11" s="63"/>
      <c r="DV11" s="63"/>
      <c r="DW11" s="63"/>
      <c r="DX11" s="63"/>
      <c r="DY11" s="63"/>
      <c r="DZ11" s="63"/>
      <c r="EA11" s="63"/>
      <c r="EB11" s="63"/>
      <c r="EC11" s="63"/>
      <c r="ED11" s="63"/>
      <c r="EE11" s="63"/>
      <c r="EF11" s="63"/>
      <c r="EG11" s="63"/>
      <c r="EH11" s="63"/>
      <c r="EI11" s="63"/>
      <c r="EJ11" s="63"/>
      <c r="EK11" s="63"/>
      <c r="EL11" s="63"/>
      <c r="EM11" s="63"/>
      <c r="EN11" s="63"/>
      <c r="EO11" s="63"/>
      <c r="EP11" s="63"/>
      <c r="EQ11" s="63"/>
      <c r="ER11" s="63"/>
      <c r="ES11" s="63"/>
      <c r="ET11" s="63"/>
      <c r="EU11" s="63"/>
      <c r="EV11" s="63"/>
      <c r="EW11" s="63"/>
      <c r="EX11" s="63"/>
      <c r="EY11" s="63"/>
      <c r="EZ11" s="63"/>
      <c r="FA11" s="63"/>
      <c r="FB11" s="63"/>
      <c r="FC11" s="63"/>
      <c r="FD11" s="63"/>
      <c r="FE11" s="63"/>
      <c r="FF11" s="63"/>
      <c r="FG11" s="63"/>
      <c r="FH11" s="63"/>
      <c r="FI11" s="63"/>
      <c r="FJ11" s="63"/>
      <c r="FK11" s="63"/>
      <c r="FL11" s="63"/>
      <c r="FM11" s="63"/>
      <c r="FN11" s="63"/>
      <c r="FO11" s="63"/>
      <c r="FP11" s="63"/>
      <c r="FQ11" s="63"/>
      <c r="FR11" s="63"/>
      <c r="FS11" s="63"/>
      <c r="FT11" s="63"/>
      <c r="FU11" s="63"/>
      <c r="FV11" s="63"/>
      <c r="FW11" s="63"/>
      <c r="FX11" s="63"/>
      <c r="FY11" s="63"/>
      <c r="FZ11" s="63"/>
      <c r="GA11" s="63"/>
      <c r="GB11" s="63"/>
      <c r="GC11" s="63"/>
      <c r="GD11" s="63"/>
      <c r="GE11" s="63"/>
      <c r="GF11" s="63"/>
      <c r="GG11" s="63"/>
      <c r="GH11" s="63"/>
      <c r="GI11" s="63"/>
      <c r="GJ11" s="63"/>
      <c r="GK11" s="63"/>
      <c r="GL11" s="63"/>
      <c r="GM11" s="63"/>
      <c r="GN11" s="63"/>
      <c r="GO11" s="63"/>
      <c r="GP11" s="63"/>
      <c r="GQ11" s="63"/>
      <c r="GR11" s="63"/>
      <c r="GS11" s="63"/>
      <c r="GT11" s="63"/>
      <c r="GU11" s="63"/>
      <c r="GV11" s="63"/>
      <c r="GW11" s="63"/>
      <c r="GX11" s="63"/>
      <c r="GY11" s="63"/>
      <c r="GZ11" s="63"/>
      <c r="HA11" s="63"/>
      <c r="HB11" s="63"/>
      <c r="HC11" s="63"/>
      <c r="HD11" s="63"/>
      <c r="HE11" s="63"/>
      <c r="HF11" s="63"/>
      <c r="HG11" s="63"/>
      <c r="HH11" s="63"/>
      <c r="HI11" s="63"/>
      <c r="HJ11" s="63"/>
      <c r="HK11" s="63"/>
      <c r="HL11" s="63"/>
      <c r="HM11" s="63"/>
      <c r="HN11" s="63"/>
      <c r="HO11" s="63"/>
      <c r="HP11" s="63"/>
      <c r="HQ11" s="63"/>
      <c r="HR11" s="63"/>
      <c r="HS11" s="63"/>
      <c r="HT11" s="63"/>
      <c r="HU11" s="63"/>
      <c r="HV11" s="63"/>
      <c r="HW11" s="63"/>
      <c r="HX11" s="63"/>
      <c r="HY11" s="63"/>
      <c r="HZ11" s="63"/>
      <c r="IA11" s="63"/>
      <c r="IB11" s="63"/>
      <c r="IC11" s="63"/>
      <c r="ID11" s="63"/>
      <c r="IE11" s="63"/>
      <c r="IF11" s="63"/>
      <c r="IG11" s="63"/>
      <c r="IH11" s="63"/>
      <c r="II11" s="63"/>
      <c r="IJ11" s="63"/>
      <c r="IK11" s="63"/>
      <c r="IL11" s="63"/>
      <c r="IM11" s="63"/>
      <c r="IN11" s="63"/>
      <c r="IO11" s="63"/>
      <c r="IP11" s="63"/>
      <c r="IQ11" s="63"/>
      <c r="IR11" s="63"/>
      <c r="IS11" s="63"/>
      <c r="IT11" s="63"/>
      <c r="IU11" s="63"/>
      <c r="IV11" s="63"/>
      <c r="IW11" s="63"/>
      <c r="IX11" s="63"/>
    </row>
    <row r="12" spans="1:258" ht="64.5" customHeight="1">
      <c r="A12" s="181"/>
      <c r="B12" s="181"/>
      <c r="C12" s="181"/>
      <c r="D12" s="181"/>
      <c r="E12" s="181"/>
      <c r="F12" s="181"/>
      <c r="G12" s="181"/>
      <c r="H12" s="181"/>
      <c r="I12" s="181"/>
      <c r="J12" s="181"/>
      <c r="K12" s="181"/>
      <c r="L12" s="182"/>
      <c r="M12" s="181"/>
      <c r="N12" s="181"/>
      <c r="O12" s="181"/>
      <c r="P12" s="181"/>
      <c r="Q12" s="181"/>
      <c r="R12" s="181"/>
      <c r="S12" s="181"/>
      <c r="T12" s="61"/>
      <c r="U12" s="61"/>
      <c r="V12" s="61"/>
      <c r="W12" s="61"/>
      <c r="X12" s="61"/>
      <c r="Y12" s="61"/>
      <c r="Z12" s="61"/>
      <c r="AA12" s="61"/>
      <c r="AB12" s="61"/>
      <c r="AC12" s="61"/>
      <c r="AD12" s="61"/>
      <c r="AE12" s="61"/>
      <c r="AF12" s="61"/>
      <c r="AG12" s="61"/>
      <c r="AH12" s="61"/>
      <c r="AI12" s="61"/>
      <c r="AJ12" s="61"/>
      <c r="AK12" s="61"/>
      <c r="AL12" s="61"/>
      <c r="AM12" s="61"/>
      <c r="AN12" s="61"/>
      <c r="AO12" s="61"/>
      <c r="AP12" s="61"/>
      <c r="AQ12" s="61"/>
      <c r="AR12" s="61"/>
      <c r="AS12" s="61"/>
      <c r="AT12" s="61"/>
      <c r="AU12" s="61"/>
      <c r="AV12" s="61"/>
      <c r="AW12" s="61"/>
      <c r="AX12" s="61"/>
      <c r="AY12" s="61"/>
      <c r="AZ12" s="61"/>
      <c r="BA12" s="61"/>
      <c r="BB12" s="61"/>
      <c r="BC12" s="61"/>
      <c r="BD12" s="61"/>
      <c r="BE12" s="61"/>
      <c r="BF12" s="61"/>
      <c r="BG12" s="61"/>
      <c r="BH12" s="61"/>
      <c r="BI12" s="61"/>
      <c r="BJ12" s="61"/>
      <c r="BK12" s="61"/>
      <c r="BL12" s="61"/>
      <c r="BM12" s="61"/>
      <c r="BN12" s="61"/>
      <c r="BO12" s="61"/>
      <c r="BP12" s="61"/>
      <c r="BQ12" s="61"/>
      <c r="BR12" s="61"/>
      <c r="BS12" s="61"/>
      <c r="BT12" s="61"/>
      <c r="BU12" s="61"/>
      <c r="BV12" s="61"/>
      <c r="BW12" s="61"/>
      <c r="BX12" s="61"/>
      <c r="BY12" s="61"/>
      <c r="BZ12" s="61"/>
      <c r="CA12" s="61"/>
      <c r="CB12" s="61"/>
      <c r="CC12" s="61"/>
      <c r="CD12" s="61"/>
      <c r="CE12" s="61"/>
      <c r="CF12" s="61"/>
      <c r="CG12" s="61"/>
      <c r="CH12" s="61"/>
      <c r="CI12" s="61"/>
      <c r="CJ12" s="61"/>
      <c r="CK12" s="61"/>
      <c r="CL12" s="61"/>
      <c r="CM12" s="61"/>
      <c r="CN12" s="61"/>
      <c r="CO12" s="61"/>
      <c r="CP12" s="61"/>
      <c r="CQ12" s="61"/>
      <c r="CR12" s="61"/>
      <c r="CS12" s="61"/>
      <c r="CT12" s="61"/>
      <c r="CU12" s="61"/>
      <c r="CV12" s="61"/>
      <c r="CW12" s="61"/>
      <c r="CX12" s="61"/>
      <c r="CY12" s="61"/>
      <c r="CZ12" s="61"/>
      <c r="DA12" s="61"/>
      <c r="DB12" s="61"/>
      <c r="DC12" s="61"/>
      <c r="DD12" s="61"/>
      <c r="DE12" s="61"/>
      <c r="DF12" s="61"/>
      <c r="DG12" s="61"/>
      <c r="DH12" s="61"/>
      <c r="DI12" s="61"/>
      <c r="DJ12" s="61"/>
      <c r="DK12" s="61"/>
      <c r="DL12" s="61"/>
      <c r="DM12" s="61"/>
      <c r="DN12" s="61"/>
      <c r="DO12" s="61"/>
      <c r="DP12" s="61"/>
      <c r="DQ12" s="61"/>
      <c r="DR12" s="61"/>
      <c r="DS12" s="61"/>
      <c r="DT12" s="61"/>
      <c r="DU12" s="61"/>
      <c r="DV12" s="61"/>
      <c r="DW12" s="61"/>
      <c r="DX12" s="61"/>
      <c r="DY12" s="61"/>
      <c r="DZ12" s="61"/>
      <c r="EA12" s="61"/>
      <c r="EB12" s="61"/>
      <c r="EC12" s="61"/>
      <c r="ED12" s="61"/>
      <c r="EE12" s="61"/>
      <c r="EF12" s="61"/>
      <c r="EG12" s="61"/>
      <c r="EH12" s="61"/>
      <c r="EI12" s="61"/>
      <c r="EJ12" s="61"/>
      <c r="EK12" s="61"/>
      <c r="EL12" s="61"/>
      <c r="EM12" s="61"/>
      <c r="EN12" s="61"/>
      <c r="EO12" s="61"/>
      <c r="EP12" s="61"/>
      <c r="EQ12" s="61"/>
      <c r="ER12" s="61"/>
      <c r="ES12" s="61"/>
      <c r="ET12" s="61"/>
      <c r="EU12" s="61"/>
      <c r="EV12" s="61"/>
      <c r="EW12" s="61"/>
      <c r="EX12" s="61"/>
      <c r="EY12" s="61"/>
      <c r="EZ12" s="61"/>
      <c r="FA12" s="61"/>
      <c r="FB12" s="61"/>
      <c r="FC12" s="61"/>
      <c r="FD12" s="61"/>
      <c r="FE12" s="61"/>
      <c r="FF12" s="61"/>
      <c r="FG12" s="61"/>
      <c r="FH12" s="61"/>
      <c r="FI12" s="61"/>
      <c r="FJ12" s="61"/>
      <c r="FK12" s="61"/>
      <c r="FL12" s="61"/>
      <c r="FM12" s="61"/>
      <c r="FN12" s="61"/>
      <c r="FO12" s="61"/>
      <c r="FP12" s="61"/>
      <c r="FQ12" s="61"/>
      <c r="FR12" s="61"/>
      <c r="FS12" s="61"/>
      <c r="FT12" s="61"/>
      <c r="FU12" s="61"/>
      <c r="FV12" s="61"/>
      <c r="FW12" s="61"/>
      <c r="FX12" s="61"/>
      <c r="FY12" s="61"/>
      <c r="FZ12" s="61"/>
      <c r="GA12" s="61"/>
      <c r="GB12" s="61"/>
      <c r="GC12" s="61"/>
      <c r="GD12" s="61"/>
      <c r="GE12" s="61"/>
      <c r="GF12" s="61"/>
      <c r="GG12" s="61"/>
      <c r="GH12" s="61"/>
      <c r="GI12" s="61"/>
      <c r="GJ12" s="61"/>
      <c r="GK12" s="61"/>
      <c r="GL12" s="61"/>
      <c r="GM12" s="61"/>
      <c r="GN12" s="61"/>
      <c r="GO12" s="61"/>
      <c r="GP12" s="61"/>
      <c r="GQ12" s="61"/>
      <c r="GR12" s="61"/>
      <c r="GS12" s="61"/>
      <c r="GT12" s="61"/>
      <c r="GU12" s="61"/>
      <c r="GV12" s="61"/>
      <c r="GW12" s="61"/>
      <c r="GX12" s="61"/>
      <c r="GY12" s="61"/>
      <c r="GZ12" s="61"/>
      <c r="HA12" s="61"/>
      <c r="HB12" s="61"/>
      <c r="HC12" s="61"/>
      <c r="HD12" s="61"/>
      <c r="HE12" s="61"/>
      <c r="HF12" s="61"/>
      <c r="HG12" s="61"/>
      <c r="HH12" s="61"/>
      <c r="HI12" s="61"/>
      <c r="HJ12" s="61"/>
      <c r="HK12" s="61"/>
      <c r="HL12" s="61"/>
      <c r="HM12" s="61"/>
      <c r="HN12" s="61"/>
      <c r="HO12" s="61"/>
      <c r="HP12" s="61"/>
      <c r="HQ12" s="61"/>
      <c r="HR12" s="61"/>
      <c r="HS12" s="61"/>
      <c r="HT12" s="61"/>
      <c r="HU12" s="61"/>
      <c r="HV12" s="61"/>
      <c r="HW12" s="61"/>
      <c r="HX12" s="61"/>
      <c r="HY12" s="61"/>
      <c r="HZ12" s="61"/>
      <c r="IA12" s="61"/>
      <c r="IB12" s="61"/>
      <c r="IC12" s="61"/>
      <c r="ID12" s="61"/>
      <c r="IE12" s="61"/>
      <c r="IF12" s="61"/>
      <c r="IG12" s="61"/>
      <c r="IH12" s="61"/>
      <c r="II12" s="61"/>
      <c r="IJ12" s="61"/>
      <c r="IK12" s="61"/>
      <c r="IL12" s="61"/>
      <c r="IM12" s="61"/>
      <c r="IN12" s="61"/>
      <c r="IO12" s="61"/>
      <c r="IP12" s="61"/>
      <c r="IQ12" s="61"/>
      <c r="IR12" s="61"/>
      <c r="IS12" s="61"/>
      <c r="IT12" s="61"/>
      <c r="IU12" s="61"/>
      <c r="IV12" s="61"/>
      <c r="IW12" s="61"/>
      <c r="IX12" s="61"/>
    </row>
    <row r="13" spans="1:258" ht="301.5" customHeight="1">
      <c r="A13" s="181"/>
      <c r="B13" s="181"/>
      <c r="C13" s="181"/>
      <c r="D13" s="181"/>
      <c r="E13" s="181"/>
      <c r="F13" s="181"/>
      <c r="G13" s="181"/>
      <c r="H13" s="181"/>
      <c r="I13" s="181"/>
      <c r="J13" s="181"/>
      <c r="K13" s="181"/>
      <c r="L13" s="182"/>
      <c r="M13" s="181"/>
      <c r="N13" s="181"/>
      <c r="O13" s="181"/>
      <c r="P13" s="181"/>
      <c r="Q13" s="181"/>
      <c r="R13" s="181"/>
      <c r="S13" s="181"/>
      <c r="T13" s="61"/>
      <c r="U13" s="61"/>
      <c r="V13" s="61"/>
      <c r="W13" s="61"/>
      <c r="X13" s="61"/>
      <c r="Y13" s="61"/>
      <c r="Z13" s="61"/>
      <c r="AA13" s="61"/>
      <c r="AB13" s="61"/>
      <c r="AC13" s="61"/>
      <c r="AD13" s="61"/>
      <c r="AE13" s="61"/>
      <c r="AF13" s="61"/>
      <c r="AG13" s="61"/>
      <c r="AH13" s="61"/>
      <c r="AI13" s="61"/>
      <c r="AJ13" s="61"/>
      <c r="AK13" s="61"/>
      <c r="AL13" s="61"/>
      <c r="AM13" s="61"/>
      <c r="AN13" s="61"/>
      <c r="AO13" s="61"/>
      <c r="AP13" s="61"/>
      <c r="AQ13" s="61"/>
      <c r="AR13" s="61"/>
      <c r="AS13" s="61"/>
      <c r="AT13" s="61"/>
      <c r="AU13" s="61"/>
      <c r="AV13" s="61"/>
      <c r="AW13" s="61"/>
      <c r="AX13" s="61"/>
      <c r="AY13" s="61"/>
      <c r="AZ13" s="61"/>
      <c r="BA13" s="61"/>
      <c r="BB13" s="61"/>
      <c r="BC13" s="61"/>
      <c r="BD13" s="61"/>
      <c r="BE13" s="61"/>
      <c r="BF13" s="61"/>
      <c r="BG13" s="61"/>
      <c r="BH13" s="61"/>
      <c r="BI13" s="61"/>
      <c r="BJ13" s="61"/>
      <c r="BK13" s="61"/>
      <c r="BL13" s="61"/>
      <c r="BM13" s="61"/>
      <c r="BN13" s="61"/>
      <c r="BO13" s="61"/>
      <c r="BP13" s="61"/>
      <c r="BQ13" s="61"/>
      <c r="BR13" s="61"/>
      <c r="BS13" s="61"/>
      <c r="BT13" s="61"/>
      <c r="BU13" s="61"/>
      <c r="BV13" s="61"/>
      <c r="BW13" s="61"/>
      <c r="BX13" s="61"/>
      <c r="BY13" s="61"/>
      <c r="BZ13" s="61"/>
      <c r="CA13" s="61"/>
      <c r="CB13" s="61"/>
      <c r="CC13" s="61"/>
      <c r="CD13" s="61"/>
      <c r="CE13" s="61"/>
      <c r="CF13" s="61"/>
      <c r="CG13" s="61"/>
      <c r="CH13" s="61"/>
      <c r="CI13" s="61"/>
      <c r="CJ13" s="61"/>
      <c r="CK13" s="61"/>
      <c r="CL13" s="61"/>
      <c r="CM13" s="61"/>
      <c r="CN13" s="61"/>
      <c r="CO13" s="61"/>
      <c r="CP13" s="61"/>
      <c r="CQ13" s="61"/>
      <c r="CR13" s="61"/>
      <c r="CS13" s="61"/>
      <c r="CT13" s="61"/>
      <c r="CU13" s="61"/>
      <c r="CV13" s="61"/>
      <c r="CW13" s="61"/>
      <c r="CX13" s="61"/>
      <c r="CY13" s="61"/>
      <c r="CZ13" s="61"/>
      <c r="DA13" s="61"/>
      <c r="DB13" s="61"/>
      <c r="DC13" s="61"/>
      <c r="DD13" s="61"/>
      <c r="DE13" s="61"/>
      <c r="DF13" s="61"/>
      <c r="DG13" s="61"/>
      <c r="DH13" s="61"/>
      <c r="DI13" s="61"/>
      <c r="DJ13" s="61"/>
      <c r="DK13" s="61"/>
      <c r="DL13" s="61"/>
      <c r="DM13" s="61"/>
      <c r="DN13" s="61"/>
      <c r="DO13" s="61"/>
      <c r="DP13" s="61"/>
      <c r="DQ13" s="61"/>
      <c r="DR13" s="61"/>
      <c r="DS13" s="61"/>
      <c r="DT13" s="61"/>
      <c r="DU13" s="61"/>
      <c r="DV13" s="61"/>
      <c r="DW13" s="61"/>
      <c r="DX13" s="61"/>
      <c r="DY13" s="61"/>
      <c r="DZ13" s="61"/>
      <c r="EA13" s="61"/>
      <c r="EB13" s="61"/>
      <c r="EC13" s="61"/>
      <c r="ED13" s="61"/>
      <c r="EE13" s="61"/>
      <c r="EF13" s="61"/>
      <c r="EG13" s="61"/>
      <c r="EH13" s="61"/>
      <c r="EI13" s="61"/>
      <c r="EJ13" s="61"/>
      <c r="EK13" s="61"/>
      <c r="EL13" s="61"/>
      <c r="EM13" s="61"/>
      <c r="EN13" s="61"/>
      <c r="EO13" s="61"/>
      <c r="EP13" s="61"/>
      <c r="EQ13" s="61"/>
      <c r="ER13" s="61"/>
      <c r="ES13" s="61"/>
      <c r="ET13" s="61"/>
      <c r="EU13" s="61"/>
      <c r="EV13" s="61"/>
      <c r="EW13" s="61"/>
      <c r="EX13" s="61"/>
      <c r="EY13" s="61"/>
      <c r="EZ13" s="61"/>
      <c r="FA13" s="61"/>
      <c r="FB13" s="61"/>
      <c r="FC13" s="61"/>
      <c r="FD13" s="61"/>
      <c r="FE13" s="61"/>
      <c r="FF13" s="61"/>
      <c r="FG13" s="61"/>
      <c r="FH13" s="61"/>
      <c r="FI13" s="61"/>
      <c r="FJ13" s="61"/>
      <c r="FK13" s="61"/>
      <c r="FL13" s="61"/>
      <c r="FM13" s="61"/>
      <c r="FN13" s="61"/>
      <c r="FO13" s="61"/>
      <c r="FP13" s="61"/>
      <c r="FQ13" s="61"/>
      <c r="FR13" s="61"/>
      <c r="FS13" s="61"/>
      <c r="FT13" s="61"/>
      <c r="FU13" s="61"/>
      <c r="FV13" s="61"/>
      <c r="FW13" s="61"/>
      <c r="FX13" s="61"/>
      <c r="FY13" s="61"/>
      <c r="FZ13" s="61"/>
      <c r="GA13" s="61"/>
      <c r="GB13" s="61"/>
      <c r="GC13" s="61"/>
      <c r="GD13" s="61"/>
      <c r="GE13" s="61"/>
      <c r="GF13" s="61"/>
      <c r="GG13" s="61"/>
      <c r="GH13" s="61"/>
      <c r="GI13" s="61"/>
      <c r="GJ13" s="61"/>
      <c r="GK13" s="61"/>
      <c r="GL13" s="61"/>
      <c r="GM13" s="61"/>
      <c r="GN13" s="61"/>
      <c r="GO13" s="61"/>
      <c r="GP13" s="61"/>
      <c r="GQ13" s="61"/>
      <c r="GR13" s="61"/>
      <c r="GS13" s="61"/>
      <c r="GT13" s="61"/>
      <c r="GU13" s="61"/>
      <c r="GV13" s="61"/>
      <c r="GW13" s="61"/>
      <c r="GX13" s="61"/>
      <c r="GY13" s="61"/>
      <c r="GZ13" s="61"/>
      <c r="HA13" s="61"/>
      <c r="HB13" s="61"/>
      <c r="HC13" s="61"/>
      <c r="HD13" s="61"/>
      <c r="HE13" s="61"/>
      <c r="HF13" s="61"/>
      <c r="HG13" s="61"/>
      <c r="HH13" s="61"/>
      <c r="HI13" s="61"/>
      <c r="HJ13" s="61"/>
      <c r="HK13" s="61"/>
      <c r="HL13" s="61"/>
      <c r="HM13" s="61"/>
      <c r="HN13" s="61"/>
      <c r="HO13" s="61"/>
      <c r="HP13" s="61"/>
      <c r="HQ13" s="61"/>
      <c r="HR13" s="61"/>
      <c r="HS13" s="61"/>
      <c r="HT13" s="61"/>
      <c r="HU13" s="61"/>
      <c r="HV13" s="61"/>
      <c r="HW13" s="61"/>
      <c r="HX13" s="61"/>
      <c r="HY13" s="61"/>
      <c r="HZ13" s="61"/>
      <c r="IA13" s="61"/>
      <c r="IB13" s="61"/>
      <c r="IC13" s="61"/>
      <c r="ID13" s="61"/>
      <c r="IE13" s="61"/>
      <c r="IF13" s="61"/>
      <c r="IG13" s="61"/>
      <c r="IH13" s="61"/>
      <c r="II13" s="61"/>
      <c r="IJ13" s="61"/>
      <c r="IK13" s="61"/>
      <c r="IL13" s="61"/>
      <c r="IM13" s="61"/>
      <c r="IN13" s="61"/>
      <c r="IO13" s="61"/>
      <c r="IP13" s="61"/>
      <c r="IQ13" s="61"/>
      <c r="IR13" s="61"/>
      <c r="IS13" s="61"/>
      <c r="IT13" s="61"/>
      <c r="IU13" s="61"/>
      <c r="IV13" s="61"/>
      <c r="IW13" s="61"/>
      <c r="IX13" s="61"/>
    </row>
    <row r="14" spans="1:258" ht="370.5" customHeight="1">
      <c r="A14" s="181"/>
      <c r="B14" s="181"/>
      <c r="C14" s="181"/>
      <c r="D14" s="181"/>
      <c r="E14" s="181"/>
      <c r="F14" s="181"/>
      <c r="G14" s="181"/>
      <c r="H14" s="181"/>
      <c r="I14" s="181"/>
      <c r="J14" s="181"/>
      <c r="K14" s="181"/>
      <c r="L14" s="182"/>
      <c r="M14" s="181"/>
      <c r="N14" s="181"/>
      <c r="O14" s="181"/>
      <c r="P14" s="181"/>
      <c r="Q14" s="181"/>
      <c r="R14" s="181"/>
      <c r="S14" s="181"/>
      <c r="T14" s="61"/>
      <c r="U14" s="61"/>
      <c r="V14" s="61"/>
      <c r="W14" s="61"/>
      <c r="X14" s="61"/>
      <c r="Y14" s="61"/>
      <c r="Z14" s="61"/>
      <c r="AA14" s="61"/>
      <c r="AB14" s="61"/>
      <c r="AC14" s="61"/>
      <c r="AD14" s="61"/>
      <c r="AE14" s="61"/>
      <c r="AF14" s="61"/>
      <c r="AG14" s="61"/>
      <c r="AH14" s="61"/>
      <c r="AI14" s="61"/>
      <c r="AJ14" s="61"/>
      <c r="AK14" s="61"/>
      <c r="AL14" s="61"/>
      <c r="AM14" s="61"/>
      <c r="AN14" s="61"/>
      <c r="AO14" s="61"/>
      <c r="AP14" s="61"/>
      <c r="AQ14" s="61"/>
      <c r="AR14" s="61"/>
      <c r="AS14" s="61"/>
      <c r="AT14" s="61"/>
      <c r="AU14" s="61"/>
      <c r="AV14" s="61"/>
      <c r="AW14" s="61"/>
      <c r="AX14" s="61"/>
      <c r="AY14" s="61"/>
      <c r="AZ14" s="61"/>
      <c r="BA14" s="61"/>
      <c r="BB14" s="61"/>
      <c r="BC14" s="61"/>
      <c r="BD14" s="61"/>
      <c r="BE14" s="61"/>
      <c r="BF14" s="61"/>
      <c r="BG14" s="61"/>
      <c r="BH14" s="61"/>
      <c r="BI14" s="61"/>
      <c r="BJ14" s="61"/>
      <c r="BK14" s="61"/>
      <c r="BL14" s="61"/>
      <c r="BM14" s="61"/>
      <c r="BN14" s="61"/>
      <c r="BO14" s="61"/>
      <c r="BP14" s="61"/>
      <c r="BQ14" s="61"/>
      <c r="BR14" s="61"/>
      <c r="BS14" s="61"/>
      <c r="BT14" s="61"/>
      <c r="BU14" s="61"/>
      <c r="BV14" s="61"/>
      <c r="BW14" s="61"/>
      <c r="BX14" s="61"/>
      <c r="BY14" s="61"/>
      <c r="BZ14" s="61"/>
      <c r="CA14" s="61"/>
      <c r="CB14" s="61"/>
      <c r="CC14" s="61"/>
      <c r="CD14" s="61"/>
      <c r="CE14" s="61"/>
      <c r="CF14" s="61"/>
      <c r="CG14" s="61"/>
      <c r="CH14" s="61"/>
      <c r="CI14" s="61"/>
      <c r="CJ14" s="61"/>
      <c r="CK14" s="61"/>
      <c r="CL14" s="61"/>
      <c r="CM14" s="61"/>
      <c r="CN14" s="61"/>
      <c r="CO14" s="61"/>
      <c r="CP14" s="61"/>
      <c r="CQ14" s="61"/>
      <c r="CR14" s="61"/>
      <c r="CS14" s="61"/>
      <c r="CT14" s="61"/>
      <c r="CU14" s="61"/>
      <c r="CV14" s="61"/>
      <c r="CW14" s="61"/>
      <c r="CX14" s="61"/>
      <c r="CY14" s="61"/>
      <c r="CZ14" s="61"/>
      <c r="DA14" s="61"/>
      <c r="DB14" s="61"/>
      <c r="DC14" s="61"/>
      <c r="DD14" s="61"/>
      <c r="DE14" s="61"/>
      <c r="DF14" s="61"/>
      <c r="DG14" s="61"/>
      <c r="DH14" s="61"/>
      <c r="DI14" s="61"/>
      <c r="DJ14" s="61"/>
      <c r="DK14" s="61"/>
      <c r="DL14" s="61"/>
      <c r="DM14" s="61"/>
      <c r="DN14" s="61"/>
      <c r="DO14" s="61"/>
      <c r="DP14" s="61"/>
      <c r="DQ14" s="61"/>
      <c r="DR14" s="61"/>
      <c r="DS14" s="61"/>
      <c r="DT14" s="61"/>
      <c r="DU14" s="61"/>
      <c r="DV14" s="61"/>
      <c r="DW14" s="61"/>
      <c r="DX14" s="61"/>
      <c r="DY14" s="61"/>
      <c r="DZ14" s="61"/>
      <c r="EA14" s="61"/>
      <c r="EB14" s="61"/>
      <c r="EC14" s="61"/>
      <c r="ED14" s="61"/>
      <c r="EE14" s="61"/>
      <c r="EF14" s="61"/>
      <c r="EG14" s="61"/>
      <c r="EH14" s="61"/>
      <c r="EI14" s="61"/>
      <c r="EJ14" s="61"/>
      <c r="EK14" s="61"/>
      <c r="EL14" s="61"/>
      <c r="EM14" s="61"/>
      <c r="EN14" s="61"/>
      <c r="EO14" s="61"/>
      <c r="EP14" s="61"/>
      <c r="EQ14" s="61"/>
      <c r="ER14" s="61"/>
      <c r="ES14" s="61"/>
      <c r="ET14" s="61"/>
      <c r="EU14" s="61"/>
      <c r="EV14" s="61"/>
      <c r="EW14" s="61"/>
      <c r="EX14" s="61"/>
      <c r="EY14" s="61"/>
      <c r="EZ14" s="61"/>
      <c r="FA14" s="61"/>
      <c r="FB14" s="61"/>
      <c r="FC14" s="61"/>
      <c r="FD14" s="61"/>
      <c r="FE14" s="61"/>
      <c r="FF14" s="61"/>
      <c r="FG14" s="61"/>
      <c r="FH14" s="61"/>
      <c r="FI14" s="61"/>
      <c r="FJ14" s="61"/>
      <c r="FK14" s="61"/>
      <c r="FL14" s="61"/>
      <c r="FM14" s="61"/>
      <c r="FN14" s="61"/>
      <c r="FO14" s="61"/>
      <c r="FP14" s="61"/>
      <c r="FQ14" s="61"/>
      <c r="FR14" s="61"/>
      <c r="FS14" s="61"/>
      <c r="FT14" s="61"/>
      <c r="FU14" s="61"/>
      <c r="FV14" s="61"/>
      <c r="FW14" s="61"/>
      <c r="FX14" s="61"/>
      <c r="FY14" s="61"/>
      <c r="FZ14" s="61"/>
      <c r="GA14" s="61"/>
      <c r="GB14" s="61"/>
      <c r="GC14" s="61"/>
      <c r="GD14" s="61"/>
      <c r="GE14" s="61"/>
      <c r="GF14" s="61"/>
      <c r="GG14" s="61"/>
      <c r="GH14" s="61"/>
      <c r="GI14" s="61"/>
      <c r="GJ14" s="61"/>
      <c r="GK14" s="61"/>
      <c r="GL14" s="61"/>
      <c r="GM14" s="61"/>
      <c r="GN14" s="61"/>
      <c r="GO14" s="61"/>
      <c r="GP14" s="61"/>
      <c r="GQ14" s="61"/>
      <c r="GR14" s="61"/>
      <c r="GS14" s="61"/>
      <c r="GT14" s="61"/>
      <c r="GU14" s="61"/>
      <c r="GV14" s="61"/>
      <c r="GW14" s="61"/>
      <c r="GX14" s="61"/>
      <c r="GY14" s="61"/>
      <c r="GZ14" s="61"/>
      <c r="HA14" s="61"/>
      <c r="HB14" s="61"/>
      <c r="HC14" s="61"/>
      <c r="HD14" s="61"/>
      <c r="HE14" s="61"/>
      <c r="HF14" s="61"/>
      <c r="HG14" s="61"/>
      <c r="HH14" s="61"/>
      <c r="HI14" s="61"/>
      <c r="HJ14" s="61"/>
      <c r="HK14" s="61"/>
      <c r="HL14" s="61"/>
      <c r="HM14" s="61"/>
      <c r="HN14" s="61"/>
      <c r="HO14" s="61"/>
      <c r="HP14" s="61"/>
      <c r="HQ14" s="61"/>
      <c r="HR14" s="61"/>
      <c r="HS14" s="61"/>
      <c r="HT14" s="61"/>
      <c r="HU14" s="61"/>
      <c r="HV14" s="61"/>
      <c r="HW14" s="61"/>
      <c r="HX14" s="61"/>
      <c r="HY14" s="61"/>
      <c r="HZ14" s="61"/>
      <c r="IA14" s="61"/>
      <c r="IB14" s="61"/>
      <c r="IC14" s="61"/>
      <c r="ID14" s="61"/>
      <c r="IE14" s="61"/>
      <c r="IF14" s="61"/>
      <c r="IG14" s="61"/>
      <c r="IH14" s="61"/>
      <c r="II14" s="61"/>
      <c r="IJ14" s="61"/>
      <c r="IK14" s="61"/>
      <c r="IL14" s="61"/>
      <c r="IM14" s="61"/>
      <c r="IN14" s="61"/>
      <c r="IO14" s="61"/>
      <c r="IP14" s="61"/>
      <c r="IQ14" s="61"/>
      <c r="IR14" s="61"/>
      <c r="IS14" s="61"/>
      <c r="IT14" s="61"/>
      <c r="IU14" s="61"/>
      <c r="IV14" s="61"/>
      <c r="IW14" s="61"/>
      <c r="IX14" s="61"/>
    </row>
    <row r="15" spans="1:258" ht="301.5" customHeight="1" thickBot="1">
      <c r="A15" s="181"/>
      <c r="B15" s="181"/>
      <c r="C15" s="181"/>
      <c r="D15" s="181"/>
      <c r="E15" s="181"/>
      <c r="F15" s="181"/>
      <c r="G15" s="181"/>
      <c r="H15" s="181"/>
      <c r="I15" s="181"/>
      <c r="J15" s="181"/>
      <c r="K15" s="181"/>
      <c r="L15" s="182"/>
      <c r="M15" s="181"/>
      <c r="N15" s="181"/>
      <c r="O15" s="181"/>
      <c r="P15" s="181"/>
      <c r="Q15" s="181"/>
      <c r="R15" s="181"/>
      <c r="S15" s="181"/>
      <c r="T15" s="61"/>
      <c r="U15" s="61"/>
      <c r="V15" s="61"/>
      <c r="W15" s="61"/>
      <c r="X15" s="61"/>
      <c r="Y15" s="61"/>
      <c r="Z15" s="61"/>
      <c r="AA15" s="61"/>
      <c r="AB15" s="61"/>
      <c r="AC15" s="61"/>
      <c r="AD15" s="61"/>
      <c r="AE15" s="61"/>
      <c r="AF15" s="61"/>
      <c r="AG15" s="61"/>
      <c r="AH15" s="61"/>
      <c r="AI15" s="61"/>
      <c r="AJ15" s="61"/>
      <c r="AK15" s="61"/>
      <c r="AL15" s="61"/>
      <c r="AM15" s="61"/>
      <c r="AN15" s="61"/>
      <c r="AO15" s="61"/>
      <c r="AP15" s="61"/>
      <c r="AQ15" s="61"/>
      <c r="AR15" s="61"/>
      <c r="AS15" s="61"/>
      <c r="AT15" s="61"/>
      <c r="AU15" s="61"/>
      <c r="AV15" s="61"/>
      <c r="AW15" s="61"/>
      <c r="AX15" s="61"/>
      <c r="AY15" s="61"/>
      <c r="AZ15" s="61"/>
      <c r="BA15" s="61"/>
      <c r="BB15" s="61"/>
      <c r="BC15" s="61"/>
      <c r="BD15" s="61"/>
      <c r="BE15" s="61"/>
      <c r="BF15" s="61"/>
      <c r="BG15" s="61"/>
      <c r="BH15" s="61"/>
      <c r="BI15" s="61"/>
      <c r="BJ15" s="61"/>
      <c r="BK15" s="61"/>
      <c r="BL15" s="61"/>
      <c r="BM15" s="61"/>
      <c r="BN15" s="61"/>
      <c r="BO15" s="61"/>
      <c r="BP15" s="61"/>
      <c r="BQ15" s="61"/>
      <c r="BR15" s="61"/>
      <c r="BS15" s="61"/>
      <c r="BT15" s="61"/>
      <c r="BU15" s="61"/>
      <c r="BV15" s="61"/>
      <c r="BW15" s="61"/>
      <c r="BX15" s="61"/>
      <c r="BY15" s="61"/>
      <c r="BZ15" s="61"/>
      <c r="CA15" s="61"/>
      <c r="CB15" s="61"/>
      <c r="CC15" s="61"/>
      <c r="CD15" s="61"/>
      <c r="CE15" s="61"/>
      <c r="CF15" s="61"/>
      <c r="CG15" s="61"/>
      <c r="CH15" s="61"/>
      <c r="CI15" s="61"/>
      <c r="CJ15" s="61"/>
      <c r="CK15" s="61"/>
      <c r="CL15" s="61"/>
      <c r="CM15" s="61"/>
      <c r="CN15" s="61"/>
      <c r="CO15" s="61"/>
      <c r="CP15" s="61"/>
      <c r="CQ15" s="61"/>
      <c r="CR15" s="61"/>
      <c r="CS15" s="61"/>
      <c r="CT15" s="61"/>
      <c r="CU15" s="61"/>
      <c r="CV15" s="61"/>
      <c r="CW15" s="61"/>
      <c r="CX15" s="61"/>
      <c r="CY15" s="61"/>
      <c r="CZ15" s="61"/>
      <c r="DA15" s="61"/>
      <c r="DB15" s="61"/>
      <c r="DC15" s="61"/>
      <c r="DD15" s="61"/>
      <c r="DE15" s="61"/>
      <c r="DF15" s="61"/>
      <c r="DG15" s="61"/>
      <c r="DH15" s="61"/>
      <c r="DI15" s="61"/>
      <c r="DJ15" s="61"/>
      <c r="DK15" s="61"/>
      <c r="DL15" s="61"/>
      <c r="DM15" s="61"/>
      <c r="DN15" s="61"/>
      <c r="DO15" s="61"/>
      <c r="DP15" s="61"/>
      <c r="DQ15" s="61"/>
      <c r="DR15" s="61"/>
      <c r="DS15" s="61"/>
      <c r="DT15" s="61"/>
      <c r="DU15" s="61"/>
      <c r="DV15" s="61"/>
      <c r="DW15" s="61"/>
      <c r="DX15" s="61"/>
      <c r="DY15" s="61"/>
      <c r="DZ15" s="61"/>
      <c r="EA15" s="61"/>
      <c r="EB15" s="61"/>
      <c r="EC15" s="61"/>
      <c r="ED15" s="61"/>
      <c r="EE15" s="61"/>
      <c r="EF15" s="61"/>
      <c r="EG15" s="61"/>
      <c r="EH15" s="61"/>
      <c r="EI15" s="61"/>
      <c r="EJ15" s="61"/>
      <c r="EK15" s="61"/>
      <c r="EL15" s="61"/>
      <c r="EM15" s="61"/>
      <c r="EN15" s="61"/>
      <c r="EO15" s="61"/>
      <c r="EP15" s="61"/>
      <c r="EQ15" s="61"/>
      <c r="ER15" s="61"/>
      <c r="ES15" s="61"/>
      <c r="ET15" s="61"/>
      <c r="EU15" s="61"/>
      <c r="EV15" s="61"/>
      <c r="EW15" s="61"/>
      <c r="EX15" s="61"/>
      <c r="EY15" s="61"/>
      <c r="EZ15" s="61"/>
      <c r="FA15" s="61"/>
      <c r="FB15" s="61"/>
      <c r="FC15" s="61"/>
      <c r="FD15" s="61"/>
      <c r="FE15" s="61"/>
      <c r="FF15" s="61"/>
      <c r="FG15" s="61"/>
      <c r="FH15" s="61"/>
      <c r="FI15" s="61"/>
      <c r="FJ15" s="61"/>
      <c r="FK15" s="61"/>
      <c r="FL15" s="61"/>
      <c r="FM15" s="61"/>
      <c r="FN15" s="61"/>
      <c r="FO15" s="61"/>
      <c r="FP15" s="61"/>
      <c r="FQ15" s="61"/>
      <c r="FR15" s="61"/>
      <c r="FS15" s="61"/>
      <c r="FT15" s="61"/>
      <c r="FU15" s="61"/>
      <c r="FV15" s="61"/>
      <c r="FW15" s="61"/>
      <c r="FX15" s="61"/>
      <c r="FY15" s="61"/>
      <c r="FZ15" s="61"/>
      <c r="GA15" s="61"/>
      <c r="GB15" s="61"/>
      <c r="GC15" s="61"/>
      <c r="GD15" s="61"/>
      <c r="GE15" s="61"/>
      <c r="GF15" s="61"/>
      <c r="GG15" s="61"/>
      <c r="GH15" s="61"/>
      <c r="GI15" s="61"/>
      <c r="GJ15" s="61"/>
      <c r="GK15" s="61"/>
      <c r="GL15" s="61"/>
      <c r="GM15" s="61"/>
      <c r="GN15" s="61"/>
      <c r="GO15" s="61"/>
      <c r="GP15" s="61"/>
      <c r="GQ15" s="61"/>
      <c r="GR15" s="61"/>
      <c r="GS15" s="61"/>
      <c r="GT15" s="61"/>
      <c r="GU15" s="61"/>
      <c r="GV15" s="61"/>
      <c r="GW15" s="61"/>
      <c r="GX15" s="61"/>
      <c r="GY15" s="61"/>
      <c r="GZ15" s="61"/>
      <c r="HA15" s="61"/>
      <c r="HB15" s="61"/>
      <c r="HC15" s="61"/>
      <c r="HD15" s="61"/>
      <c r="HE15" s="61"/>
      <c r="HF15" s="61"/>
      <c r="HG15" s="61"/>
      <c r="HH15" s="61"/>
      <c r="HI15" s="61"/>
      <c r="HJ15" s="61"/>
      <c r="HK15" s="61"/>
      <c r="HL15" s="61"/>
      <c r="HM15" s="61"/>
      <c r="HN15" s="61"/>
      <c r="HO15" s="61"/>
      <c r="HP15" s="61"/>
      <c r="HQ15" s="61"/>
      <c r="HR15" s="61"/>
      <c r="HS15" s="61"/>
      <c r="HT15" s="61"/>
      <c r="HU15" s="61"/>
      <c r="HV15" s="61"/>
      <c r="HW15" s="61"/>
      <c r="HX15" s="61"/>
      <c r="HY15" s="61"/>
      <c r="HZ15" s="61"/>
      <c r="IA15" s="61"/>
      <c r="IB15" s="61"/>
      <c r="IC15" s="61"/>
      <c r="ID15" s="61"/>
      <c r="IE15" s="61"/>
      <c r="IF15" s="61"/>
      <c r="IG15" s="61"/>
      <c r="IH15" s="61"/>
      <c r="II15" s="61"/>
      <c r="IJ15" s="61"/>
      <c r="IK15" s="61"/>
      <c r="IL15" s="61"/>
      <c r="IM15" s="61"/>
      <c r="IN15" s="61"/>
      <c r="IO15" s="61"/>
      <c r="IP15" s="61"/>
      <c r="IQ15" s="61"/>
      <c r="IR15" s="61"/>
      <c r="IS15" s="61"/>
      <c r="IT15" s="61"/>
      <c r="IU15" s="61"/>
      <c r="IV15" s="61"/>
      <c r="IW15" s="61"/>
      <c r="IX15" s="61"/>
    </row>
    <row r="16" spans="1:258" ht="135" customHeight="1" thickBot="1">
      <c r="A16" s="187"/>
      <c r="B16" s="188" t="s">
        <v>12</v>
      </c>
      <c r="C16" s="189"/>
      <c r="D16" s="189"/>
      <c r="E16" s="189"/>
      <c r="F16" s="189"/>
      <c r="G16" s="189"/>
      <c r="H16" s="189"/>
      <c r="I16" s="205" t="e">
        <f>IF(#REF! = "","",#REF!)</f>
        <v>#REF!</v>
      </c>
      <c r="J16" s="189"/>
      <c r="K16" s="189"/>
      <c r="L16" s="190"/>
      <c r="M16" s="197"/>
      <c r="N16" s="433" t="s">
        <v>13</v>
      </c>
      <c r="O16" s="434"/>
      <c r="P16" s="435"/>
      <c r="Q16" s="187"/>
      <c r="R16" s="187"/>
      <c r="S16" s="210" t="s">
        <v>403</v>
      </c>
      <c r="T16" s="61"/>
      <c r="U16" s="61"/>
      <c r="V16" s="61"/>
      <c r="W16" s="61"/>
      <c r="X16" s="61"/>
      <c r="Y16" s="61"/>
      <c r="Z16" s="61"/>
      <c r="AA16" s="61"/>
      <c r="AB16" s="61"/>
      <c r="AC16" s="61"/>
      <c r="AD16" s="61"/>
      <c r="AE16" s="61"/>
      <c r="AF16" s="61"/>
      <c r="AG16" s="61"/>
      <c r="AH16" s="61"/>
      <c r="AI16" s="61"/>
      <c r="AJ16" s="61"/>
      <c r="AK16" s="61"/>
      <c r="AL16" s="61"/>
      <c r="AM16" s="61"/>
      <c r="AN16" s="61"/>
      <c r="AO16" s="61"/>
      <c r="AP16" s="61"/>
      <c r="AQ16" s="61"/>
      <c r="AR16" s="61"/>
      <c r="AS16" s="61"/>
      <c r="AT16" s="61"/>
      <c r="AU16" s="61"/>
      <c r="AV16" s="61"/>
      <c r="AW16" s="61"/>
      <c r="AX16" s="61"/>
      <c r="AY16" s="61"/>
      <c r="AZ16" s="61"/>
      <c r="BA16" s="61"/>
      <c r="BB16" s="61"/>
      <c r="BC16" s="61"/>
      <c r="BD16" s="61"/>
      <c r="BE16" s="61"/>
      <c r="BF16" s="61"/>
      <c r="BG16" s="61"/>
      <c r="BH16" s="61"/>
      <c r="BI16" s="61"/>
      <c r="BJ16" s="61"/>
      <c r="BK16" s="61"/>
      <c r="BL16" s="61"/>
      <c r="BM16" s="61"/>
      <c r="BN16" s="61"/>
      <c r="BO16" s="61"/>
      <c r="BP16" s="61"/>
      <c r="BQ16" s="61"/>
      <c r="BR16" s="61"/>
      <c r="BS16" s="61"/>
      <c r="BT16" s="61"/>
      <c r="BU16" s="61"/>
      <c r="BV16" s="61"/>
      <c r="BW16" s="61"/>
      <c r="BX16" s="61"/>
      <c r="BY16" s="61"/>
      <c r="BZ16" s="61"/>
      <c r="CA16" s="61"/>
      <c r="CB16" s="61"/>
      <c r="CC16" s="61"/>
      <c r="CD16" s="61"/>
      <c r="CE16" s="61"/>
      <c r="CF16" s="61"/>
      <c r="CG16" s="61"/>
      <c r="CH16" s="61"/>
      <c r="CI16" s="61"/>
      <c r="CJ16" s="61"/>
      <c r="CK16" s="61"/>
      <c r="CL16" s="61"/>
      <c r="CM16" s="61"/>
      <c r="CN16" s="61"/>
      <c r="CO16" s="61"/>
      <c r="CP16" s="61"/>
      <c r="CQ16" s="61"/>
      <c r="CR16" s="61"/>
      <c r="CS16" s="61"/>
      <c r="CT16" s="61"/>
      <c r="CU16" s="61"/>
      <c r="CV16" s="61"/>
      <c r="CW16" s="61"/>
      <c r="CX16" s="61"/>
      <c r="CY16" s="61"/>
      <c r="CZ16" s="61"/>
      <c r="DA16" s="61"/>
      <c r="DB16" s="61"/>
      <c r="DC16" s="61"/>
      <c r="DD16" s="61"/>
      <c r="DE16" s="61"/>
      <c r="DF16" s="61"/>
      <c r="DG16" s="61"/>
      <c r="DH16" s="61"/>
      <c r="DI16" s="61"/>
      <c r="DJ16" s="61"/>
      <c r="DK16" s="61"/>
      <c r="DL16" s="61"/>
      <c r="DM16" s="61"/>
      <c r="DN16" s="61"/>
      <c r="DO16" s="61"/>
      <c r="DP16" s="61"/>
      <c r="DQ16" s="61"/>
      <c r="DR16" s="61"/>
      <c r="DS16" s="61"/>
      <c r="DT16" s="61"/>
      <c r="DU16" s="61"/>
      <c r="DV16" s="61"/>
      <c r="DW16" s="61"/>
      <c r="DX16" s="61"/>
      <c r="DY16" s="61"/>
      <c r="DZ16" s="61"/>
      <c r="EA16" s="61"/>
      <c r="EB16" s="61"/>
      <c r="EC16" s="61"/>
      <c r="ED16" s="61"/>
      <c r="EE16" s="61"/>
      <c r="EF16" s="61"/>
      <c r="EG16" s="61"/>
      <c r="EH16" s="61"/>
      <c r="EI16" s="61"/>
      <c r="EJ16" s="61"/>
      <c r="EK16" s="61"/>
      <c r="EL16" s="61"/>
      <c r="EM16" s="61"/>
      <c r="EN16" s="61"/>
      <c r="EO16" s="61"/>
      <c r="EP16" s="61"/>
      <c r="EQ16" s="61"/>
      <c r="ER16" s="61"/>
      <c r="ES16" s="61"/>
      <c r="ET16" s="61"/>
      <c r="EU16" s="61"/>
      <c r="EV16" s="61"/>
      <c r="EW16" s="61"/>
      <c r="EX16" s="61"/>
      <c r="EY16" s="61"/>
      <c r="EZ16" s="61"/>
      <c r="FA16" s="61"/>
      <c r="FB16" s="61"/>
      <c r="FC16" s="61"/>
      <c r="FD16" s="61"/>
      <c r="FE16" s="61"/>
      <c r="FF16" s="61"/>
      <c r="FG16" s="61"/>
      <c r="FH16" s="61"/>
      <c r="FI16" s="61"/>
      <c r="FJ16" s="61"/>
      <c r="FK16" s="61"/>
      <c r="FL16" s="61"/>
      <c r="FM16" s="61"/>
      <c r="FN16" s="61"/>
      <c r="FO16" s="61"/>
      <c r="FP16" s="61"/>
      <c r="FQ16" s="61"/>
      <c r="FR16" s="61"/>
      <c r="FS16" s="61"/>
      <c r="FT16" s="61"/>
      <c r="FU16" s="61"/>
      <c r="FV16" s="61"/>
      <c r="FW16" s="61"/>
      <c r="FX16" s="61"/>
      <c r="FY16" s="61"/>
      <c r="FZ16" s="61"/>
      <c r="GA16" s="61"/>
      <c r="GB16" s="61"/>
      <c r="GC16" s="61"/>
      <c r="GD16" s="61"/>
      <c r="GE16" s="61"/>
      <c r="GF16" s="61"/>
      <c r="GG16" s="61"/>
      <c r="GH16" s="61"/>
      <c r="GI16" s="61"/>
      <c r="GJ16" s="61"/>
      <c r="GK16" s="61"/>
      <c r="GL16" s="61"/>
      <c r="GM16" s="61"/>
      <c r="GN16" s="61"/>
      <c r="GO16" s="61"/>
      <c r="GP16" s="61"/>
      <c r="GQ16" s="61"/>
      <c r="GR16" s="61"/>
      <c r="GS16" s="61"/>
      <c r="GT16" s="61"/>
      <c r="GU16" s="61"/>
      <c r="GV16" s="61"/>
      <c r="GW16" s="61"/>
      <c r="GX16" s="61"/>
      <c r="GY16" s="61"/>
      <c r="GZ16" s="61"/>
      <c r="HA16" s="61"/>
      <c r="HB16" s="61"/>
      <c r="HC16" s="61"/>
      <c r="HD16" s="61"/>
      <c r="HE16" s="61"/>
      <c r="HF16" s="61"/>
      <c r="HG16" s="61"/>
      <c r="HH16" s="61"/>
      <c r="HI16" s="61"/>
      <c r="HJ16" s="61"/>
      <c r="HK16" s="61"/>
      <c r="HL16" s="61"/>
      <c r="HM16" s="61"/>
      <c r="HN16" s="61"/>
      <c r="HO16" s="61"/>
      <c r="HP16" s="61"/>
      <c r="HQ16" s="61"/>
      <c r="HR16" s="61"/>
      <c r="HS16" s="61"/>
      <c r="HT16" s="61"/>
      <c r="HU16" s="61"/>
      <c r="HV16" s="61"/>
      <c r="HW16" s="61"/>
      <c r="HX16" s="61"/>
      <c r="HY16" s="61"/>
      <c r="HZ16" s="61"/>
      <c r="IA16" s="61"/>
      <c r="IB16" s="61"/>
      <c r="IC16" s="61"/>
      <c r="ID16" s="61"/>
      <c r="IE16" s="61"/>
      <c r="IF16" s="61"/>
      <c r="IG16" s="61"/>
      <c r="IH16" s="61"/>
      <c r="II16" s="61"/>
      <c r="IJ16" s="61"/>
      <c r="IK16" s="61"/>
      <c r="IL16" s="61"/>
      <c r="IM16" s="61"/>
      <c r="IN16" s="61"/>
      <c r="IO16" s="61"/>
      <c r="IP16" s="61"/>
      <c r="IQ16" s="61"/>
      <c r="IR16" s="61"/>
      <c r="IS16" s="61"/>
      <c r="IT16" s="61"/>
      <c r="IU16" s="61"/>
      <c r="IV16" s="61"/>
      <c r="IW16" s="61"/>
      <c r="IX16" s="61"/>
    </row>
    <row r="17" spans="1:258" ht="39" customHeight="1">
      <c r="A17" s="187"/>
      <c r="B17" s="187"/>
      <c r="C17" s="187"/>
      <c r="D17" s="187"/>
      <c r="E17" s="187"/>
      <c r="F17" s="187"/>
      <c r="G17" s="187"/>
      <c r="H17" s="187"/>
      <c r="I17" s="187"/>
      <c r="J17" s="187"/>
      <c r="K17" s="187"/>
      <c r="L17" s="190"/>
      <c r="M17" s="191"/>
      <c r="N17" s="192" t="s">
        <v>15</v>
      </c>
      <c r="O17" s="191"/>
      <c r="P17" s="191"/>
      <c r="Q17" s="187"/>
      <c r="R17" s="187"/>
      <c r="S17" s="187"/>
      <c r="T17" s="61"/>
      <c r="U17" s="61"/>
      <c r="V17" s="61"/>
      <c r="W17" s="61"/>
      <c r="X17" s="61"/>
      <c r="Y17" s="61"/>
      <c r="Z17" s="61"/>
      <c r="AA17" s="61"/>
      <c r="AB17" s="61"/>
      <c r="AC17" s="61"/>
      <c r="AD17" s="61"/>
      <c r="AE17" s="61"/>
      <c r="AF17" s="61"/>
      <c r="AG17" s="61"/>
      <c r="AH17" s="61"/>
      <c r="AI17" s="61"/>
      <c r="AJ17" s="61"/>
      <c r="AK17" s="61"/>
      <c r="AL17" s="61"/>
      <c r="AM17" s="61"/>
      <c r="AN17" s="61"/>
      <c r="AO17" s="61"/>
      <c r="AP17" s="61"/>
      <c r="AQ17" s="61"/>
      <c r="AR17" s="61"/>
      <c r="AS17" s="61"/>
      <c r="AT17" s="61"/>
      <c r="AU17" s="61"/>
      <c r="AV17" s="61"/>
      <c r="AW17" s="61"/>
      <c r="AX17" s="61"/>
      <c r="AY17" s="61"/>
      <c r="AZ17" s="61"/>
      <c r="BA17" s="61"/>
      <c r="BB17" s="61"/>
      <c r="BC17" s="61"/>
      <c r="BD17" s="61"/>
      <c r="BE17" s="61"/>
      <c r="BF17" s="61"/>
      <c r="BG17" s="61"/>
      <c r="BH17" s="61"/>
      <c r="BI17" s="61"/>
      <c r="BJ17" s="61"/>
      <c r="BK17" s="61"/>
      <c r="BL17" s="61"/>
      <c r="BM17" s="61"/>
      <c r="BN17" s="61"/>
      <c r="BO17" s="61"/>
      <c r="BP17" s="61"/>
      <c r="BQ17" s="61"/>
      <c r="BR17" s="61"/>
      <c r="BS17" s="61"/>
      <c r="BT17" s="61"/>
      <c r="BU17" s="61"/>
      <c r="BV17" s="61"/>
      <c r="BW17" s="61"/>
      <c r="BX17" s="61"/>
      <c r="BY17" s="61"/>
      <c r="BZ17" s="61"/>
      <c r="CA17" s="61"/>
      <c r="CB17" s="61"/>
      <c r="CC17" s="61"/>
      <c r="CD17" s="61"/>
      <c r="CE17" s="61"/>
      <c r="CF17" s="61"/>
      <c r="CG17" s="61"/>
      <c r="CH17" s="61"/>
      <c r="CI17" s="61"/>
      <c r="CJ17" s="61"/>
      <c r="CK17" s="61"/>
      <c r="CL17" s="61"/>
      <c r="CM17" s="61"/>
      <c r="CN17" s="61"/>
      <c r="CO17" s="61"/>
      <c r="CP17" s="61"/>
      <c r="CQ17" s="61"/>
      <c r="CR17" s="61"/>
      <c r="CS17" s="61"/>
      <c r="CT17" s="61"/>
      <c r="CU17" s="61"/>
      <c r="CV17" s="61"/>
      <c r="CW17" s="61"/>
      <c r="CX17" s="61"/>
      <c r="CY17" s="61"/>
      <c r="CZ17" s="61"/>
      <c r="DA17" s="61"/>
      <c r="DB17" s="61"/>
      <c r="DC17" s="61"/>
      <c r="DD17" s="61"/>
      <c r="DE17" s="61"/>
      <c r="DF17" s="61"/>
      <c r="DG17" s="61"/>
      <c r="DH17" s="61"/>
      <c r="DI17" s="61"/>
      <c r="DJ17" s="61"/>
      <c r="DK17" s="61"/>
      <c r="DL17" s="61"/>
      <c r="DM17" s="61"/>
      <c r="DN17" s="61"/>
      <c r="DO17" s="61"/>
      <c r="DP17" s="61"/>
      <c r="DQ17" s="61"/>
      <c r="DR17" s="61"/>
      <c r="DS17" s="61"/>
      <c r="DT17" s="61"/>
      <c r="DU17" s="61"/>
      <c r="DV17" s="61"/>
      <c r="DW17" s="61"/>
      <c r="DX17" s="61"/>
      <c r="DY17" s="61"/>
      <c r="DZ17" s="61"/>
      <c r="EA17" s="61"/>
      <c r="EB17" s="61"/>
      <c r="EC17" s="61"/>
      <c r="ED17" s="61"/>
      <c r="EE17" s="61"/>
      <c r="EF17" s="61"/>
      <c r="EG17" s="61"/>
      <c r="EH17" s="61"/>
      <c r="EI17" s="61"/>
      <c r="EJ17" s="61"/>
      <c r="EK17" s="61"/>
      <c r="EL17" s="61"/>
      <c r="EM17" s="61"/>
      <c r="EN17" s="61"/>
      <c r="EO17" s="61"/>
      <c r="EP17" s="61"/>
      <c r="EQ17" s="61"/>
      <c r="ER17" s="61"/>
      <c r="ES17" s="61"/>
      <c r="ET17" s="61"/>
      <c r="EU17" s="61"/>
      <c r="EV17" s="61"/>
      <c r="EW17" s="61"/>
      <c r="EX17" s="61"/>
      <c r="EY17" s="61"/>
      <c r="EZ17" s="61"/>
      <c r="FA17" s="61"/>
      <c r="FB17" s="61"/>
      <c r="FC17" s="61"/>
      <c r="FD17" s="61"/>
      <c r="FE17" s="61"/>
      <c r="FF17" s="61"/>
      <c r="FG17" s="61"/>
      <c r="FH17" s="61"/>
      <c r="FI17" s="61"/>
      <c r="FJ17" s="61"/>
      <c r="FK17" s="61"/>
      <c r="FL17" s="61"/>
      <c r="FM17" s="61"/>
      <c r="FN17" s="61"/>
      <c r="FO17" s="61"/>
      <c r="FP17" s="61"/>
      <c r="FQ17" s="61"/>
      <c r="FR17" s="61"/>
      <c r="FS17" s="61"/>
      <c r="FT17" s="61"/>
      <c r="FU17" s="61"/>
      <c r="FV17" s="61"/>
      <c r="FW17" s="61"/>
      <c r="FX17" s="61"/>
      <c r="FY17" s="61"/>
      <c r="FZ17" s="61"/>
      <c r="GA17" s="61"/>
      <c r="GB17" s="61"/>
      <c r="GC17" s="61"/>
      <c r="GD17" s="61"/>
      <c r="GE17" s="61"/>
      <c r="GF17" s="61"/>
      <c r="GG17" s="61"/>
      <c r="GH17" s="61"/>
      <c r="GI17" s="61"/>
      <c r="GJ17" s="61"/>
      <c r="GK17" s="61"/>
      <c r="GL17" s="61"/>
      <c r="GM17" s="61"/>
      <c r="GN17" s="61"/>
      <c r="GO17" s="61"/>
      <c r="GP17" s="61"/>
      <c r="GQ17" s="61"/>
      <c r="GR17" s="61"/>
      <c r="GS17" s="61"/>
      <c r="GT17" s="61"/>
      <c r="GU17" s="61"/>
      <c r="GV17" s="61"/>
      <c r="GW17" s="61"/>
      <c r="GX17" s="61"/>
      <c r="GY17" s="61"/>
      <c r="GZ17" s="61"/>
      <c r="HA17" s="61"/>
      <c r="HB17" s="61"/>
      <c r="HC17" s="61"/>
      <c r="HD17" s="61"/>
      <c r="HE17" s="61"/>
      <c r="HF17" s="61"/>
      <c r="HG17" s="61"/>
      <c r="HH17" s="61"/>
      <c r="HI17" s="61"/>
      <c r="HJ17" s="61"/>
      <c r="HK17" s="61"/>
      <c r="HL17" s="61"/>
      <c r="HM17" s="61"/>
      <c r="HN17" s="61"/>
      <c r="HO17" s="61"/>
      <c r="HP17" s="61"/>
      <c r="HQ17" s="61"/>
      <c r="HR17" s="61"/>
      <c r="HS17" s="61"/>
      <c r="HT17" s="61"/>
      <c r="HU17" s="61"/>
      <c r="HV17" s="61"/>
      <c r="HW17" s="61"/>
      <c r="HX17" s="61"/>
      <c r="HY17" s="61"/>
      <c r="HZ17" s="61"/>
      <c r="IA17" s="61"/>
      <c r="IB17" s="61"/>
      <c r="IC17" s="61"/>
      <c r="ID17" s="61"/>
      <c r="IE17" s="61"/>
      <c r="IF17" s="61"/>
      <c r="IG17" s="61"/>
      <c r="IH17" s="61"/>
      <c r="II17" s="61"/>
      <c r="IJ17" s="61"/>
      <c r="IK17" s="61"/>
      <c r="IL17" s="61"/>
      <c r="IM17" s="61"/>
      <c r="IN17" s="61"/>
      <c r="IO17" s="61"/>
      <c r="IP17" s="61"/>
      <c r="IQ17" s="61"/>
      <c r="IR17" s="61"/>
      <c r="IS17" s="61"/>
      <c r="IT17" s="61"/>
      <c r="IU17" s="61"/>
      <c r="IV17" s="61"/>
      <c r="IW17" s="61"/>
      <c r="IX17" s="61"/>
    </row>
    <row r="18" spans="1:258" ht="21.6" customHeight="1" thickBot="1">
      <c r="A18" s="187"/>
      <c r="B18" s="187"/>
      <c r="C18" s="187"/>
      <c r="D18" s="187"/>
      <c r="E18" s="187"/>
      <c r="F18" s="187"/>
      <c r="G18" s="187"/>
      <c r="H18" s="187"/>
      <c r="I18" s="187"/>
      <c r="J18" s="187"/>
      <c r="K18" s="187"/>
      <c r="L18" s="190"/>
      <c r="M18" s="191"/>
      <c r="N18" s="192"/>
      <c r="O18" s="191"/>
      <c r="P18" s="191"/>
      <c r="Q18" s="187"/>
      <c r="R18" s="187"/>
      <c r="S18" s="187"/>
      <c r="T18" s="61"/>
      <c r="U18" s="61"/>
      <c r="V18" s="61"/>
      <c r="W18" s="61"/>
      <c r="X18" s="61"/>
      <c r="Y18" s="61"/>
      <c r="Z18" s="61"/>
      <c r="AA18" s="61"/>
      <c r="AB18" s="61"/>
      <c r="AC18" s="61"/>
      <c r="AD18" s="61"/>
      <c r="AE18" s="61"/>
      <c r="AF18" s="61"/>
      <c r="AG18" s="61"/>
      <c r="AH18" s="61"/>
      <c r="AI18" s="61"/>
      <c r="AJ18" s="61"/>
      <c r="AK18" s="61"/>
      <c r="AL18" s="61"/>
      <c r="AM18" s="61"/>
      <c r="AN18" s="61"/>
      <c r="AO18" s="61"/>
      <c r="AP18" s="61"/>
      <c r="AQ18" s="61"/>
      <c r="AR18" s="61"/>
      <c r="AS18" s="61"/>
      <c r="AT18" s="61"/>
      <c r="AU18" s="61"/>
      <c r="AV18" s="61"/>
      <c r="AW18" s="61"/>
      <c r="AX18" s="61"/>
      <c r="AY18" s="61"/>
      <c r="AZ18" s="61"/>
      <c r="BA18" s="61"/>
      <c r="BB18" s="61"/>
      <c r="BC18" s="61"/>
      <c r="BD18" s="61"/>
      <c r="BE18" s="61"/>
      <c r="BF18" s="61"/>
      <c r="BG18" s="61"/>
      <c r="BH18" s="61"/>
      <c r="BI18" s="61"/>
      <c r="BJ18" s="61"/>
      <c r="BK18" s="61"/>
      <c r="BL18" s="61"/>
      <c r="BM18" s="61"/>
      <c r="BN18" s="61"/>
      <c r="BO18" s="61"/>
      <c r="BP18" s="61"/>
      <c r="BQ18" s="61"/>
      <c r="BR18" s="61"/>
      <c r="BS18" s="61"/>
      <c r="BT18" s="61"/>
      <c r="BU18" s="61"/>
      <c r="BV18" s="61"/>
      <c r="BW18" s="61"/>
      <c r="BX18" s="61"/>
      <c r="BY18" s="61"/>
      <c r="BZ18" s="61"/>
      <c r="CA18" s="61"/>
      <c r="CB18" s="61"/>
      <c r="CC18" s="61"/>
      <c r="CD18" s="61"/>
      <c r="CE18" s="61"/>
      <c r="CF18" s="61"/>
      <c r="CG18" s="61"/>
      <c r="CH18" s="61"/>
      <c r="CI18" s="61"/>
      <c r="CJ18" s="61"/>
      <c r="CK18" s="61"/>
      <c r="CL18" s="61"/>
      <c r="CM18" s="61"/>
      <c r="CN18" s="61"/>
      <c r="CO18" s="61"/>
      <c r="CP18" s="61"/>
      <c r="CQ18" s="61"/>
      <c r="CR18" s="61"/>
      <c r="CS18" s="61"/>
      <c r="CT18" s="61"/>
      <c r="CU18" s="61"/>
      <c r="CV18" s="61"/>
      <c r="CW18" s="61"/>
      <c r="CX18" s="61"/>
      <c r="CY18" s="61"/>
      <c r="CZ18" s="61"/>
      <c r="DA18" s="61"/>
      <c r="DB18" s="61"/>
      <c r="DC18" s="61"/>
      <c r="DD18" s="61"/>
      <c r="DE18" s="61"/>
      <c r="DF18" s="61"/>
      <c r="DG18" s="61"/>
      <c r="DH18" s="61"/>
      <c r="DI18" s="61"/>
      <c r="DJ18" s="61"/>
      <c r="DK18" s="61"/>
      <c r="DL18" s="61"/>
      <c r="DM18" s="61"/>
      <c r="DN18" s="61"/>
      <c r="DO18" s="61"/>
      <c r="DP18" s="61"/>
      <c r="DQ18" s="61"/>
      <c r="DR18" s="61"/>
      <c r="DS18" s="61"/>
      <c r="DT18" s="61"/>
      <c r="DU18" s="61"/>
      <c r="DV18" s="61"/>
      <c r="DW18" s="61"/>
      <c r="DX18" s="61"/>
      <c r="DY18" s="61"/>
      <c r="DZ18" s="61"/>
      <c r="EA18" s="61"/>
      <c r="EB18" s="61"/>
      <c r="EC18" s="61"/>
      <c r="ED18" s="61"/>
      <c r="EE18" s="61"/>
      <c r="EF18" s="61"/>
      <c r="EG18" s="61"/>
      <c r="EH18" s="61"/>
      <c r="EI18" s="61"/>
      <c r="EJ18" s="61"/>
      <c r="EK18" s="61"/>
      <c r="EL18" s="61"/>
      <c r="EM18" s="61"/>
      <c r="EN18" s="61"/>
      <c r="EO18" s="61"/>
      <c r="EP18" s="61"/>
      <c r="EQ18" s="61"/>
      <c r="ER18" s="61"/>
      <c r="ES18" s="61"/>
      <c r="ET18" s="61"/>
      <c r="EU18" s="61"/>
      <c r="EV18" s="61"/>
      <c r="EW18" s="61"/>
      <c r="EX18" s="61"/>
      <c r="EY18" s="61"/>
      <c r="EZ18" s="61"/>
      <c r="FA18" s="61"/>
      <c r="FB18" s="61"/>
      <c r="FC18" s="61"/>
      <c r="FD18" s="61"/>
      <c r="FE18" s="61"/>
      <c r="FF18" s="61"/>
      <c r="FG18" s="61"/>
      <c r="FH18" s="61"/>
      <c r="FI18" s="61"/>
      <c r="FJ18" s="61"/>
      <c r="FK18" s="61"/>
      <c r="FL18" s="61"/>
      <c r="FM18" s="61"/>
      <c r="FN18" s="61"/>
      <c r="FO18" s="61"/>
      <c r="FP18" s="61"/>
      <c r="FQ18" s="61"/>
      <c r="FR18" s="61"/>
      <c r="FS18" s="61"/>
      <c r="FT18" s="61"/>
      <c r="FU18" s="61"/>
      <c r="FV18" s="61"/>
      <c r="FW18" s="61"/>
      <c r="FX18" s="61"/>
      <c r="FY18" s="61"/>
      <c r="FZ18" s="61"/>
      <c r="GA18" s="61"/>
      <c r="GB18" s="61"/>
      <c r="GC18" s="61"/>
      <c r="GD18" s="61"/>
      <c r="GE18" s="61"/>
      <c r="GF18" s="61"/>
      <c r="GG18" s="61"/>
      <c r="GH18" s="61"/>
      <c r="GI18" s="61"/>
      <c r="GJ18" s="61"/>
      <c r="GK18" s="61"/>
      <c r="GL18" s="61"/>
      <c r="GM18" s="61"/>
      <c r="GN18" s="61"/>
      <c r="GO18" s="61"/>
      <c r="GP18" s="61"/>
      <c r="GQ18" s="61"/>
      <c r="GR18" s="61"/>
      <c r="GS18" s="61"/>
      <c r="GT18" s="61"/>
      <c r="GU18" s="61"/>
      <c r="GV18" s="61"/>
      <c r="GW18" s="61"/>
      <c r="GX18" s="61"/>
      <c r="GY18" s="61"/>
      <c r="GZ18" s="61"/>
      <c r="HA18" s="61"/>
      <c r="HB18" s="61"/>
      <c r="HC18" s="61"/>
      <c r="HD18" s="61"/>
      <c r="HE18" s="61"/>
      <c r="HF18" s="61"/>
      <c r="HG18" s="61"/>
      <c r="HH18" s="61"/>
      <c r="HI18" s="61"/>
      <c r="HJ18" s="61"/>
      <c r="HK18" s="61"/>
      <c r="HL18" s="61"/>
      <c r="HM18" s="61"/>
      <c r="HN18" s="61"/>
      <c r="HO18" s="61"/>
      <c r="HP18" s="61"/>
      <c r="HQ18" s="61"/>
      <c r="HR18" s="61"/>
      <c r="HS18" s="61"/>
      <c r="HT18" s="61"/>
      <c r="HU18" s="61"/>
      <c r="HV18" s="61"/>
      <c r="HW18" s="61"/>
      <c r="HX18" s="61"/>
      <c r="HY18" s="61"/>
      <c r="HZ18" s="61"/>
      <c r="IA18" s="61"/>
      <c r="IB18" s="61"/>
      <c r="IC18" s="61"/>
      <c r="ID18" s="61"/>
      <c r="IE18" s="61"/>
      <c r="IF18" s="61"/>
      <c r="IG18" s="61"/>
      <c r="IH18" s="61"/>
      <c r="II18" s="61"/>
      <c r="IJ18" s="61"/>
      <c r="IK18" s="61"/>
      <c r="IL18" s="61"/>
      <c r="IM18" s="61"/>
      <c r="IN18" s="61"/>
      <c r="IO18" s="61"/>
      <c r="IP18" s="61"/>
      <c r="IQ18" s="61"/>
      <c r="IR18" s="61"/>
      <c r="IS18" s="61"/>
      <c r="IT18" s="61"/>
      <c r="IU18" s="61"/>
      <c r="IV18" s="61"/>
      <c r="IW18" s="61"/>
      <c r="IX18" s="61"/>
    </row>
    <row r="19" spans="1:258" s="64" customFormat="1" ht="69.900000000000006" customHeight="1" thickBot="1">
      <c r="A19" s="721" t="s">
        <v>16</v>
      </c>
      <c r="B19" s="722"/>
      <c r="C19" s="722"/>
      <c r="D19" s="722"/>
      <c r="E19" s="722"/>
      <c r="F19" s="722"/>
      <c r="G19" s="722"/>
      <c r="H19" s="722"/>
      <c r="I19" s="722"/>
      <c r="J19" s="722"/>
      <c r="K19" s="722"/>
      <c r="L19" s="722"/>
      <c r="M19" s="722"/>
      <c r="N19" s="722"/>
      <c r="O19" s="722"/>
      <c r="P19" s="723"/>
      <c r="Q19" s="122"/>
      <c r="R19" s="138"/>
      <c r="S19" s="439" t="s">
        <v>404</v>
      </c>
    </row>
    <row r="20" spans="1:258" s="64" customFormat="1" ht="69.900000000000006" customHeight="1" thickBot="1">
      <c r="A20" s="724" t="s">
        <v>18</v>
      </c>
      <c r="B20" s="725"/>
      <c r="C20" s="725"/>
      <c r="D20" s="725"/>
      <c r="E20" s="725"/>
      <c r="F20" s="725"/>
      <c r="G20" s="725"/>
      <c r="H20" s="725"/>
      <c r="I20" s="725"/>
      <c r="J20" s="725"/>
      <c r="K20" s="725"/>
      <c r="L20" s="725"/>
      <c r="M20" s="725"/>
      <c r="N20" s="725"/>
      <c r="O20" s="725"/>
      <c r="P20" s="726"/>
      <c r="Q20" s="122"/>
      <c r="R20" s="138"/>
      <c r="S20" s="439"/>
    </row>
    <row r="21" spans="1:258" s="67" customFormat="1" ht="345" customHeight="1" thickTop="1" thickBot="1">
      <c r="A21" s="447" t="s">
        <v>405</v>
      </c>
      <c r="B21" s="351"/>
      <c r="C21" s="351"/>
      <c r="D21" s="351"/>
      <c r="E21" s="351"/>
      <c r="F21" s="351"/>
      <c r="G21" s="351"/>
      <c r="H21" s="351"/>
      <c r="I21" s="351"/>
      <c r="J21" s="351"/>
      <c r="K21" s="351"/>
      <c r="L21" s="352"/>
      <c r="M21" s="351"/>
      <c r="N21" s="351"/>
      <c r="O21" s="65" t="s">
        <v>20</v>
      </c>
      <c r="P21" s="66" t="s">
        <v>21</v>
      </c>
      <c r="Q21" s="139"/>
      <c r="R21" s="138"/>
      <c r="S21" s="137"/>
      <c r="T21" s="64"/>
    </row>
    <row r="22" spans="1:258" s="67" customFormat="1" ht="242.4" customHeight="1" thickTop="1" thickBot="1">
      <c r="A22" s="448" t="s">
        <v>406</v>
      </c>
      <c r="B22" s="449"/>
      <c r="C22" s="449"/>
      <c r="D22" s="449"/>
      <c r="E22" s="449"/>
      <c r="F22" s="449"/>
      <c r="G22" s="449"/>
      <c r="H22" s="449"/>
      <c r="I22" s="449"/>
      <c r="J22" s="449"/>
      <c r="K22" s="449"/>
      <c r="L22" s="295"/>
      <c r="M22" s="449"/>
      <c r="N22" s="449"/>
      <c r="O22" s="68" t="s">
        <v>20</v>
      </c>
      <c r="P22" s="69" t="s">
        <v>21</v>
      </c>
      <c r="Q22" s="139"/>
      <c r="R22" s="138"/>
      <c r="S22" s="137"/>
      <c r="T22" s="64"/>
    </row>
    <row r="23" spans="1:258" s="67" customFormat="1" ht="228.6" customHeight="1" thickTop="1" thickBot="1">
      <c r="A23" s="450" t="s">
        <v>224</v>
      </c>
      <c r="B23" s="348"/>
      <c r="C23" s="348"/>
      <c r="D23" s="348"/>
      <c r="E23" s="348"/>
      <c r="F23" s="348"/>
      <c r="G23" s="348"/>
      <c r="H23" s="348"/>
      <c r="I23" s="348"/>
      <c r="J23" s="348"/>
      <c r="K23" s="348"/>
      <c r="L23" s="349"/>
      <c r="M23" s="348"/>
      <c r="N23" s="70" t="s">
        <v>24</v>
      </c>
      <c r="O23" s="71" t="s">
        <v>20</v>
      </c>
      <c r="P23" s="72" t="s">
        <v>21</v>
      </c>
      <c r="Q23" s="139"/>
      <c r="R23" s="138"/>
      <c r="S23" s="137"/>
      <c r="T23" s="64"/>
    </row>
    <row r="24" spans="1:258" s="64" customFormat="1" ht="69.900000000000006" customHeight="1" thickTop="1">
      <c r="A24" s="452" t="s">
        <v>25</v>
      </c>
      <c r="B24" s="453"/>
      <c r="C24" s="453"/>
      <c r="D24" s="453"/>
      <c r="E24" s="453"/>
      <c r="F24" s="453"/>
      <c r="G24" s="453"/>
      <c r="H24" s="453"/>
      <c r="I24" s="453"/>
      <c r="J24" s="453"/>
      <c r="K24" s="453"/>
      <c r="L24" s="454"/>
      <c r="M24" s="453"/>
      <c r="N24" s="453"/>
      <c r="O24" s="453"/>
      <c r="P24" s="455"/>
      <c r="Q24" s="122"/>
      <c r="R24" s="138"/>
      <c r="S24" s="162"/>
    </row>
    <row r="25" spans="1:258" s="67" customFormat="1" ht="75" customHeight="1">
      <c r="A25" s="456"/>
      <c r="B25" s="457"/>
      <c r="C25" s="457"/>
      <c r="D25" s="457"/>
      <c r="E25" s="457"/>
      <c r="F25" s="457"/>
      <c r="G25" s="457"/>
      <c r="H25" s="457"/>
      <c r="I25" s="457"/>
      <c r="J25" s="457"/>
      <c r="K25" s="457"/>
      <c r="L25" s="458"/>
      <c r="M25" s="457"/>
      <c r="N25" s="457"/>
      <c r="O25" s="457"/>
      <c r="P25" s="459"/>
      <c r="Q25" s="139"/>
      <c r="R25" s="138"/>
      <c r="S25" s="141"/>
      <c r="T25" s="64"/>
    </row>
    <row r="26" spans="1:258" s="67" customFormat="1" ht="75" customHeight="1" thickBot="1">
      <c r="A26" s="471"/>
      <c r="B26" s="472"/>
      <c r="C26" s="472"/>
      <c r="D26" s="472"/>
      <c r="E26" s="472"/>
      <c r="F26" s="472"/>
      <c r="G26" s="472"/>
      <c r="H26" s="472"/>
      <c r="I26" s="472"/>
      <c r="J26" s="472"/>
      <c r="K26" s="472"/>
      <c r="L26" s="473"/>
      <c r="M26" s="472"/>
      <c r="N26" s="472"/>
      <c r="O26" s="472"/>
      <c r="P26" s="474"/>
      <c r="Q26" s="139"/>
      <c r="R26" s="138"/>
      <c r="S26" s="141"/>
      <c r="T26" s="64"/>
    </row>
    <row r="27" spans="1:258" s="64" customFormat="1" ht="69.900000000000006" customHeight="1" thickBot="1">
      <c r="A27" s="443" t="s">
        <v>26</v>
      </c>
      <c r="B27" s="444"/>
      <c r="C27" s="444"/>
      <c r="D27" s="444"/>
      <c r="E27" s="444"/>
      <c r="F27" s="444"/>
      <c r="G27" s="444"/>
      <c r="H27" s="444"/>
      <c r="I27" s="444"/>
      <c r="J27" s="444"/>
      <c r="K27" s="444"/>
      <c r="L27" s="445"/>
      <c r="M27" s="444"/>
      <c r="N27" s="444"/>
      <c r="O27" s="444"/>
      <c r="P27" s="446"/>
      <c r="Q27" s="122"/>
      <c r="R27" s="138"/>
      <c r="S27" s="138"/>
    </row>
    <row r="28" spans="1:258" s="67" customFormat="1" ht="165.75" customHeight="1" thickTop="1" thickBot="1">
      <c r="A28" s="447" t="s">
        <v>226</v>
      </c>
      <c r="B28" s="351"/>
      <c r="C28" s="351"/>
      <c r="D28" s="351"/>
      <c r="E28" s="351"/>
      <c r="F28" s="351"/>
      <c r="G28" s="351"/>
      <c r="H28" s="351"/>
      <c r="I28" s="351"/>
      <c r="J28" s="351"/>
      <c r="K28" s="351"/>
      <c r="L28" s="352"/>
      <c r="M28" s="351"/>
      <c r="N28" s="351"/>
      <c r="O28" s="65" t="s">
        <v>20</v>
      </c>
      <c r="P28" s="66" t="s">
        <v>21</v>
      </c>
      <c r="Q28" s="139"/>
      <c r="R28" s="138"/>
      <c r="S28" s="137"/>
      <c r="T28" s="64"/>
    </row>
    <row r="29" spans="1:258" s="67" customFormat="1" ht="140.1" customHeight="1" thickTop="1" thickBot="1">
      <c r="A29" s="448" t="s">
        <v>227</v>
      </c>
      <c r="B29" s="449"/>
      <c r="C29" s="449"/>
      <c r="D29" s="449"/>
      <c r="E29" s="449"/>
      <c r="F29" s="449"/>
      <c r="G29" s="449"/>
      <c r="H29" s="449"/>
      <c r="I29" s="449"/>
      <c r="J29" s="449"/>
      <c r="K29" s="449"/>
      <c r="L29" s="295"/>
      <c r="M29" s="449"/>
      <c r="N29" s="449"/>
      <c r="O29" s="68" t="s">
        <v>20</v>
      </c>
      <c r="P29" s="69" t="s">
        <v>21</v>
      </c>
      <c r="Q29" s="139"/>
      <c r="R29" s="138"/>
      <c r="S29" s="137"/>
      <c r="T29" s="64"/>
    </row>
    <row r="30" spans="1:258" s="67" customFormat="1" ht="140.1" customHeight="1" thickTop="1" thickBot="1">
      <c r="A30" s="448" t="s">
        <v>228</v>
      </c>
      <c r="B30" s="449"/>
      <c r="C30" s="449"/>
      <c r="D30" s="449"/>
      <c r="E30" s="449"/>
      <c r="F30" s="449"/>
      <c r="G30" s="449"/>
      <c r="H30" s="449"/>
      <c r="I30" s="449"/>
      <c r="J30" s="449"/>
      <c r="K30" s="449"/>
      <c r="L30" s="295"/>
      <c r="M30" s="449"/>
      <c r="N30" s="449"/>
      <c r="O30" s="68" t="s">
        <v>20</v>
      </c>
      <c r="P30" s="69" t="s">
        <v>21</v>
      </c>
      <c r="Q30" s="139"/>
      <c r="R30" s="138"/>
      <c r="S30" s="137"/>
      <c r="T30" s="64"/>
    </row>
    <row r="31" spans="1:258" s="67" customFormat="1" ht="319.5" customHeight="1" thickTop="1" thickBot="1">
      <c r="A31" s="448" t="s">
        <v>30</v>
      </c>
      <c r="B31" s="449"/>
      <c r="C31" s="449"/>
      <c r="D31" s="449"/>
      <c r="E31" s="449"/>
      <c r="F31" s="449"/>
      <c r="G31" s="449"/>
      <c r="H31" s="449"/>
      <c r="I31" s="449"/>
      <c r="J31" s="449"/>
      <c r="K31" s="449"/>
      <c r="L31" s="295"/>
      <c r="M31" s="449"/>
      <c r="N31" s="449"/>
      <c r="O31" s="73" t="s">
        <v>20</v>
      </c>
      <c r="P31" s="74" t="s">
        <v>21</v>
      </c>
      <c r="Q31" s="139"/>
      <c r="R31" s="138"/>
      <c r="S31" s="137"/>
      <c r="T31" s="64"/>
    </row>
    <row r="32" spans="1:258" s="67" customFormat="1" ht="132" customHeight="1" thickTop="1" thickBot="1">
      <c r="A32" s="450" t="s">
        <v>31</v>
      </c>
      <c r="B32" s="451"/>
      <c r="C32" s="451"/>
      <c r="D32" s="451"/>
      <c r="E32" s="451"/>
      <c r="F32" s="451"/>
      <c r="G32" s="451"/>
      <c r="H32" s="451"/>
      <c r="I32" s="451"/>
      <c r="J32" s="451"/>
      <c r="K32" s="451"/>
      <c r="L32" s="349"/>
      <c r="M32" s="451"/>
      <c r="N32" s="451"/>
      <c r="O32" s="75" t="s">
        <v>20</v>
      </c>
      <c r="P32" s="136" t="s">
        <v>21</v>
      </c>
      <c r="Q32" s="139"/>
      <c r="R32" s="138"/>
      <c r="S32" s="137"/>
      <c r="T32" s="64"/>
    </row>
    <row r="33" spans="1:56" s="64" customFormat="1" ht="69.900000000000006" customHeight="1" thickTop="1">
      <c r="A33" s="452" t="s">
        <v>25</v>
      </c>
      <c r="B33" s="469"/>
      <c r="C33" s="469"/>
      <c r="D33" s="469"/>
      <c r="E33" s="469"/>
      <c r="F33" s="469"/>
      <c r="G33" s="469"/>
      <c r="H33" s="469"/>
      <c r="I33" s="469"/>
      <c r="J33" s="469"/>
      <c r="K33" s="469"/>
      <c r="L33" s="454"/>
      <c r="M33" s="469"/>
      <c r="N33" s="469"/>
      <c r="O33" s="469"/>
      <c r="P33" s="470"/>
      <c r="Q33" s="122"/>
      <c r="R33" s="138"/>
      <c r="S33" s="162"/>
    </row>
    <row r="34" spans="1:56" s="67" customFormat="1" ht="75" customHeight="1">
      <c r="A34" s="456"/>
      <c r="B34" s="457"/>
      <c r="C34" s="457"/>
      <c r="D34" s="457"/>
      <c r="E34" s="457"/>
      <c r="F34" s="457"/>
      <c r="G34" s="457"/>
      <c r="H34" s="457"/>
      <c r="I34" s="457"/>
      <c r="J34" s="457"/>
      <c r="K34" s="457"/>
      <c r="L34" s="458"/>
      <c r="M34" s="457"/>
      <c r="N34" s="457"/>
      <c r="O34" s="457"/>
      <c r="P34" s="459"/>
      <c r="Q34" s="139"/>
      <c r="R34" s="138"/>
      <c r="S34" s="141"/>
      <c r="T34" s="64"/>
    </row>
    <row r="35" spans="1:56" s="67" customFormat="1" ht="75" customHeight="1" thickBot="1">
      <c r="A35" s="471"/>
      <c r="B35" s="472"/>
      <c r="C35" s="472"/>
      <c r="D35" s="472"/>
      <c r="E35" s="472"/>
      <c r="F35" s="472"/>
      <c r="G35" s="472"/>
      <c r="H35" s="472"/>
      <c r="I35" s="472"/>
      <c r="J35" s="472"/>
      <c r="K35" s="472"/>
      <c r="L35" s="473"/>
      <c r="M35" s="472"/>
      <c r="N35" s="472"/>
      <c r="O35" s="472"/>
      <c r="P35" s="474"/>
      <c r="Q35" s="139"/>
      <c r="R35" s="138"/>
      <c r="S35" s="141"/>
      <c r="T35" s="64"/>
    </row>
    <row r="36" spans="1:56" s="64" customFormat="1" ht="69.900000000000006" customHeight="1" thickBot="1">
      <c r="A36" s="443" t="s">
        <v>32</v>
      </c>
      <c r="B36" s="444"/>
      <c r="C36" s="444"/>
      <c r="D36" s="444"/>
      <c r="E36" s="444"/>
      <c r="F36" s="444"/>
      <c r="G36" s="444"/>
      <c r="H36" s="444"/>
      <c r="I36" s="444"/>
      <c r="J36" s="444"/>
      <c r="K36" s="444"/>
      <c r="L36" s="445"/>
      <c r="M36" s="444"/>
      <c r="N36" s="444"/>
      <c r="O36" s="444"/>
      <c r="P36" s="446"/>
      <c r="Q36" s="139"/>
      <c r="R36" s="138"/>
      <c r="S36" s="78"/>
      <c r="T36" s="76"/>
      <c r="U36" s="76"/>
      <c r="V36" s="76"/>
      <c r="W36" s="76"/>
      <c r="X36" s="76"/>
      <c r="Y36" s="76"/>
      <c r="Z36" s="76"/>
      <c r="AA36" s="76"/>
      <c r="AB36" s="76"/>
      <c r="AC36" s="76"/>
      <c r="AD36" s="76"/>
      <c r="AE36" s="76"/>
      <c r="AF36" s="76"/>
      <c r="AG36" s="76"/>
      <c r="AH36" s="76"/>
      <c r="AI36" s="76"/>
      <c r="AJ36" s="76"/>
      <c r="AK36" s="76"/>
      <c r="AL36" s="76"/>
      <c r="AM36" s="76"/>
      <c r="AN36" s="76"/>
      <c r="AO36" s="76"/>
      <c r="AP36" s="76"/>
      <c r="AQ36" s="76"/>
      <c r="AR36" s="76"/>
      <c r="AS36" s="76"/>
      <c r="AT36" s="76"/>
      <c r="AU36" s="76"/>
      <c r="AV36" s="76"/>
      <c r="AW36" s="76"/>
      <c r="AX36" s="76"/>
      <c r="AY36" s="76"/>
      <c r="AZ36" s="76"/>
      <c r="BA36" s="76"/>
      <c r="BB36" s="76"/>
      <c r="BC36" s="76"/>
      <c r="BD36" s="76"/>
    </row>
    <row r="37" spans="1:56" s="67" customFormat="1" ht="409.6" customHeight="1" thickTop="1" thickBot="1">
      <c r="A37" s="477" t="s">
        <v>33</v>
      </c>
      <c r="B37" s="478"/>
      <c r="C37" s="478"/>
      <c r="D37" s="478"/>
      <c r="E37" s="478"/>
      <c r="F37" s="478"/>
      <c r="G37" s="478"/>
      <c r="H37" s="478"/>
      <c r="I37" s="478"/>
      <c r="J37" s="478"/>
      <c r="K37" s="478"/>
      <c r="L37" s="379"/>
      <c r="M37" s="478"/>
      <c r="N37" s="478"/>
      <c r="O37" s="727" t="s">
        <v>20</v>
      </c>
      <c r="P37" s="729" t="s">
        <v>21</v>
      </c>
      <c r="Q37" s="139"/>
      <c r="R37" s="138"/>
      <c r="S37" s="464"/>
      <c r="T37" s="76"/>
      <c r="U37" s="77"/>
      <c r="V37" s="77"/>
      <c r="W37" s="77"/>
      <c r="X37" s="77"/>
      <c r="Y37" s="77"/>
      <c r="Z37" s="77"/>
      <c r="AA37" s="77"/>
      <c r="AB37" s="77"/>
      <c r="AC37" s="77"/>
      <c r="AD37" s="77"/>
      <c r="AE37" s="77"/>
      <c r="AF37" s="77"/>
      <c r="AG37" s="77"/>
      <c r="AH37" s="77"/>
      <c r="AI37" s="77"/>
      <c r="AJ37" s="77"/>
      <c r="AK37" s="77"/>
      <c r="AL37" s="77"/>
      <c r="AM37" s="77"/>
      <c r="AN37" s="77"/>
      <c r="AO37" s="77"/>
      <c r="AP37" s="77"/>
      <c r="AQ37" s="77"/>
      <c r="AR37" s="77"/>
      <c r="AS37" s="77"/>
      <c r="AT37" s="77"/>
      <c r="AU37" s="77"/>
      <c r="AV37" s="77"/>
      <c r="AW37" s="77"/>
      <c r="AX37" s="77"/>
      <c r="AY37" s="77"/>
      <c r="AZ37" s="77"/>
      <c r="BA37" s="77"/>
      <c r="BB37" s="77"/>
      <c r="BC37" s="77"/>
      <c r="BD37" s="77"/>
    </row>
    <row r="38" spans="1:56" s="67" customFormat="1" ht="322.5" customHeight="1" thickTop="1" thickBot="1">
      <c r="A38" s="479"/>
      <c r="B38" s="480"/>
      <c r="C38" s="480"/>
      <c r="D38" s="480"/>
      <c r="E38" s="480"/>
      <c r="F38" s="480"/>
      <c r="G38" s="480"/>
      <c r="H38" s="480"/>
      <c r="I38" s="480"/>
      <c r="J38" s="480"/>
      <c r="K38" s="480"/>
      <c r="L38" s="379"/>
      <c r="M38" s="480"/>
      <c r="N38" s="480"/>
      <c r="O38" s="728"/>
      <c r="P38" s="730"/>
      <c r="Q38" s="139"/>
      <c r="R38" s="138"/>
      <c r="S38" s="465"/>
      <c r="T38" s="76"/>
      <c r="U38" s="77"/>
      <c r="V38" s="77"/>
      <c r="W38" s="77"/>
      <c r="X38" s="77"/>
      <c r="Y38" s="77"/>
      <c r="Z38" s="77"/>
      <c r="AA38" s="77"/>
      <c r="AB38" s="77"/>
      <c r="AC38" s="77"/>
      <c r="AD38" s="77"/>
      <c r="AE38" s="77"/>
      <c r="AF38" s="77"/>
      <c r="AG38" s="77"/>
      <c r="AH38" s="77"/>
      <c r="AI38" s="77"/>
      <c r="AJ38" s="77"/>
      <c r="AK38" s="77"/>
      <c r="AL38" s="77"/>
      <c r="AM38" s="77"/>
      <c r="AN38" s="77"/>
      <c r="AO38" s="77"/>
      <c r="AP38" s="77"/>
      <c r="AQ38" s="77"/>
      <c r="AR38" s="77"/>
      <c r="AS38" s="77"/>
      <c r="AT38" s="77"/>
      <c r="AU38" s="77"/>
      <c r="AV38" s="77"/>
      <c r="AW38" s="77"/>
      <c r="AX38" s="77"/>
      <c r="AY38" s="77"/>
      <c r="AZ38" s="77"/>
      <c r="BA38" s="77"/>
      <c r="BB38" s="77"/>
      <c r="BC38" s="77"/>
      <c r="BD38" s="77"/>
    </row>
    <row r="39" spans="1:56" s="67" customFormat="1" ht="140.1" customHeight="1" thickTop="1" thickBot="1">
      <c r="A39" s="466" t="s">
        <v>34</v>
      </c>
      <c r="B39" s="449"/>
      <c r="C39" s="449"/>
      <c r="D39" s="449"/>
      <c r="E39" s="449"/>
      <c r="F39" s="449"/>
      <c r="G39" s="449"/>
      <c r="H39" s="449"/>
      <c r="I39" s="449"/>
      <c r="J39" s="449"/>
      <c r="K39" s="449"/>
      <c r="L39" s="295"/>
      <c r="M39" s="449"/>
      <c r="N39" s="449"/>
      <c r="O39" s="68" t="s">
        <v>20</v>
      </c>
      <c r="P39" s="69" t="s">
        <v>21</v>
      </c>
      <c r="Q39" s="139"/>
      <c r="R39" s="138"/>
      <c r="S39" s="137"/>
      <c r="T39" s="76"/>
      <c r="U39" s="77"/>
      <c r="V39" s="77"/>
      <c r="W39" s="77"/>
      <c r="X39" s="77"/>
      <c r="Y39" s="77"/>
      <c r="Z39" s="77"/>
      <c r="AA39" s="77"/>
      <c r="AB39" s="77"/>
      <c r="AC39" s="77"/>
      <c r="AD39" s="77"/>
      <c r="AE39" s="77"/>
      <c r="AF39" s="77"/>
      <c r="AG39" s="77"/>
      <c r="AH39" s="77"/>
      <c r="AI39" s="77"/>
      <c r="AJ39" s="77"/>
      <c r="AK39" s="77"/>
      <c r="AL39" s="77"/>
      <c r="AM39" s="77"/>
      <c r="AN39" s="77"/>
      <c r="AO39" s="77"/>
      <c r="AP39" s="77"/>
      <c r="AQ39" s="77"/>
      <c r="AR39" s="77"/>
      <c r="AS39" s="77"/>
      <c r="AT39" s="77"/>
      <c r="AU39" s="77"/>
      <c r="AV39" s="77"/>
      <c r="AW39" s="77"/>
      <c r="AX39" s="77"/>
      <c r="AY39" s="77"/>
      <c r="AZ39" s="77"/>
      <c r="BA39" s="77"/>
      <c r="BB39" s="77"/>
      <c r="BC39" s="77"/>
      <c r="BD39" s="77"/>
    </row>
    <row r="40" spans="1:56" s="67" customFormat="1" ht="140.1" customHeight="1" thickTop="1" thickBot="1">
      <c r="A40" s="467" t="s">
        <v>407</v>
      </c>
      <c r="B40" s="451"/>
      <c r="C40" s="451"/>
      <c r="D40" s="451"/>
      <c r="E40" s="451"/>
      <c r="F40" s="451"/>
      <c r="G40" s="451"/>
      <c r="H40" s="451"/>
      <c r="I40" s="451"/>
      <c r="J40" s="451"/>
      <c r="K40" s="451"/>
      <c r="L40" s="349"/>
      <c r="M40" s="451"/>
      <c r="N40" s="451"/>
      <c r="O40" s="75" t="s">
        <v>20</v>
      </c>
      <c r="P40" s="136" t="s">
        <v>21</v>
      </c>
      <c r="Q40" s="139"/>
      <c r="R40" s="138"/>
      <c r="S40" s="137"/>
      <c r="T40" s="76"/>
      <c r="U40" s="77"/>
      <c r="V40" s="77"/>
      <c r="W40" s="77"/>
      <c r="X40" s="77"/>
      <c r="Y40" s="77"/>
      <c r="Z40" s="77"/>
      <c r="AA40" s="77"/>
      <c r="AB40" s="77"/>
      <c r="AC40" s="77"/>
      <c r="AD40" s="77"/>
      <c r="AE40" s="77"/>
      <c r="AF40" s="77"/>
      <c r="AG40" s="77"/>
      <c r="AH40" s="77"/>
      <c r="AI40" s="77"/>
      <c r="AJ40" s="77"/>
      <c r="AK40" s="77"/>
      <c r="AL40" s="77"/>
      <c r="AM40" s="77"/>
      <c r="AN40" s="77"/>
      <c r="AO40" s="77"/>
      <c r="AP40" s="77"/>
      <c r="AQ40" s="77"/>
      <c r="AR40" s="77"/>
      <c r="AS40" s="77"/>
      <c r="AT40" s="77"/>
      <c r="AU40" s="77"/>
      <c r="AV40" s="77"/>
      <c r="AW40" s="77"/>
      <c r="AX40" s="77"/>
      <c r="AY40" s="77"/>
      <c r="AZ40" s="77"/>
      <c r="BA40" s="77"/>
      <c r="BB40" s="77"/>
      <c r="BC40" s="77"/>
      <c r="BD40" s="77"/>
    </row>
    <row r="41" spans="1:56" s="64" customFormat="1" ht="69.900000000000006" customHeight="1" thickTop="1">
      <c r="A41" s="468" t="s">
        <v>25</v>
      </c>
      <c r="B41" s="469"/>
      <c r="C41" s="469"/>
      <c r="D41" s="469"/>
      <c r="E41" s="469"/>
      <c r="F41" s="469"/>
      <c r="G41" s="469"/>
      <c r="H41" s="469"/>
      <c r="I41" s="469"/>
      <c r="J41" s="469"/>
      <c r="K41" s="469"/>
      <c r="L41" s="454"/>
      <c r="M41" s="469"/>
      <c r="N41" s="469"/>
      <c r="O41" s="469"/>
      <c r="P41" s="470"/>
      <c r="Q41" s="122"/>
      <c r="R41" s="138"/>
      <c r="S41" s="162"/>
    </row>
    <row r="42" spans="1:56" s="67" customFormat="1" ht="75" customHeight="1">
      <c r="A42" s="456"/>
      <c r="B42" s="457"/>
      <c r="C42" s="457"/>
      <c r="D42" s="457"/>
      <c r="E42" s="457"/>
      <c r="F42" s="457"/>
      <c r="G42" s="457"/>
      <c r="H42" s="457"/>
      <c r="I42" s="457"/>
      <c r="J42" s="457"/>
      <c r="K42" s="457"/>
      <c r="L42" s="458"/>
      <c r="M42" s="457"/>
      <c r="N42" s="457"/>
      <c r="O42" s="457"/>
      <c r="P42" s="459"/>
      <c r="Q42" s="139"/>
      <c r="R42" s="138"/>
      <c r="S42" s="141"/>
      <c r="T42" s="64"/>
    </row>
    <row r="43" spans="1:56" s="67" customFormat="1" ht="75" customHeight="1" thickBot="1">
      <c r="A43" s="471"/>
      <c r="B43" s="472"/>
      <c r="C43" s="472"/>
      <c r="D43" s="472"/>
      <c r="E43" s="472"/>
      <c r="F43" s="472"/>
      <c r="G43" s="472"/>
      <c r="H43" s="472"/>
      <c r="I43" s="472"/>
      <c r="J43" s="472"/>
      <c r="K43" s="472"/>
      <c r="L43" s="473"/>
      <c r="M43" s="472"/>
      <c r="N43" s="472"/>
      <c r="O43" s="472"/>
      <c r="P43" s="474"/>
      <c r="Q43" s="139"/>
      <c r="R43" s="138"/>
      <c r="S43" s="141"/>
      <c r="T43" s="64"/>
    </row>
    <row r="44" spans="1:56" s="64" customFormat="1" ht="69.900000000000006" customHeight="1" thickBot="1">
      <c r="A44" s="443" t="s">
        <v>36</v>
      </c>
      <c r="B44" s="444"/>
      <c r="C44" s="444"/>
      <c r="D44" s="444"/>
      <c r="E44" s="444"/>
      <c r="F44" s="444"/>
      <c r="G44" s="444"/>
      <c r="H44" s="444"/>
      <c r="I44" s="444"/>
      <c r="J44" s="444"/>
      <c r="K44" s="444"/>
      <c r="L44" s="445"/>
      <c r="M44" s="444"/>
      <c r="N44" s="444"/>
      <c r="O44" s="444"/>
      <c r="P44" s="446"/>
      <c r="Q44" s="139"/>
      <c r="R44" s="138"/>
      <c r="S44" s="210" t="s">
        <v>408</v>
      </c>
      <c r="T44" s="76"/>
      <c r="U44" s="76"/>
      <c r="V44" s="76"/>
      <c r="W44" s="76"/>
      <c r="X44" s="76"/>
      <c r="Y44" s="76"/>
      <c r="Z44" s="76"/>
      <c r="AA44" s="76"/>
      <c r="AB44" s="76"/>
      <c r="AC44" s="76"/>
      <c r="AD44" s="76"/>
      <c r="AE44" s="76"/>
      <c r="AF44" s="76"/>
      <c r="AG44" s="76"/>
      <c r="AH44" s="76"/>
      <c r="AI44" s="76"/>
      <c r="AJ44" s="76"/>
      <c r="AK44" s="76"/>
      <c r="AL44" s="76"/>
      <c r="AM44" s="76"/>
      <c r="AN44" s="76"/>
      <c r="AO44" s="76"/>
      <c r="AP44" s="76"/>
      <c r="AQ44" s="76"/>
      <c r="AR44" s="76"/>
      <c r="AS44" s="76"/>
      <c r="AT44" s="76"/>
      <c r="AU44" s="76"/>
      <c r="AV44" s="76"/>
      <c r="AW44" s="76"/>
      <c r="AX44" s="76"/>
      <c r="AY44" s="76"/>
      <c r="AZ44" s="76"/>
      <c r="BA44" s="76"/>
      <c r="BB44" s="76"/>
      <c r="BC44" s="76"/>
      <c r="BD44" s="76"/>
    </row>
    <row r="45" spans="1:56" s="67" customFormat="1" ht="69.900000000000006" customHeight="1" thickBot="1">
      <c r="A45" s="485" t="s">
        <v>38</v>
      </c>
      <c r="B45" s="486"/>
      <c r="C45" s="486"/>
      <c r="D45" s="486"/>
      <c r="E45" s="486"/>
      <c r="F45" s="486"/>
      <c r="G45" s="486"/>
      <c r="H45" s="486"/>
      <c r="I45" s="486"/>
      <c r="J45" s="486"/>
      <c r="K45" s="486"/>
      <c r="L45" s="352"/>
      <c r="M45" s="486"/>
      <c r="N45" s="486"/>
      <c r="O45" s="486"/>
      <c r="P45" s="487"/>
      <c r="Q45" s="139"/>
      <c r="R45" s="138"/>
      <c r="S45" s="78"/>
      <c r="T45" s="76"/>
      <c r="U45" s="77"/>
      <c r="V45" s="77"/>
      <c r="W45" s="77"/>
      <c r="X45" s="77"/>
      <c r="Y45" s="77"/>
      <c r="Z45" s="77"/>
      <c r="AA45" s="77"/>
      <c r="AB45" s="77"/>
      <c r="AC45" s="77"/>
      <c r="AD45" s="77"/>
      <c r="AE45" s="77"/>
      <c r="AF45" s="77"/>
      <c r="AG45" s="77"/>
      <c r="AH45" s="77"/>
      <c r="AI45" s="77"/>
      <c r="AJ45" s="77"/>
      <c r="AK45" s="77"/>
      <c r="AL45" s="77"/>
      <c r="AM45" s="77"/>
      <c r="AN45" s="77"/>
      <c r="AO45" s="77"/>
      <c r="AP45" s="77"/>
      <c r="AQ45" s="77"/>
      <c r="AR45" s="77"/>
      <c r="AS45" s="77"/>
      <c r="AT45" s="77"/>
      <c r="AU45" s="77"/>
      <c r="AV45" s="77"/>
      <c r="AW45" s="77"/>
      <c r="AX45" s="77"/>
      <c r="AY45" s="77"/>
      <c r="AZ45" s="77"/>
      <c r="BA45" s="77"/>
      <c r="BB45" s="77"/>
      <c r="BC45" s="77"/>
      <c r="BD45" s="77"/>
    </row>
    <row r="46" spans="1:56" s="67" customFormat="1" ht="409.5" customHeight="1" thickTop="1" thickBot="1">
      <c r="A46" s="467" t="s">
        <v>39</v>
      </c>
      <c r="B46" s="451"/>
      <c r="C46" s="451"/>
      <c r="D46" s="451"/>
      <c r="E46" s="451"/>
      <c r="F46" s="451"/>
      <c r="G46" s="451"/>
      <c r="H46" s="451"/>
      <c r="I46" s="451"/>
      <c r="J46" s="451"/>
      <c r="K46" s="451"/>
      <c r="L46" s="349"/>
      <c r="M46" s="451"/>
      <c r="N46" s="451"/>
      <c r="O46" s="68" t="s">
        <v>20</v>
      </c>
      <c r="P46" s="69" t="s">
        <v>21</v>
      </c>
      <c r="Q46" s="139"/>
      <c r="R46" s="138"/>
      <c r="S46" s="137"/>
      <c r="T46" s="76"/>
      <c r="U46" s="77"/>
      <c r="V46" s="77"/>
      <c r="W46" s="77"/>
      <c r="X46" s="77"/>
      <c r="Y46" s="77"/>
      <c r="Z46" s="77"/>
      <c r="AA46" s="77"/>
      <c r="AB46" s="77"/>
      <c r="AC46" s="77"/>
      <c r="AD46" s="77"/>
      <c r="AE46" s="77"/>
      <c r="AF46" s="77"/>
      <c r="AG46" s="77"/>
      <c r="AH46" s="77"/>
      <c r="AI46" s="77"/>
      <c r="AJ46" s="77"/>
      <c r="AK46" s="77"/>
      <c r="AL46" s="77"/>
      <c r="AM46" s="77"/>
      <c r="AN46" s="77"/>
      <c r="AO46" s="77"/>
      <c r="AP46" s="77"/>
      <c r="AQ46" s="77"/>
      <c r="AR46" s="77"/>
      <c r="AS46" s="77"/>
      <c r="AT46" s="77"/>
      <c r="AU46" s="77"/>
      <c r="AV46" s="77"/>
      <c r="AW46" s="77"/>
      <c r="AX46" s="77"/>
      <c r="AY46" s="77"/>
      <c r="AZ46" s="77"/>
      <c r="BA46" s="77"/>
      <c r="BB46" s="77"/>
      <c r="BC46" s="77"/>
      <c r="BD46" s="77"/>
    </row>
    <row r="47" spans="1:56" s="67" customFormat="1" ht="140.1" customHeight="1" thickTop="1" thickBot="1">
      <c r="A47" s="466" t="s">
        <v>40</v>
      </c>
      <c r="B47" s="449"/>
      <c r="C47" s="449"/>
      <c r="D47" s="449"/>
      <c r="E47" s="449"/>
      <c r="F47" s="449"/>
      <c r="G47" s="449"/>
      <c r="H47" s="449"/>
      <c r="I47" s="449"/>
      <c r="J47" s="449"/>
      <c r="K47" s="449"/>
      <c r="L47" s="295"/>
      <c r="M47" s="449"/>
      <c r="N47" s="449"/>
      <c r="O47" s="68" t="s">
        <v>20</v>
      </c>
      <c r="P47" s="69" t="s">
        <v>21</v>
      </c>
      <c r="Q47" s="139"/>
      <c r="R47" s="138"/>
      <c r="S47" s="137"/>
      <c r="T47" s="76"/>
      <c r="U47" s="77"/>
      <c r="V47" s="77"/>
      <c r="W47" s="77"/>
      <c r="X47" s="77"/>
      <c r="Y47" s="77"/>
      <c r="Z47" s="77"/>
      <c r="AA47" s="77"/>
      <c r="AB47" s="77"/>
      <c r="AC47" s="77"/>
      <c r="AD47" s="77"/>
      <c r="AE47" s="77"/>
      <c r="AF47" s="77"/>
      <c r="AG47" s="77"/>
      <c r="AH47" s="77"/>
      <c r="AI47" s="77"/>
      <c r="AJ47" s="77"/>
      <c r="AK47" s="77"/>
      <c r="AL47" s="77"/>
      <c r="AM47" s="77"/>
      <c r="AN47" s="77"/>
      <c r="AO47" s="77"/>
      <c r="AP47" s="77"/>
      <c r="AQ47" s="77"/>
      <c r="AR47" s="77"/>
      <c r="AS47" s="77"/>
      <c r="AT47" s="77"/>
      <c r="AU47" s="77"/>
      <c r="AV47" s="77"/>
      <c r="AW47" s="77"/>
      <c r="AX47" s="77"/>
      <c r="AY47" s="77"/>
      <c r="AZ47" s="77"/>
      <c r="BA47" s="77"/>
      <c r="BB47" s="77"/>
      <c r="BC47" s="77"/>
      <c r="BD47" s="77"/>
    </row>
    <row r="48" spans="1:56" s="67" customFormat="1" ht="216" customHeight="1" thickTop="1" thickBot="1">
      <c r="A48" s="466" t="s">
        <v>41</v>
      </c>
      <c r="B48" s="449"/>
      <c r="C48" s="449"/>
      <c r="D48" s="449"/>
      <c r="E48" s="449"/>
      <c r="F48" s="449"/>
      <c r="G48" s="449"/>
      <c r="H48" s="449"/>
      <c r="I48" s="449"/>
      <c r="J48" s="449"/>
      <c r="K48" s="449"/>
      <c r="L48" s="295"/>
      <c r="M48" s="449"/>
      <c r="N48" s="79" t="s">
        <v>24</v>
      </c>
      <c r="O48" s="68" t="s">
        <v>20</v>
      </c>
      <c r="P48" s="69" t="s">
        <v>21</v>
      </c>
      <c r="Q48" s="139"/>
      <c r="R48" s="138"/>
      <c r="S48" s="137"/>
      <c r="T48" s="76"/>
      <c r="U48" s="77"/>
      <c r="V48" s="77"/>
      <c r="W48" s="77"/>
      <c r="X48" s="77"/>
      <c r="Y48" s="77"/>
      <c r="Z48" s="77"/>
      <c r="AA48" s="77"/>
      <c r="AB48" s="77"/>
      <c r="AC48" s="77"/>
      <c r="AD48" s="77"/>
      <c r="AE48" s="77"/>
      <c r="AF48" s="77"/>
      <c r="AG48" s="77"/>
      <c r="AH48" s="77"/>
      <c r="AI48" s="77"/>
      <c r="AJ48" s="77"/>
      <c r="AK48" s="77"/>
      <c r="AL48" s="77"/>
      <c r="AM48" s="77"/>
      <c r="AN48" s="77"/>
      <c r="AO48" s="77"/>
      <c r="AP48" s="77"/>
      <c r="AQ48" s="77"/>
      <c r="AR48" s="77"/>
      <c r="AS48" s="77"/>
      <c r="AT48" s="77"/>
      <c r="AU48" s="77"/>
      <c r="AV48" s="77"/>
      <c r="AW48" s="77"/>
      <c r="AX48" s="77"/>
      <c r="AY48" s="77"/>
      <c r="AZ48" s="77"/>
      <c r="BA48" s="77"/>
      <c r="BB48" s="77"/>
      <c r="BC48" s="77"/>
      <c r="BD48" s="77"/>
    </row>
    <row r="49" spans="1:56" s="67" customFormat="1" ht="140.1" customHeight="1" thickTop="1" thickBot="1">
      <c r="A49" s="466" t="s">
        <v>42</v>
      </c>
      <c r="B49" s="449"/>
      <c r="C49" s="449"/>
      <c r="D49" s="449"/>
      <c r="E49" s="449"/>
      <c r="F49" s="449"/>
      <c r="G49" s="449"/>
      <c r="H49" s="449"/>
      <c r="I49" s="449"/>
      <c r="J49" s="449"/>
      <c r="K49" s="449"/>
      <c r="L49" s="295"/>
      <c r="M49" s="449"/>
      <c r="N49" s="79" t="s">
        <v>24</v>
      </c>
      <c r="O49" s="68" t="s">
        <v>20</v>
      </c>
      <c r="P49" s="69" t="s">
        <v>21</v>
      </c>
      <c r="Q49" s="139"/>
      <c r="R49" s="138"/>
      <c r="S49" s="137"/>
      <c r="T49" s="76"/>
      <c r="U49" s="77"/>
      <c r="V49" s="77"/>
      <c r="W49" s="77"/>
      <c r="X49" s="77"/>
      <c r="Y49" s="77"/>
      <c r="Z49" s="77"/>
      <c r="AA49" s="77"/>
      <c r="AB49" s="77"/>
      <c r="AC49" s="77"/>
      <c r="AD49" s="77"/>
      <c r="AE49" s="77"/>
      <c r="AF49" s="77"/>
      <c r="AG49" s="77"/>
      <c r="AH49" s="77"/>
      <c r="AI49" s="77"/>
      <c r="AJ49" s="77"/>
      <c r="AK49" s="77"/>
      <c r="AL49" s="77"/>
      <c r="AM49" s="77"/>
      <c r="AN49" s="77"/>
      <c r="AO49" s="77"/>
      <c r="AP49" s="77"/>
      <c r="AQ49" s="77"/>
      <c r="AR49" s="77"/>
      <c r="AS49" s="77"/>
      <c r="AT49" s="77"/>
      <c r="AU49" s="77"/>
      <c r="AV49" s="77"/>
      <c r="AW49" s="77"/>
      <c r="AX49" s="77"/>
      <c r="AY49" s="77"/>
      <c r="AZ49" s="77"/>
      <c r="BA49" s="77"/>
      <c r="BB49" s="77"/>
      <c r="BC49" s="77"/>
      <c r="BD49" s="77"/>
    </row>
    <row r="50" spans="1:56" s="67" customFormat="1" ht="140.1" customHeight="1" thickTop="1" thickBot="1">
      <c r="A50" s="466" t="s">
        <v>409</v>
      </c>
      <c r="B50" s="449"/>
      <c r="C50" s="449"/>
      <c r="D50" s="449"/>
      <c r="E50" s="449"/>
      <c r="F50" s="449"/>
      <c r="G50" s="449"/>
      <c r="H50" s="449"/>
      <c r="I50" s="449"/>
      <c r="J50" s="449"/>
      <c r="K50" s="449"/>
      <c r="L50" s="295"/>
      <c r="M50" s="449"/>
      <c r="N50" s="79" t="s">
        <v>24</v>
      </c>
      <c r="O50" s="68" t="s">
        <v>20</v>
      </c>
      <c r="P50" s="69" t="s">
        <v>21</v>
      </c>
      <c r="Q50" s="139"/>
      <c r="R50" s="138"/>
      <c r="S50" s="137"/>
      <c r="T50" s="76"/>
      <c r="U50" s="77"/>
      <c r="V50" s="77"/>
      <c r="W50" s="77"/>
      <c r="X50" s="77"/>
      <c r="Y50" s="77"/>
      <c r="Z50" s="77"/>
      <c r="AA50" s="77"/>
      <c r="AB50" s="77"/>
      <c r="AC50" s="77"/>
      <c r="AD50" s="77"/>
      <c r="AE50" s="77"/>
      <c r="AF50" s="77"/>
      <c r="AG50" s="77"/>
      <c r="AH50" s="77"/>
      <c r="AI50" s="77"/>
      <c r="AJ50" s="77"/>
      <c r="AK50" s="77"/>
      <c r="AL50" s="77"/>
      <c r="AM50" s="77"/>
      <c r="AN50" s="77"/>
      <c r="AO50" s="77"/>
      <c r="AP50" s="77"/>
      <c r="AQ50" s="77"/>
      <c r="AR50" s="77"/>
      <c r="AS50" s="77"/>
      <c r="AT50" s="77"/>
      <c r="AU50" s="77"/>
      <c r="AV50" s="77"/>
      <c r="AW50" s="77"/>
      <c r="AX50" s="77"/>
      <c r="AY50" s="77"/>
      <c r="AZ50" s="77"/>
      <c r="BA50" s="77"/>
      <c r="BB50" s="77"/>
      <c r="BC50" s="77"/>
      <c r="BD50" s="77"/>
    </row>
    <row r="51" spans="1:56" s="67" customFormat="1" ht="140.1" customHeight="1" thickTop="1" thickBot="1">
      <c r="A51" s="466" t="s">
        <v>410</v>
      </c>
      <c r="B51" s="449"/>
      <c r="C51" s="449"/>
      <c r="D51" s="449"/>
      <c r="E51" s="449"/>
      <c r="F51" s="449"/>
      <c r="G51" s="449"/>
      <c r="H51" s="449"/>
      <c r="I51" s="449"/>
      <c r="J51" s="449"/>
      <c r="K51" s="449"/>
      <c r="L51" s="295"/>
      <c r="M51" s="449"/>
      <c r="N51" s="79" t="s">
        <v>24</v>
      </c>
      <c r="O51" s="68" t="s">
        <v>20</v>
      </c>
      <c r="P51" s="69" t="s">
        <v>21</v>
      </c>
      <c r="Q51" s="139"/>
      <c r="R51" s="138"/>
      <c r="S51" s="137"/>
      <c r="T51" s="76"/>
      <c r="U51" s="77"/>
      <c r="V51" s="77"/>
      <c r="W51" s="77"/>
      <c r="X51" s="77"/>
      <c r="Y51" s="77"/>
      <c r="Z51" s="77"/>
      <c r="AA51" s="77"/>
      <c r="AB51" s="77"/>
      <c r="AC51" s="77"/>
      <c r="AD51" s="77"/>
      <c r="AE51" s="77"/>
      <c r="AF51" s="77"/>
      <c r="AG51" s="77"/>
      <c r="AH51" s="77"/>
      <c r="AI51" s="77"/>
      <c r="AJ51" s="77"/>
      <c r="AK51" s="77"/>
      <c r="AL51" s="77"/>
      <c r="AM51" s="77"/>
      <c r="AN51" s="77"/>
      <c r="AO51" s="77"/>
      <c r="AP51" s="77"/>
      <c r="AQ51" s="77"/>
      <c r="AR51" s="77"/>
      <c r="AS51" s="77"/>
      <c r="AT51" s="77"/>
      <c r="AU51" s="77"/>
      <c r="AV51" s="77"/>
      <c r="AW51" s="77"/>
      <c r="AX51" s="77"/>
      <c r="AY51" s="77"/>
      <c r="AZ51" s="77"/>
      <c r="BA51" s="77"/>
      <c r="BB51" s="77"/>
      <c r="BC51" s="77"/>
      <c r="BD51" s="77"/>
    </row>
    <row r="52" spans="1:56" s="67" customFormat="1" ht="140.1" customHeight="1" thickTop="1" thickBot="1">
      <c r="A52" s="466" t="s">
        <v>411</v>
      </c>
      <c r="B52" s="449"/>
      <c r="C52" s="449"/>
      <c r="D52" s="449"/>
      <c r="E52" s="449"/>
      <c r="F52" s="449"/>
      <c r="G52" s="449"/>
      <c r="H52" s="449"/>
      <c r="I52" s="449"/>
      <c r="J52" s="449"/>
      <c r="K52" s="449"/>
      <c r="L52" s="295"/>
      <c r="M52" s="449"/>
      <c r="N52" s="449"/>
      <c r="O52" s="68" t="s">
        <v>20</v>
      </c>
      <c r="P52" s="69" t="s">
        <v>21</v>
      </c>
      <c r="Q52" s="139"/>
      <c r="R52" s="138"/>
      <c r="S52" s="137"/>
      <c r="T52" s="76"/>
      <c r="U52" s="77"/>
      <c r="V52" s="77"/>
      <c r="W52" s="77"/>
      <c r="X52" s="77"/>
      <c r="Y52" s="77"/>
      <c r="Z52" s="77"/>
      <c r="AA52" s="77"/>
      <c r="AB52" s="77"/>
      <c r="AC52" s="77"/>
      <c r="AD52" s="77"/>
      <c r="AE52" s="77"/>
      <c r="AF52" s="77"/>
      <c r="AG52" s="77"/>
      <c r="AH52" s="77"/>
      <c r="AI52" s="77"/>
      <c r="AJ52" s="77"/>
      <c r="AK52" s="77"/>
      <c r="AL52" s="77"/>
      <c r="AM52" s="77"/>
      <c r="AN52" s="77"/>
      <c r="AO52" s="77"/>
      <c r="AP52" s="77"/>
      <c r="AQ52" s="77"/>
      <c r="AR52" s="77"/>
      <c r="AS52" s="77"/>
      <c r="AT52" s="77"/>
      <c r="AU52" s="77"/>
      <c r="AV52" s="77"/>
      <c r="AW52" s="77"/>
      <c r="AX52" s="77"/>
      <c r="AY52" s="77"/>
      <c r="AZ52" s="77"/>
      <c r="BA52" s="77"/>
      <c r="BB52" s="77"/>
      <c r="BC52" s="77"/>
      <c r="BD52" s="77"/>
    </row>
    <row r="53" spans="1:56" s="67" customFormat="1" ht="140.1" customHeight="1" thickTop="1" thickBot="1">
      <c r="A53" s="467" t="s">
        <v>236</v>
      </c>
      <c r="B53" s="451"/>
      <c r="C53" s="451"/>
      <c r="D53" s="451"/>
      <c r="E53" s="451"/>
      <c r="F53" s="451"/>
      <c r="G53" s="451"/>
      <c r="H53" s="451"/>
      <c r="I53" s="451"/>
      <c r="J53" s="451"/>
      <c r="K53" s="451"/>
      <c r="L53" s="349"/>
      <c r="M53" s="451"/>
      <c r="N53" s="451"/>
      <c r="O53" s="75" t="s">
        <v>20</v>
      </c>
      <c r="P53" s="136" t="s">
        <v>21</v>
      </c>
      <c r="Q53" s="139"/>
      <c r="R53" s="138"/>
      <c r="S53" s="137"/>
      <c r="T53" s="76"/>
      <c r="U53" s="77"/>
      <c r="V53" s="77"/>
      <c r="W53" s="77"/>
      <c r="X53" s="77"/>
      <c r="Y53" s="77"/>
      <c r="Z53" s="77"/>
      <c r="AA53" s="77"/>
      <c r="AB53" s="77"/>
      <c r="AC53" s="77"/>
      <c r="AD53" s="77"/>
      <c r="AE53" s="77"/>
      <c r="AF53" s="77"/>
      <c r="AG53" s="77"/>
      <c r="AH53" s="77"/>
      <c r="AI53" s="77"/>
      <c r="AJ53" s="77"/>
      <c r="AK53" s="77"/>
      <c r="AL53" s="77"/>
      <c r="AM53" s="77"/>
      <c r="AN53" s="77"/>
      <c r="AO53" s="77"/>
      <c r="AP53" s="77"/>
      <c r="AQ53" s="77"/>
      <c r="AR53" s="77"/>
      <c r="AS53" s="77"/>
      <c r="AT53" s="77"/>
      <c r="AU53" s="77"/>
      <c r="AV53" s="77"/>
      <c r="AW53" s="77"/>
      <c r="AX53" s="77"/>
      <c r="AY53" s="77"/>
      <c r="AZ53" s="77"/>
      <c r="BA53" s="77"/>
      <c r="BB53" s="77"/>
      <c r="BC53" s="77"/>
      <c r="BD53" s="77"/>
    </row>
    <row r="54" spans="1:56" s="64" customFormat="1" ht="69.900000000000006" customHeight="1" thickTop="1">
      <c r="A54" s="468" t="s">
        <v>25</v>
      </c>
      <c r="B54" s="469"/>
      <c r="C54" s="469"/>
      <c r="D54" s="469"/>
      <c r="E54" s="469"/>
      <c r="F54" s="469"/>
      <c r="G54" s="469"/>
      <c r="H54" s="469"/>
      <c r="I54" s="469"/>
      <c r="J54" s="469"/>
      <c r="K54" s="469"/>
      <c r="L54" s="454"/>
      <c r="M54" s="469"/>
      <c r="N54" s="469"/>
      <c r="O54" s="469"/>
      <c r="P54" s="470"/>
      <c r="Q54" s="122"/>
      <c r="R54" s="138"/>
      <c r="S54" s="162"/>
    </row>
    <row r="55" spans="1:56" s="67" customFormat="1" ht="75" customHeight="1">
      <c r="A55" s="456"/>
      <c r="B55" s="457"/>
      <c r="C55" s="457"/>
      <c r="D55" s="457"/>
      <c r="E55" s="457"/>
      <c r="F55" s="457"/>
      <c r="G55" s="457"/>
      <c r="H55" s="457"/>
      <c r="I55" s="457"/>
      <c r="J55" s="457"/>
      <c r="K55" s="457"/>
      <c r="L55" s="458"/>
      <c r="M55" s="457"/>
      <c r="N55" s="457"/>
      <c r="O55" s="457"/>
      <c r="P55" s="459"/>
      <c r="Q55" s="139"/>
      <c r="R55" s="138"/>
      <c r="S55" s="141"/>
      <c r="T55" s="64"/>
    </row>
    <row r="56" spans="1:56" s="67" customFormat="1" ht="75" customHeight="1" thickBot="1">
      <c r="A56" s="471"/>
      <c r="B56" s="472"/>
      <c r="C56" s="472"/>
      <c r="D56" s="472"/>
      <c r="E56" s="472"/>
      <c r="F56" s="472"/>
      <c r="G56" s="472"/>
      <c r="H56" s="472"/>
      <c r="I56" s="472"/>
      <c r="J56" s="472"/>
      <c r="K56" s="472"/>
      <c r="L56" s="473"/>
      <c r="M56" s="472"/>
      <c r="N56" s="472"/>
      <c r="O56" s="472"/>
      <c r="P56" s="474"/>
      <c r="Q56" s="139"/>
      <c r="R56" s="138"/>
      <c r="S56" s="141"/>
      <c r="T56" s="64"/>
    </row>
    <row r="57" spans="1:56" s="64" customFormat="1" ht="69.900000000000006" customHeight="1" thickBot="1">
      <c r="A57" s="443" t="s">
        <v>47</v>
      </c>
      <c r="B57" s="444"/>
      <c r="C57" s="444"/>
      <c r="D57" s="444"/>
      <c r="E57" s="444"/>
      <c r="F57" s="444"/>
      <c r="G57" s="444"/>
      <c r="H57" s="444"/>
      <c r="I57" s="444"/>
      <c r="J57" s="444"/>
      <c r="K57" s="444"/>
      <c r="L57" s="445"/>
      <c r="M57" s="444"/>
      <c r="N57" s="444"/>
      <c r="O57" s="444"/>
      <c r="P57" s="446"/>
      <c r="Q57" s="139"/>
      <c r="R57" s="138"/>
      <c r="S57" s="78"/>
      <c r="U57" s="76"/>
      <c r="V57" s="76"/>
      <c r="W57" s="76"/>
      <c r="X57" s="76"/>
      <c r="Y57" s="76"/>
      <c r="Z57" s="76"/>
      <c r="AA57" s="76"/>
      <c r="AB57" s="76"/>
      <c r="AC57" s="76"/>
      <c r="AD57" s="76"/>
      <c r="AE57" s="76"/>
      <c r="AF57" s="76"/>
      <c r="AG57" s="76"/>
      <c r="AH57" s="76"/>
      <c r="AI57" s="76"/>
      <c r="AJ57" s="76"/>
      <c r="AK57" s="76"/>
      <c r="AL57" s="76"/>
      <c r="AM57" s="76"/>
      <c r="AN57" s="76"/>
      <c r="AO57" s="76"/>
      <c r="AP57" s="76"/>
      <c r="AQ57" s="76"/>
      <c r="AR57" s="76"/>
      <c r="AS57" s="76"/>
      <c r="AT57" s="76"/>
      <c r="AU57" s="76"/>
      <c r="AV57" s="76"/>
      <c r="AW57" s="76"/>
      <c r="AX57" s="76"/>
      <c r="AY57" s="76"/>
      <c r="AZ57" s="76"/>
      <c r="BA57" s="76"/>
      <c r="BB57" s="76"/>
      <c r="BC57" s="76"/>
      <c r="BD57" s="76"/>
    </row>
    <row r="58" spans="1:56" s="86" customFormat="1" ht="409.6" customHeight="1" thickTop="1" thickBot="1">
      <c r="A58" s="485" t="s">
        <v>412</v>
      </c>
      <c r="B58" s="486"/>
      <c r="C58" s="486"/>
      <c r="D58" s="486"/>
      <c r="E58" s="486"/>
      <c r="F58" s="486"/>
      <c r="G58" s="486"/>
      <c r="H58" s="486"/>
      <c r="I58" s="486"/>
      <c r="J58" s="486"/>
      <c r="K58" s="486"/>
      <c r="L58" s="352"/>
      <c r="M58" s="486"/>
      <c r="N58" s="80" t="s">
        <v>24</v>
      </c>
      <c r="O58" s="68" t="s">
        <v>20</v>
      </c>
      <c r="P58" s="69" t="s">
        <v>21</v>
      </c>
      <c r="Q58" s="81"/>
      <c r="R58" s="82"/>
      <c r="S58" s="83"/>
      <c r="T58" s="84"/>
      <c r="U58" s="85"/>
      <c r="V58" s="85"/>
      <c r="W58" s="85"/>
      <c r="X58" s="85"/>
      <c r="Y58" s="85"/>
      <c r="Z58" s="85"/>
      <c r="AA58" s="85"/>
      <c r="AB58" s="85"/>
      <c r="AC58" s="85"/>
      <c r="AD58" s="85"/>
      <c r="AE58" s="85"/>
      <c r="AF58" s="85"/>
      <c r="AG58" s="85"/>
      <c r="AH58" s="85"/>
      <c r="AI58" s="85"/>
      <c r="AJ58" s="85"/>
      <c r="AK58" s="85"/>
      <c r="AL58" s="85"/>
      <c r="AM58" s="85"/>
      <c r="AN58" s="85"/>
      <c r="AO58" s="85"/>
      <c r="AP58" s="85"/>
      <c r="AQ58" s="85"/>
      <c r="AR58" s="85"/>
      <c r="AS58" s="85"/>
      <c r="AT58" s="85"/>
      <c r="AU58" s="85"/>
      <c r="AV58" s="85"/>
      <c r="AW58" s="85"/>
      <c r="AX58" s="85"/>
      <c r="AY58" s="85"/>
      <c r="AZ58" s="85"/>
      <c r="BA58" s="85"/>
      <c r="BB58" s="85"/>
      <c r="BC58" s="85"/>
      <c r="BD58" s="85"/>
    </row>
    <row r="59" spans="1:56" s="90" customFormat="1" ht="252.6" customHeight="1" thickTop="1" thickBot="1">
      <c r="A59" s="565" t="s">
        <v>413</v>
      </c>
      <c r="B59" s="731"/>
      <c r="C59" s="731"/>
      <c r="D59" s="731"/>
      <c r="E59" s="731"/>
      <c r="F59" s="731"/>
      <c r="G59" s="731"/>
      <c r="H59" s="731"/>
      <c r="I59" s="731"/>
      <c r="J59" s="731"/>
      <c r="K59" s="731"/>
      <c r="L59" s="566"/>
      <c r="M59" s="731"/>
      <c r="N59" s="87" t="s">
        <v>24</v>
      </c>
      <c r="O59" s="73" t="s">
        <v>20</v>
      </c>
      <c r="P59" s="74" t="s">
        <v>21</v>
      </c>
      <c r="Q59" s="81"/>
      <c r="R59" s="88"/>
      <c r="S59" s="137"/>
      <c r="T59" s="193"/>
      <c r="U59" s="89"/>
      <c r="V59" s="89"/>
      <c r="W59" s="89"/>
      <c r="X59" s="89"/>
      <c r="Y59" s="89"/>
      <c r="Z59" s="89"/>
      <c r="AA59" s="89"/>
      <c r="AB59" s="89"/>
      <c r="AC59" s="89"/>
      <c r="AD59" s="89"/>
      <c r="AE59" s="89"/>
      <c r="AF59" s="89"/>
      <c r="AG59" s="89"/>
      <c r="AH59" s="89"/>
      <c r="AI59" s="89"/>
      <c r="AJ59" s="89"/>
      <c r="AK59" s="89"/>
      <c r="AL59" s="89"/>
      <c r="AM59" s="89"/>
      <c r="AN59" s="89"/>
      <c r="AO59" s="89"/>
      <c r="AP59" s="89"/>
      <c r="AQ59" s="89"/>
      <c r="AR59" s="89"/>
      <c r="AS59" s="89"/>
      <c r="AT59" s="89"/>
      <c r="AU59" s="89"/>
      <c r="AV59" s="89"/>
      <c r="AW59" s="89"/>
      <c r="AX59" s="89"/>
      <c r="AY59" s="89"/>
      <c r="AZ59" s="89"/>
      <c r="BA59" s="89"/>
      <c r="BB59" s="89"/>
      <c r="BC59" s="89"/>
      <c r="BD59" s="89"/>
    </row>
    <row r="60" spans="1:56" s="42" customFormat="1" ht="216" customHeight="1" thickTop="1" thickBot="1">
      <c r="A60" s="450" t="s">
        <v>414</v>
      </c>
      <c r="B60" s="349"/>
      <c r="C60" s="349"/>
      <c r="D60" s="349"/>
      <c r="E60" s="349"/>
      <c r="F60" s="349"/>
      <c r="G60" s="349"/>
      <c r="H60" s="349"/>
      <c r="I60" s="349"/>
      <c r="J60" s="349"/>
      <c r="K60" s="349"/>
      <c r="L60" s="349"/>
      <c r="M60" s="732"/>
      <c r="N60" s="70" t="s">
        <v>24</v>
      </c>
      <c r="O60" s="71" t="s">
        <v>20</v>
      </c>
      <c r="P60" s="72" t="s">
        <v>21</v>
      </c>
      <c r="Q60" s="134"/>
      <c r="R60" s="133"/>
      <c r="S60" s="137"/>
      <c r="T60" s="40"/>
      <c r="U60" s="41"/>
      <c r="V60" s="41"/>
      <c r="W60" s="41"/>
      <c r="X60" s="40"/>
      <c r="Y60" s="40"/>
      <c r="Z60" s="40"/>
      <c r="AA60" s="40"/>
      <c r="AB60" s="40"/>
      <c r="AC60" s="40"/>
      <c r="AD60" s="40"/>
      <c r="AE60" s="40"/>
      <c r="AF60" s="40"/>
      <c r="AG60" s="40"/>
      <c r="AH60" s="40"/>
      <c r="AI60" s="40"/>
      <c r="AJ60" s="40"/>
      <c r="AK60" s="40"/>
      <c r="AL60" s="40"/>
      <c r="AM60" s="40"/>
      <c r="AN60" s="41"/>
      <c r="AO60" s="41"/>
      <c r="AP60" s="41"/>
      <c r="AQ60" s="41"/>
      <c r="AR60" s="41"/>
      <c r="AS60" s="41"/>
      <c r="AT60" s="41"/>
      <c r="AU60" s="41"/>
      <c r="AV60" s="41"/>
      <c r="AW60" s="41"/>
      <c r="AX60" s="41"/>
      <c r="AY60" s="41"/>
      <c r="AZ60" s="41"/>
      <c r="BA60" s="41"/>
      <c r="BB60" s="41"/>
      <c r="BC60" s="41"/>
      <c r="BD60" s="41"/>
    </row>
    <row r="61" spans="1:56" s="64" customFormat="1" ht="69.900000000000006" customHeight="1" thickTop="1">
      <c r="A61" s="468" t="s">
        <v>25</v>
      </c>
      <c r="B61" s="469"/>
      <c r="C61" s="469"/>
      <c r="D61" s="469"/>
      <c r="E61" s="469"/>
      <c r="F61" s="469"/>
      <c r="G61" s="469"/>
      <c r="H61" s="469"/>
      <c r="I61" s="469"/>
      <c r="J61" s="469"/>
      <c r="K61" s="469"/>
      <c r="L61" s="454"/>
      <c r="M61" s="469"/>
      <c r="N61" s="469"/>
      <c r="O61" s="469"/>
      <c r="P61" s="470"/>
      <c r="Q61" s="122"/>
      <c r="R61" s="138"/>
      <c r="S61" s="162"/>
    </row>
    <row r="62" spans="1:56" s="67" customFormat="1" ht="75" customHeight="1">
      <c r="A62" s="456"/>
      <c r="B62" s="457"/>
      <c r="C62" s="457"/>
      <c r="D62" s="457"/>
      <c r="E62" s="457"/>
      <c r="F62" s="457"/>
      <c r="G62" s="457"/>
      <c r="H62" s="457"/>
      <c r="I62" s="457"/>
      <c r="J62" s="457"/>
      <c r="K62" s="457"/>
      <c r="L62" s="458"/>
      <c r="M62" s="457"/>
      <c r="N62" s="457"/>
      <c r="O62" s="457"/>
      <c r="P62" s="459"/>
      <c r="Q62" s="139"/>
      <c r="R62" s="138"/>
      <c r="S62" s="141"/>
      <c r="T62" s="64"/>
    </row>
    <row r="63" spans="1:56" s="67" customFormat="1" ht="75" customHeight="1" thickBot="1">
      <c r="A63" s="471"/>
      <c r="B63" s="472"/>
      <c r="C63" s="472"/>
      <c r="D63" s="472"/>
      <c r="E63" s="472"/>
      <c r="F63" s="472"/>
      <c r="G63" s="472"/>
      <c r="H63" s="472"/>
      <c r="I63" s="472"/>
      <c r="J63" s="472"/>
      <c r="K63" s="472"/>
      <c r="L63" s="473"/>
      <c r="M63" s="472"/>
      <c r="N63" s="472"/>
      <c r="O63" s="472"/>
      <c r="P63" s="474"/>
      <c r="Q63" s="139"/>
      <c r="R63" s="138"/>
      <c r="S63" s="141"/>
      <c r="T63" s="64"/>
    </row>
    <row r="64" spans="1:56" s="64" customFormat="1" ht="69.75" customHeight="1" thickBot="1">
      <c r="A64" s="443" t="s">
        <v>50</v>
      </c>
      <c r="B64" s="444"/>
      <c r="C64" s="444"/>
      <c r="D64" s="444"/>
      <c r="E64" s="444"/>
      <c r="F64" s="444"/>
      <c r="G64" s="444"/>
      <c r="H64" s="444"/>
      <c r="I64" s="444"/>
      <c r="J64" s="444"/>
      <c r="K64" s="444"/>
      <c r="L64" s="445"/>
      <c r="M64" s="444"/>
      <c r="N64" s="444"/>
      <c r="O64" s="444"/>
      <c r="P64" s="446"/>
      <c r="Q64" s="139"/>
      <c r="R64" s="138"/>
      <c r="S64" s="78"/>
      <c r="T64" s="76"/>
      <c r="U64" s="76"/>
      <c r="V64" s="76"/>
      <c r="W64" s="76"/>
      <c r="X64" s="76"/>
      <c r="Y64" s="76"/>
      <c r="Z64" s="76"/>
      <c r="AA64" s="76"/>
      <c r="AB64" s="76"/>
      <c r="AC64" s="76"/>
      <c r="AD64" s="76"/>
      <c r="AE64" s="76"/>
      <c r="AF64" s="76"/>
      <c r="AG64" s="76"/>
      <c r="AH64" s="76"/>
      <c r="AI64" s="76"/>
      <c r="AJ64" s="76"/>
      <c r="AK64" s="76"/>
      <c r="AL64" s="76"/>
      <c r="AM64" s="76"/>
      <c r="AN64" s="76"/>
      <c r="AO64" s="76"/>
      <c r="AP64" s="76"/>
      <c r="AQ64" s="76"/>
      <c r="AR64" s="76"/>
      <c r="AS64" s="76"/>
      <c r="AT64" s="76"/>
      <c r="AU64" s="76"/>
      <c r="AV64" s="76"/>
      <c r="AW64" s="76"/>
      <c r="AX64" s="76"/>
      <c r="AY64" s="76"/>
      <c r="AZ64" s="76"/>
      <c r="BA64" s="76"/>
      <c r="BB64" s="76"/>
      <c r="BC64" s="76"/>
      <c r="BD64" s="76"/>
    </row>
    <row r="65" spans="1:56" s="67" customFormat="1" ht="140.1" customHeight="1" thickTop="1" thickBot="1">
      <c r="A65" s="477" t="s">
        <v>415</v>
      </c>
      <c r="B65" s="478"/>
      <c r="C65" s="478"/>
      <c r="D65" s="478"/>
      <c r="E65" s="478"/>
      <c r="F65" s="478"/>
      <c r="G65" s="478"/>
      <c r="H65" s="478"/>
      <c r="I65" s="478"/>
      <c r="J65" s="478"/>
      <c r="K65" s="478"/>
      <c r="L65" s="379"/>
      <c r="M65" s="478"/>
      <c r="N65" s="478"/>
      <c r="O65" s="75" t="s">
        <v>20</v>
      </c>
      <c r="P65" s="136" t="s">
        <v>21</v>
      </c>
      <c r="Q65" s="139"/>
      <c r="R65" s="138"/>
      <c r="S65" s="137"/>
      <c r="T65" s="76"/>
      <c r="U65" s="77"/>
      <c r="V65" s="77"/>
      <c r="W65" s="77"/>
      <c r="X65" s="77"/>
      <c r="Y65" s="77"/>
      <c r="Z65" s="77"/>
      <c r="AA65" s="77"/>
      <c r="AB65" s="77"/>
      <c r="AC65" s="77"/>
      <c r="AD65" s="77"/>
      <c r="AE65" s="77"/>
      <c r="AF65" s="77"/>
      <c r="AG65" s="77"/>
      <c r="AH65" s="77"/>
      <c r="AI65" s="77"/>
      <c r="AJ65" s="77"/>
      <c r="AK65" s="77"/>
      <c r="AL65" s="77"/>
      <c r="AM65" s="77"/>
      <c r="AN65" s="77"/>
      <c r="AO65" s="77"/>
      <c r="AP65" s="77"/>
      <c r="AQ65" s="77"/>
      <c r="AR65" s="77"/>
      <c r="AS65" s="77"/>
      <c r="AT65" s="77"/>
      <c r="AU65" s="77"/>
      <c r="AV65" s="77"/>
      <c r="AW65" s="77"/>
      <c r="AX65" s="77"/>
      <c r="AY65" s="77"/>
      <c r="AZ65" s="77"/>
      <c r="BA65" s="77"/>
      <c r="BB65" s="77"/>
      <c r="BC65" s="77"/>
      <c r="BD65" s="77"/>
    </row>
    <row r="66" spans="1:56" s="64" customFormat="1" ht="69.900000000000006" customHeight="1" thickTop="1">
      <c r="A66" s="468" t="s">
        <v>52</v>
      </c>
      <c r="B66" s="469"/>
      <c r="C66" s="469"/>
      <c r="D66" s="469"/>
      <c r="E66" s="469"/>
      <c r="F66" s="469"/>
      <c r="G66" s="469"/>
      <c r="H66" s="469"/>
      <c r="I66" s="469"/>
      <c r="J66" s="469"/>
      <c r="K66" s="469"/>
      <c r="L66" s="454"/>
      <c r="M66" s="469"/>
      <c r="N66" s="469"/>
      <c r="O66" s="469"/>
      <c r="P66" s="470"/>
      <c r="Q66" s="122"/>
      <c r="R66" s="138"/>
      <c r="S66" s="162"/>
    </row>
    <row r="67" spans="1:56" s="64" customFormat="1" ht="69.900000000000006" customHeight="1">
      <c r="A67" s="488" t="s">
        <v>53</v>
      </c>
      <c r="B67" s="489"/>
      <c r="C67" s="489"/>
      <c r="D67" s="489"/>
      <c r="E67" s="489"/>
      <c r="F67" s="489"/>
      <c r="G67" s="489"/>
      <c r="H67" s="489"/>
      <c r="I67" s="489"/>
      <c r="J67" s="490"/>
      <c r="K67" s="480"/>
      <c r="L67" s="491"/>
      <c r="M67" s="492"/>
      <c r="N67" s="492"/>
      <c r="O67" s="492"/>
      <c r="P67" s="493"/>
      <c r="Q67" s="122"/>
      <c r="R67" s="138"/>
      <c r="S67" s="162"/>
      <c r="T67" s="193"/>
    </row>
    <row r="68" spans="1:56" s="67" customFormat="1" ht="69.900000000000006" customHeight="1">
      <c r="A68" s="494" t="s">
        <v>54</v>
      </c>
      <c r="B68" s="495"/>
      <c r="C68" s="495"/>
      <c r="D68" s="495"/>
      <c r="E68" s="495"/>
      <c r="F68" s="495"/>
      <c r="G68" s="495"/>
      <c r="H68" s="495"/>
      <c r="I68" s="495"/>
      <c r="J68" s="496"/>
      <c r="K68" s="497"/>
      <c r="L68" s="307"/>
      <c r="M68" s="498"/>
      <c r="N68" s="498"/>
      <c r="O68" s="498"/>
      <c r="P68" s="499"/>
      <c r="Q68" s="139"/>
      <c r="R68" s="138"/>
      <c r="S68" s="91"/>
      <c r="T68" s="92"/>
      <c r="U68" s="93"/>
      <c r="V68" s="93"/>
      <c r="W68" s="93"/>
      <c r="X68" s="93"/>
      <c r="Y68" s="93"/>
      <c r="Z68" s="93"/>
      <c r="AA68" s="93"/>
      <c r="AB68" s="93"/>
      <c r="AC68" s="93"/>
      <c r="AD68" s="93"/>
      <c r="AE68" s="93"/>
      <c r="AF68" s="93"/>
      <c r="AG68" s="93"/>
      <c r="AH68" s="93"/>
      <c r="AI68" s="93"/>
      <c r="AJ68" s="93"/>
      <c r="AK68" s="93"/>
      <c r="AL68" s="93"/>
      <c r="AM68" s="93"/>
      <c r="AN68" s="93"/>
      <c r="AO68" s="93"/>
      <c r="AP68" s="93"/>
      <c r="AQ68" s="93"/>
      <c r="AR68" s="93"/>
      <c r="AS68" s="93"/>
      <c r="AT68" s="93"/>
      <c r="AU68" s="93"/>
      <c r="AV68" s="93"/>
      <c r="AW68" s="93"/>
      <c r="AX68" s="93"/>
      <c r="AY68" s="93"/>
      <c r="AZ68" s="93"/>
      <c r="BA68" s="93"/>
      <c r="BB68" s="93"/>
      <c r="BC68" s="93"/>
      <c r="BD68" s="93"/>
    </row>
    <row r="69" spans="1:56" s="64" customFormat="1" ht="69.900000000000006" customHeight="1">
      <c r="A69" s="468" t="s">
        <v>25</v>
      </c>
      <c r="B69" s="469"/>
      <c r="C69" s="469"/>
      <c r="D69" s="469"/>
      <c r="E69" s="469"/>
      <c r="F69" s="469"/>
      <c r="G69" s="469"/>
      <c r="H69" s="469"/>
      <c r="I69" s="469"/>
      <c r="J69" s="469"/>
      <c r="K69" s="469"/>
      <c r="L69" s="454"/>
      <c r="M69" s="469"/>
      <c r="N69" s="469"/>
      <c r="O69" s="469"/>
      <c r="P69" s="470"/>
      <c r="Q69" s="122"/>
      <c r="R69" s="138"/>
      <c r="S69" s="162"/>
    </row>
    <row r="70" spans="1:56" s="67" customFormat="1" ht="75" customHeight="1">
      <c r="A70" s="456"/>
      <c r="B70" s="457"/>
      <c r="C70" s="457"/>
      <c r="D70" s="457"/>
      <c r="E70" s="457"/>
      <c r="F70" s="457"/>
      <c r="G70" s="457"/>
      <c r="H70" s="457"/>
      <c r="I70" s="457"/>
      <c r="J70" s="457"/>
      <c r="K70" s="457"/>
      <c r="L70" s="458"/>
      <c r="M70" s="457"/>
      <c r="N70" s="457"/>
      <c r="O70" s="457"/>
      <c r="P70" s="459"/>
      <c r="Q70" s="139"/>
      <c r="R70" s="138"/>
      <c r="S70" s="141"/>
      <c r="T70" s="64"/>
    </row>
    <row r="71" spans="1:56" s="67" customFormat="1" ht="75" customHeight="1" thickBot="1">
      <c r="A71" s="471"/>
      <c r="B71" s="472"/>
      <c r="C71" s="472"/>
      <c r="D71" s="472"/>
      <c r="E71" s="472"/>
      <c r="F71" s="472"/>
      <c r="G71" s="472"/>
      <c r="H71" s="472"/>
      <c r="I71" s="472"/>
      <c r="J71" s="472"/>
      <c r="K71" s="472"/>
      <c r="L71" s="473"/>
      <c r="M71" s="472"/>
      <c r="N71" s="472"/>
      <c r="O71" s="472"/>
      <c r="P71" s="474"/>
      <c r="Q71" s="139"/>
      <c r="R71" s="138"/>
      <c r="S71" s="141"/>
      <c r="T71" s="64"/>
    </row>
    <row r="72" spans="1:56" s="64" customFormat="1" ht="69.900000000000006" customHeight="1" thickBot="1">
      <c r="A72" s="443" t="s">
        <v>416</v>
      </c>
      <c r="B72" s="444"/>
      <c r="C72" s="444"/>
      <c r="D72" s="444"/>
      <c r="E72" s="444"/>
      <c r="F72" s="444"/>
      <c r="G72" s="444"/>
      <c r="H72" s="444"/>
      <c r="I72" s="444"/>
      <c r="J72" s="444"/>
      <c r="K72" s="444"/>
      <c r="L72" s="445"/>
      <c r="M72" s="444"/>
      <c r="N72" s="444"/>
      <c r="O72" s="444"/>
      <c r="P72" s="446"/>
      <c r="Q72" s="139"/>
      <c r="R72" s="138"/>
      <c r="S72" s="210" t="s">
        <v>417</v>
      </c>
      <c r="T72" s="76"/>
      <c r="U72" s="76"/>
      <c r="V72" s="76"/>
      <c r="W72" s="76"/>
      <c r="X72" s="77"/>
      <c r="Y72" s="77"/>
      <c r="Z72" s="77"/>
      <c r="AA72" s="77"/>
      <c r="AB72" s="77"/>
      <c r="AC72" s="77"/>
      <c r="AD72" s="77"/>
      <c r="AE72" s="77"/>
      <c r="AF72" s="77"/>
      <c r="AG72" s="77"/>
      <c r="AH72" s="77"/>
      <c r="AI72" s="77"/>
      <c r="AJ72" s="77"/>
      <c r="AK72" s="77"/>
      <c r="AL72" s="77"/>
      <c r="AM72" s="77"/>
      <c r="AN72" s="76"/>
      <c r="AO72" s="76"/>
      <c r="AP72" s="76"/>
      <c r="AQ72" s="76"/>
      <c r="AR72" s="76"/>
      <c r="AS72" s="76"/>
      <c r="AT72" s="76"/>
      <c r="AU72" s="76"/>
      <c r="AV72" s="76"/>
      <c r="AW72" s="76"/>
      <c r="AX72" s="76"/>
      <c r="AY72" s="76"/>
      <c r="AZ72" s="76"/>
      <c r="BA72" s="76"/>
      <c r="BB72" s="76"/>
      <c r="BC72" s="76"/>
      <c r="BD72" s="76"/>
    </row>
    <row r="73" spans="1:56" s="67" customFormat="1" ht="274.5" customHeight="1" thickTop="1" thickBot="1">
      <c r="A73" s="485" t="s">
        <v>418</v>
      </c>
      <c r="B73" s="486"/>
      <c r="C73" s="486"/>
      <c r="D73" s="486"/>
      <c r="E73" s="486"/>
      <c r="F73" s="486"/>
      <c r="G73" s="486"/>
      <c r="H73" s="486"/>
      <c r="I73" s="486"/>
      <c r="J73" s="486"/>
      <c r="K73" s="486"/>
      <c r="L73" s="352"/>
      <c r="M73" s="486"/>
      <c r="N73" s="486"/>
      <c r="O73" s="68" t="s">
        <v>20</v>
      </c>
      <c r="P73" s="69" t="s">
        <v>21</v>
      </c>
      <c r="Q73" s="139"/>
      <c r="R73" s="138"/>
      <c r="S73" s="137"/>
      <c r="T73" s="76"/>
      <c r="U73" s="77"/>
      <c r="V73" s="77"/>
      <c r="W73" s="77"/>
      <c r="X73" s="77"/>
      <c r="Y73" s="77"/>
      <c r="Z73" s="77"/>
      <c r="AA73" s="77"/>
      <c r="AB73" s="77"/>
      <c r="AC73" s="77"/>
      <c r="AD73" s="77"/>
      <c r="AE73" s="77"/>
      <c r="AF73" s="77"/>
      <c r="AG73" s="77"/>
      <c r="AH73" s="77"/>
      <c r="AI73" s="77"/>
      <c r="AJ73" s="77"/>
      <c r="AK73" s="77"/>
      <c r="AL73" s="77"/>
      <c r="AM73" s="77"/>
      <c r="AN73" s="77"/>
      <c r="AO73" s="77"/>
      <c r="AP73" s="77"/>
      <c r="AQ73" s="77"/>
      <c r="AR73" s="77"/>
      <c r="AS73" s="77"/>
      <c r="AT73" s="77"/>
      <c r="AU73" s="77"/>
      <c r="AV73" s="77"/>
      <c r="AW73" s="77"/>
      <c r="AX73" s="77"/>
      <c r="AY73" s="77"/>
      <c r="AZ73" s="77"/>
      <c r="BA73" s="77"/>
      <c r="BB73" s="77"/>
      <c r="BC73" s="77"/>
      <c r="BD73" s="77"/>
    </row>
    <row r="74" spans="1:56" s="67" customFormat="1" ht="229.5" customHeight="1" thickTop="1" thickBot="1">
      <c r="A74" s="467" t="s">
        <v>419</v>
      </c>
      <c r="B74" s="451"/>
      <c r="C74" s="451"/>
      <c r="D74" s="451"/>
      <c r="E74" s="451"/>
      <c r="F74" s="451"/>
      <c r="G74" s="451"/>
      <c r="H74" s="451"/>
      <c r="I74" s="451"/>
      <c r="J74" s="451"/>
      <c r="K74" s="451"/>
      <c r="L74" s="349"/>
      <c r="M74" s="451"/>
      <c r="N74" s="451"/>
      <c r="O74" s="68" t="s">
        <v>20</v>
      </c>
      <c r="P74" s="69" t="s">
        <v>21</v>
      </c>
      <c r="Q74" s="139"/>
      <c r="R74" s="138"/>
      <c r="S74" s="137"/>
      <c r="T74" s="76"/>
      <c r="U74" s="77"/>
      <c r="V74" s="77"/>
      <c r="W74" s="77"/>
      <c r="X74" s="76"/>
      <c r="Y74" s="76"/>
      <c r="Z74" s="76"/>
      <c r="AA74" s="76"/>
      <c r="AB74" s="76"/>
      <c r="AC74" s="76"/>
      <c r="AD74" s="76"/>
      <c r="AE74" s="76"/>
      <c r="AF74" s="76"/>
      <c r="AG74" s="76"/>
      <c r="AH74" s="76"/>
      <c r="AI74" s="76"/>
      <c r="AJ74" s="76"/>
      <c r="AK74" s="76"/>
      <c r="AL74" s="76"/>
      <c r="AM74" s="76"/>
      <c r="AN74" s="77"/>
      <c r="AO74" s="77"/>
      <c r="AP74" s="77"/>
      <c r="AQ74" s="77"/>
      <c r="AR74" s="77"/>
      <c r="AS74" s="77"/>
      <c r="AT74" s="77"/>
      <c r="AU74" s="77"/>
      <c r="AV74" s="77"/>
      <c r="AW74" s="77"/>
      <c r="AX74" s="77"/>
      <c r="AY74" s="77"/>
      <c r="AZ74" s="77"/>
      <c r="BA74" s="77"/>
      <c r="BB74" s="77"/>
      <c r="BC74" s="77"/>
      <c r="BD74" s="77"/>
    </row>
    <row r="75" spans="1:56" s="67" customFormat="1" ht="140.1" customHeight="1" thickTop="1" thickBot="1">
      <c r="A75" s="467" t="s">
        <v>420</v>
      </c>
      <c r="B75" s="451"/>
      <c r="C75" s="451"/>
      <c r="D75" s="451"/>
      <c r="E75" s="451"/>
      <c r="F75" s="451"/>
      <c r="G75" s="451"/>
      <c r="H75" s="451"/>
      <c r="I75" s="451"/>
      <c r="J75" s="451"/>
      <c r="K75" s="451"/>
      <c r="L75" s="349"/>
      <c r="M75" s="451"/>
      <c r="N75" s="451"/>
      <c r="O75" s="75" t="s">
        <v>20</v>
      </c>
      <c r="P75" s="136" t="s">
        <v>21</v>
      </c>
      <c r="Q75" s="139"/>
      <c r="R75" s="138"/>
      <c r="S75" s="137"/>
      <c r="T75" s="76"/>
      <c r="U75" s="77"/>
      <c r="V75" s="77"/>
      <c r="W75" s="77"/>
      <c r="X75" s="77"/>
      <c r="Y75" s="77"/>
      <c r="Z75" s="77"/>
      <c r="AA75" s="77"/>
      <c r="AB75" s="77"/>
      <c r="AC75" s="77"/>
      <c r="AD75" s="77"/>
      <c r="AE75" s="77"/>
      <c r="AF75" s="77"/>
      <c r="AG75" s="77"/>
      <c r="AH75" s="77"/>
      <c r="AI75" s="77"/>
      <c r="AJ75" s="77"/>
      <c r="AK75" s="77"/>
      <c r="AL75" s="77"/>
      <c r="AM75" s="77"/>
      <c r="AN75" s="77"/>
      <c r="AO75" s="77"/>
      <c r="AP75" s="77"/>
      <c r="AQ75" s="77"/>
      <c r="AR75" s="77"/>
      <c r="AS75" s="77"/>
      <c r="AT75" s="77"/>
      <c r="AU75" s="77"/>
      <c r="AV75" s="77"/>
      <c r="AW75" s="77"/>
      <c r="AX75" s="77"/>
      <c r="AY75" s="77"/>
      <c r="AZ75" s="77"/>
      <c r="BA75" s="77"/>
      <c r="BB75" s="77"/>
      <c r="BC75" s="77"/>
      <c r="BD75" s="77"/>
    </row>
    <row r="76" spans="1:56" s="64" customFormat="1" ht="69.900000000000006" customHeight="1" thickTop="1">
      <c r="A76" s="468" t="s">
        <v>25</v>
      </c>
      <c r="B76" s="469"/>
      <c r="C76" s="469"/>
      <c r="D76" s="469"/>
      <c r="E76" s="469"/>
      <c r="F76" s="469"/>
      <c r="G76" s="469"/>
      <c r="H76" s="469"/>
      <c r="I76" s="469"/>
      <c r="J76" s="469"/>
      <c r="K76" s="469"/>
      <c r="L76" s="454"/>
      <c r="M76" s="469"/>
      <c r="N76" s="469"/>
      <c r="O76" s="469"/>
      <c r="P76" s="470"/>
      <c r="Q76" s="122"/>
      <c r="R76" s="138"/>
      <c r="S76" s="162"/>
    </row>
    <row r="77" spans="1:56" s="67" customFormat="1" ht="75" customHeight="1">
      <c r="A77" s="456"/>
      <c r="B77" s="457"/>
      <c r="C77" s="457"/>
      <c r="D77" s="457"/>
      <c r="E77" s="457"/>
      <c r="F77" s="457"/>
      <c r="G77" s="457"/>
      <c r="H77" s="457"/>
      <c r="I77" s="457"/>
      <c r="J77" s="457"/>
      <c r="K77" s="457"/>
      <c r="L77" s="458"/>
      <c r="M77" s="457"/>
      <c r="N77" s="457"/>
      <c r="O77" s="457"/>
      <c r="P77" s="459"/>
      <c r="Q77" s="139"/>
      <c r="R77" s="138"/>
      <c r="S77" s="141"/>
      <c r="T77" s="64"/>
    </row>
    <row r="78" spans="1:56" s="67" customFormat="1" ht="75" customHeight="1" thickBot="1">
      <c r="A78" s="471"/>
      <c r="B78" s="472"/>
      <c r="C78" s="472"/>
      <c r="D78" s="472"/>
      <c r="E78" s="472"/>
      <c r="F78" s="472"/>
      <c r="G78" s="472"/>
      <c r="H78" s="472"/>
      <c r="I78" s="472"/>
      <c r="J78" s="472"/>
      <c r="K78" s="472"/>
      <c r="L78" s="473"/>
      <c r="M78" s="472"/>
      <c r="N78" s="472"/>
      <c r="O78" s="472"/>
      <c r="P78" s="474"/>
      <c r="Q78" s="139"/>
      <c r="R78" s="138"/>
      <c r="S78" s="141"/>
      <c r="T78" s="64"/>
    </row>
    <row r="79" spans="1:56" s="64" customFormat="1" ht="69.900000000000006" customHeight="1" thickBot="1">
      <c r="A79" s="443" t="s">
        <v>421</v>
      </c>
      <c r="B79" s="444"/>
      <c r="C79" s="444"/>
      <c r="D79" s="444"/>
      <c r="E79" s="444"/>
      <c r="F79" s="444"/>
      <c r="G79" s="444"/>
      <c r="H79" s="444"/>
      <c r="I79" s="444"/>
      <c r="J79" s="444"/>
      <c r="K79" s="444"/>
      <c r="L79" s="445"/>
      <c r="M79" s="444"/>
      <c r="N79" s="444"/>
      <c r="O79" s="444"/>
      <c r="P79" s="446"/>
      <c r="Q79" s="139"/>
      <c r="R79" s="138"/>
      <c r="S79" s="78"/>
      <c r="T79" s="76"/>
      <c r="U79" s="76"/>
      <c r="V79" s="76"/>
      <c r="W79" s="76"/>
      <c r="X79" s="76"/>
      <c r="Y79" s="76"/>
      <c r="Z79" s="76"/>
      <c r="AA79" s="76"/>
      <c r="AB79" s="76"/>
      <c r="AC79" s="76"/>
      <c r="AD79" s="76"/>
      <c r="AE79" s="76"/>
      <c r="AF79" s="76"/>
      <c r="AG79" s="76"/>
      <c r="AH79" s="76"/>
      <c r="AI79" s="76"/>
      <c r="AJ79" s="76"/>
      <c r="AK79" s="76"/>
      <c r="AL79" s="76"/>
      <c r="AM79" s="76"/>
      <c r="AN79" s="76"/>
      <c r="AO79" s="76"/>
      <c r="AP79" s="76"/>
      <c r="AQ79" s="76"/>
      <c r="AR79" s="76"/>
      <c r="AS79" s="76"/>
      <c r="AT79" s="76"/>
      <c r="AU79" s="76"/>
      <c r="AV79" s="76"/>
      <c r="AW79" s="76"/>
      <c r="AX79" s="76"/>
      <c r="AY79" s="76"/>
      <c r="AZ79" s="76"/>
      <c r="BA79" s="76"/>
      <c r="BB79" s="76"/>
      <c r="BC79" s="76"/>
      <c r="BD79" s="76"/>
    </row>
    <row r="80" spans="1:56" s="67" customFormat="1" ht="409.6" customHeight="1" thickTop="1" thickBot="1">
      <c r="A80" s="477" t="s">
        <v>422</v>
      </c>
      <c r="B80" s="478"/>
      <c r="C80" s="478"/>
      <c r="D80" s="478"/>
      <c r="E80" s="478"/>
      <c r="F80" s="478"/>
      <c r="G80" s="478"/>
      <c r="H80" s="478"/>
      <c r="I80" s="478"/>
      <c r="J80" s="478"/>
      <c r="K80" s="478"/>
      <c r="L80" s="379"/>
      <c r="M80" s="478"/>
      <c r="N80" s="478"/>
      <c r="O80" s="481" t="s">
        <v>20</v>
      </c>
      <c r="P80" s="483" t="s">
        <v>21</v>
      </c>
      <c r="Q80" s="139"/>
      <c r="R80" s="138"/>
      <c r="S80" s="137"/>
      <c r="T80" s="76"/>
      <c r="U80" s="77"/>
      <c r="V80" s="77"/>
      <c r="W80" s="77"/>
      <c r="X80" s="77"/>
      <c r="Y80" s="77"/>
      <c r="Z80" s="77"/>
      <c r="AA80" s="77"/>
      <c r="AB80" s="77"/>
      <c r="AC80" s="77"/>
      <c r="AD80" s="77"/>
      <c r="AE80" s="77"/>
      <c r="AF80" s="77"/>
      <c r="AG80" s="77"/>
      <c r="AH80" s="77"/>
      <c r="AI80" s="77"/>
      <c r="AJ80" s="77"/>
      <c r="AK80" s="77"/>
      <c r="AL80" s="77"/>
      <c r="AM80" s="77"/>
      <c r="AN80" s="77"/>
      <c r="AO80" s="77"/>
      <c r="AP80" s="77"/>
      <c r="AQ80" s="77"/>
      <c r="AR80" s="77"/>
      <c r="AS80" s="77"/>
      <c r="AT80" s="77"/>
      <c r="AU80" s="77"/>
      <c r="AV80" s="77"/>
      <c r="AW80" s="77"/>
      <c r="AX80" s="77"/>
      <c r="AY80" s="77"/>
      <c r="AZ80" s="77"/>
      <c r="BA80" s="77"/>
      <c r="BB80" s="77"/>
      <c r="BC80" s="77"/>
      <c r="BD80" s="77"/>
    </row>
    <row r="81" spans="1:258" s="67" customFormat="1" ht="164.4" customHeight="1" thickTop="1">
      <c r="A81" s="479"/>
      <c r="B81" s="480"/>
      <c r="C81" s="480"/>
      <c r="D81" s="480"/>
      <c r="E81" s="480"/>
      <c r="F81" s="480"/>
      <c r="G81" s="480"/>
      <c r="H81" s="480"/>
      <c r="I81" s="480"/>
      <c r="J81" s="480"/>
      <c r="K81" s="480"/>
      <c r="L81" s="379"/>
      <c r="M81" s="480"/>
      <c r="N81" s="480"/>
      <c r="O81" s="482"/>
      <c r="P81" s="484"/>
      <c r="Q81" s="139"/>
      <c r="R81" s="138"/>
      <c r="S81" s="94"/>
      <c r="T81" s="76"/>
      <c r="U81" s="77"/>
      <c r="V81" s="77"/>
      <c r="W81" s="77"/>
      <c r="X81" s="77"/>
      <c r="Y81" s="77"/>
      <c r="Z81" s="77"/>
      <c r="AA81" s="77"/>
      <c r="AB81" s="77"/>
      <c r="AC81" s="77"/>
      <c r="AD81" s="77"/>
      <c r="AE81" s="77"/>
      <c r="AF81" s="77"/>
      <c r="AG81" s="77"/>
      <c r="AH81" s="77"/>
      <c r="AI81" s="77"/>
      <c r="AJ81" s="77"/>
      <c r="AK81" s="77"/>
      <c r="AL81" s="77"/>
      <c r="AM81" s="77"/>
      <c r="AN81" s="77"/>
      <c r="AO81" s="77"/>
      <c r="AP81" s="77"/>
      <c r="AQ81" s="77"/>
      <c r="AR81" s="77"/>
      <c r="AS81" s="77"/>
      <c r="AT81" s="77"/>
      <c r="AU81" s="77"/>
      <c r="AV81" s="77"/>
      <c r="AW81" s="77"/>
      <c r="AX81" s="77"/>
      <c r="AY81" s="77"/>
      <c r="AZ81" s="77"/>
      <c r="BA81" s="77"/>
      <c r="BB81" s="77"/>
      <c r="BC81" s="77"/>
      <c r="BD81" s="77"/>
    </row>
    <row r="82" spans="1:258" s="67" customFormat="1" ht="409.6" customHeight="1">
      <c r="A82" s="479"/>
      <c r="B82" s="480"/>
      <c r="C82" s="480"/>
      <c r="D82" s="480"/>
      <c r="E82" s="480"/>
      <c r="F82" s="480"/>
      <c r="G82" s="480"/>
      <c r="H82" s="480"/>
      <c r="I82" s="480"/>
      <c r="J82" s="480"/>
      <c r="K82" s="480"/>
      <c r="L82" s="352"/>
      <c r="M82" s="480"/>
      <c r="N82" s="480"/>
      <c r="O82" s="482"/>
      <c r="P82" s="484"/>
      <c r="Q82" s="139"/>
      <c r="R82" s="138"/>
      <c r="S82" s="94"/>
      <c r="U82" s="77"/>
      <c r="V82" s="77"/>
      <c r="W82" s="77"/>
      <c r="X82" s="77"/>
      <c r="Y82" s="77"/>
      <c r="Z82" s="77"/>
      <c r="AA82" s="77"/>
      <c r="AB82" s="77"/>
      <c r="AC82" s="77"/>
      <c r="AD82" s="77"/>
      <c r="AE82" s="77"/>
      <c r="AF82" s="77"/>
      <c r="AG82" s="77"/>
      <c r="AH82" s="77"/>
      <c r="AI82" s="77"/>
      <c r="AJ82" s="77"/>
      <c r="AK82" s="77"/>
      <c r="AL82" s="77"/>
      <c r="AM82" s="77"/>
      <c r="AN82" s="77"/>
      <c r="AO82" s="77"/>
      <c r="AP82" s="77"/>
      <c r="AQ82" s="77"/>
      <c r="AR82" s="77"/>
      <c r="AS82" s="77"/>
      <c r="AT82" s="77"/>
      <c r="AU82" s="77"/>
      <c r="AV82" s="77"/>
      <c r="AW82" s="77"/>
      <c r="AX82" s="77"/>
      <c r="AY82" s="77"/>
      <c r="AZ82" s="77"/>
      <c r="BA82" s="77"/>
      <c r="BB82" s="77"/>
      <c r="BC82" s="77"/>
      <c r="BD82" s="77"/>
    </row>
    <row r="83" spans="1:258" s="64" customFormat="1" ht="69.900000000000006" customHeight="1">
      <c r="A83" s="503" t="s">
        <v>108</v>
      </c>
      <c r="B83" s="504"/>
      <c r="C83" s="504"/>
      <c r="D83" s="504"/>
      <c r="E83" s="504"/>
      <c r="F83" s="504"/>
      <c r="G83" s="504"/>
      <c r="H83" s="504"/>
      <c r="I83" s="504"/>
      <c r="J83" s="504"/>
      <c r="K83" s="504"/>
      <c r="L83" s="505"/>
      <c r="M83" s="504"/>
      <c r="N83" s="504"/>
      <c r="O83" s="504"/>
      <c r="P83" s="506"/>
      <c r="Q83" s="122"/>
      <c r="R83" s="138"/>
      <c r="S83" s="162"/>
      <c r="T83" s="193"/>
    </row>
    <row r="84" spans="1:258" s="64" customFormat="1" ht="69.900000000000006" customHeight="1">
      <c r="A84" s="507" t="s">
        <v>64</v>
      </c>
      <c r="B84" s="508"/>
      <c r="C84" s="508"/>
      <c r="D84" s="508"/>
      <c r="E84" s="508"/>
      <c r="F84" s="508"/>
      <c r="G84" s="508"/>
      <c r="H84" s="508"/>
      <c r="I84" s="508"/>
      <c r="J84" s="508"/>
      <c r="K84" s="508"/>
      <c r="L84" s="508"/>
      <c r="M84" s="508"/>
      <c r="N84" s="508"/>
      <c r="O84" s="508"/>
      <c r="P84" s="509"/>
      <c r="Q84" s="161"/>
      <c r="R84" s="133"/>
      <c r="S84" s="162"/>
      <c r="T84" s="52"/>
      <c r="U84" s="52"/>
      <c r="V84" s="52"/>
      <c r="W84" s="52"/>
      <c r="X84" s="52"/>
      <c r="Y84" s="52"/>
      <c r="Z84" s="52"/>
      <c r="AA84" s="52"/>
      <c r="AB84" s="52"/>
      <c r="AC84" s="52"/>
      <c r="AD84" s="52"/>
      <c r="AE84" s="52"/>
      <c r="AF84" s="52"/>
      <c r="AG84" s="52"/>
      <c r="AH84" s="52"/>
      <c r="AI84" s="52"/>
      <c r="AJ84" s="52"/>
      <c r="AK84" s="52"/>
      <c r="AL84" s="52"/>
      <c r="AM84" s="52"/>
      <c r="AN84" s="52"/>
      <c r="AO84" s="52"/>
      <c r="AP84" s="52"/>
      <c r="AQ84" s="52"/>
      <c r="AR84" s="52"/>
      <c r="AS84" s="52"/>
      <c r="AT84" s="52"/>
      <c r="AU84" s="52"/>
      <c r="AV84" s="52"/>
      <c r="AW84" s="52"/>
      <c r="AX84" s="52"/>
      <c r="AY84" s="52"/>
      <c r="AZ84" s="52"/>
      <c r="BA84" s="52"/>
      <c r="BB84" s="52"/>
      <c r="BC84" s="52"/>
      <c r="BD84" s="52"/>
      <c r="BE84" s="52"/>
      <c r="BF84" s="52"/>
      <c r="BG84" s="52"/>
      <c r="BH84" s="52"/>
      <c r="BI84" s="52"/>
      <c r="BJ84" s="52"/>
      <c r="BK84" s="52"/>
      <c r="BL84" s="52"/>
      <c r="BM84" s="52"/>
      <c r="BN84" s="52"/>
      <c r="BO84" s="52"/>
      <c r="BP84" s="52"/>
      <c r="BQ84" s="52"/>
      <c r="BR84" s="52"/>
      <c r="BS84" s="52"/>
      <c r="BT84" s="52"/>
      <c r="BU84" s="52"/>
      <c r="BV84" s="52"/>
      <c r="BW84" s="52"/>
      <c r="BX84" s="52"/>
      <c r="BY84" s="52"/>
      <c r="BZ84" s="52"/>
      <c r="CA84" s="52"/>
      <c r="CB84" s="52"/>
      <c r="CC84" s="52"/>
      <c r="CD84" s="52"/>
      <c r="CE84" s="52"/>
      <c r="CF84" s="52"/>
      <c r="CG84" s="52"/>
      <c r="CH84" s="52"/>
      <c r="CI84" s="52"/>
      <c r="CJ84" s="52"/>
      <c r="CK84" s="52"/>
      <c r="CL84" s="52"/>
      <c r="CM84" s="52"/>
      <c r="CN84" s="52"/>
      <c r="CO84" s="52"/>
      <c r="CP84" s="52"/>
      <c r="CQ84" s="52"/>
      <c r="CR84" s="52"/>
      <c r="CS84" s="52"/>
      <c r="CT84" s="52"/>
      <c r="CU84" s="52"/>
      <c r="CV84" s="52"/>
      <c r="CW84" s="52"/>
      <c r="CX84" s="52"/>
      <c r="CY84" s="52"/>
      <c r="CZ84" s="52"/>
      <c r="DA84" s="52"/>
      <c r="DB84" s="52"/>
      <c r="DC84" s="52"/>
      <c r="DD84" s="52"/>
      <c r="DE84" s="52"/>
      <c r="DF84" s="52"/>
      <c r="DG84" s="52"/>
      <c r="DH84" s="52"/>
      <c r="DI84" s="52"/>
      <c r="DJ84" s="52"/>
      <c r="DK84" s="52"/>
      <c r="DL84" s="52"/>
      <c r="DM84" s="52"/>
      <c r="DN84" s="52"/>
      <c r="DO84" s="52"/>
      <c r="DP84" s="52"/>
      <c r="DQ84" s="52"/>
      <c r="DR84" s="52"/>
      <c r="DS84" s="52"/>
      <c r="DT84" s="52"/>
      <c r="DU84" s="52"/>
      <c r="DV84" s="52"/>
      <c r="DW84" s="52"/>
      <c r="DX84" s="52"/>
      <c r="DY84" s="52"/>
      <c r="DZ84" s="52"/>
      <c r="EA84" s="52"/>
      <c r="EB84" s="52"/>
      <c r="EC84" s="52"/>
      <c r="ED84" s="52"/>
      <c r="EE84" s="52"/>
      <c r="EF84" s="52"/>
      <c r="EG84" s="52"/>
      <c r="EH84" s="52"/>
      <c r="EI84" s="52"/>
      <c r="EJ84" s="52"/>
      <c r="EK84" s="52"/>
      <c r="EL84" s="52"/>
      <c r="EM84" s="52"/>
      <c r="EN84" s="52"/>
      <c r="EO84" s="52"/>
      <c r="EP84" s="52"/>
      <c r="EQ84" s="52"/>
      <c r="ER84" s="52"/>
      <c r="ES84" s="52"/>
      <c r="ET84" s="52"/>
      <c r="EU84" s="52"/>
      <c r="EV84" s="52"/>
      <c r="EW84" s="52"/>
      <c r="EX84" s="52"/>
      <c r="EY84" s="52"/>
      <c r="EZ84" s="52"/>
      <c r="FA84" s="52"/>
      <c r="FB84" s="52"/>
      <c r="FC84" s="52"/>
      <c r="FD84" s="52"/>
      <c r="FE84" s="52"/>
      <c r="FF84" s="52"/>
      <c r="FG84" s="52"/>
      <c r="FH84" s="52"/>
      <c r="FI84" s="52"/>
      <c r="FJ84" s="52"/>
      <c r="FK84" s="52"/>
      <c r="FL84" s="52"/>
      <c r="FM84" s="52"/>
      <c r="FN84" s="52"/>
      <c r="FO84" s="52"/>
      <c r="FP84" s="52"/>
      <c r="FQ84" s="52"/>
      <c r="FR84" s="52"/>
      <c r="FS84" s="52"/>
      <c r="FT84" s="52"/>
      <c r="FU84" s="52"/>
      <c r="FV84" s="52"/>
      <c r="FW84" s="52"/>
      <c r="FX84" s="52"/>
      <c r="FY84" s="52"/>
      <c r="FZ84" s="52"/>
      <c r="GA84" s="52"/>
      <c r="GB84" s="52"/>
      <c r="GC84" s="52"/>
      <c r="GD84" s="52"/>
      <c r="GE84" s="52"/>
      <c r="GF84" s="52"/>
      <c r="GG84" s="52"/>
      <c r="GH84" s="52"/>
      <c r="GI84" s="52"/>
      <c r="GJ84" s="52"/>
      <c r="GK84" s="52"/>
      <c r="GL84" s="52"/>
      <c r="GM84" s="52"/>
      <c r="GN84" s="52"/>
      <c r="GO84" s="52"/>
      <c r="GP84" s="52"/>
      <c r="GQ84" s="52"/>
      <c r="GR84" s="52"/>
      <c r="GS84" s="52"/>
      <c r="GT84" s="52"/>
      <c r="GU84" s="52"/>
      <c r="GV84" s="52"/>
      <c r="GW84" s="52"/>
      <c r="GX84" s="52"/>
      <c r="GY84" s="52"/>
      <c r="GZ84" s="52"/>
      <c r="HA84" s="52"/>
      <c r="HB84" s="52"/>
      <c r="HC84" s="52"/>
      <c r="HD84" s="52"/>
      <c r="HE84" s="52"/>
      <c r="HF84" s="52"/>
      <c r="HG84" s="52"/>
      <c r="HH84" s="52"/>
      <c r="HI84" s="52"/>
      <c r="HJ84" s="52"/>
      <c r="HK84" s="52"/>
      <c r="HL84" s="52"/>
      <c r="HM84" s="52"/>
      <c r="HN84" s="52"/>
      <c r="HO84" s="52"/>
      <c r="HP84" s="52"/>
      <c r="HQ84" s="52"/>
      <c r="HR84" s="52"/>
      <c r="HS84" s="52"/>
      <c r="HT84" s="52"/>
      <c r="HU84" s="52"/>
      <c r="HV84" s="52"/>
      <c r="HW84" s="52"/>
      <c r="HX84" s="52"/>
      <c r="HY84" s="52"/>
      <c r="HZ84" s="52"/>
      <c r="IA84" s="52"/>
      <c r="IB84" s="52"/>
      <c r="IC84" s="52"/>
      <c r="ID84" s="52"/>
      <c r="IE84" s="52"/>
      <c r="IF84" s="52"/>
      <c r="IG84" s="52"/>
      <c r="IH84" s="52"/>
      <c r="II84" s="52"/>
      <c r="IJ84" s="52"/>
      <c r="IK84" s="52"/>
      <c r="IL84" s="52"/>
      <c r="IM84" s="52"/>
      <c r="IN84" s="52"/>
      <c r="IO84" s="52"/>
      <c r="IP84" s="52"/>
      <c r="IQ84" s="52"/>
      <c r="IR84" s="52"/>
      <c r="IS84" s="52"/>
      <c r="IT84" s="52"/>
      <c r="IU84" s="52"/>
      <c r="IV84" s="52"/>
      <c r="IW84" s="52"/>
      <c r="IX84" s="52"/>
    </row>
    <row r="85" spans="1:258" s="67" customFormat="1" ht="69" customHeight="1">
      <c r="A85" s="658" t="s">
        <v>250</v>
      </c>
      <c r="B85" s="659"/>
      <c r="C85" s="659"/>
      <c r="D85" s="659"/>
      <c r="E85" s="659"/>
      <c r="F85" s="659"/>
      <c r="G85" s="659"/>
      <c r="H85" s="659"/>
      <c r="I85" s="659"/>
      <c r="J85" s="659"/>
      <c r="K85" s="659"/>
      <c r="L85" s="659"/>
      <c r="M85" s="659"/>
      <c r="N85" s="659"/>
      <c r="O85" s="659"/>
      <c r="P85" s="660"/>
      <c r="Q85" s="139"/>
      <c r="R85" s="138"/>
      <c r="S85" s="78"/>
      <c r="T85" s="76"/>
      <c r="U85" s="77"/>
      <c r="V85" s="77"/>
      <c r="W85" s="77"/>
      <c r="X85" s="77"/>
      <c r="Y85" s="77"/>
      <c r="Z85" s="77"/>
      <c r="AA85" s="77"/>
      <c r="AB85" s="77"/>
      <c r="AC85" s="77"/>
      <c r="AD85" s="77"/>
      <c r="AE85" s="77"/>
      <c r="AF85" s="77"/>
      <c r="AG85" s="77"/>
      <c r="AH85" s="77"/>
      <c r="AI85" s="77"/>
      <c r="AJ85" s="77"/>
      <c r="AK85" s="77"/>
      <c r="AL85" s="77"/>
      <c r="AM85" s="77"/>
      <c r="AN85" s="77"/>
      <c r="AO85" s="77"/>
      <c r="AP85" s="77"/>
      <c r="AQ85" s="77"/>
      <c r="AR85" s="77"/>
      <c r="AS85" s="77"/>
      <c r="AT85" s="77"/>
      <c r="AU85" s="77"/>
      <c r="AV85" s="77"/>
      <c r="AW85" s="77"/>
      <c r="AX85" s="77"/>
      <c r="AY85" s="77"/>
      <c r="AZ85" s="77"/>
      <c r="BA85" s="77"/>
      <c r="BB85" s="77"/>
      <c r="BC85" s="77"/>
      <c r="BD85" s="77"/>
    </row>
    <row r="86" spans="1:258" s="67" customFormat="1" ht="148.94999999999999" customHeight="1">
      <c r="A86" s="556" t="s">
        <v>251</v>
      </c>
      <c r="B86" s="557"/>
      <c r="C86" s="557"/>
      <c r="D86" s="557"/>
      <c r="E86" s="557"/>
      <c r="F86" s="557"/>
      <c r="G86" s="557"/>
      <c r="H86" s="557"/>
      <c r="I86" s="557"/>
      <c r="J86" s="557"/>
      <c r="K86" s="557"/>
      <c r="L86" s="557"/>
      <c r="M86" s="557"/>
      <c r="N86" s="557"/>
      <c r="O86" s="557"/>
      <c r="P86" s="558"/>
      <c r="Q86" s="139"/>
      <c r="R86" s="138"/>
      <c r="S86" s="78"/>
      <c r="T86" s="76"/>
      <c r="U86" s="77"/>
      <c r="V86" s="77"/>
      <c r="W86" s="77"/>
      <c r="X86" s="77"/>
      <c r="Y86" s="77"/>
      <c r="Z86" s="77"/>
      <c r="AA86" s="77"/>
      <c r="AB86" s="77"/>
      <c r="AC86" s="77"/>
      <c r="AD86" s="77"/>
      <c r="AE86" s="77"/>
      <c r="AF86" s="77"/>
      <c r="AG86" s="77"/>
      <c r="AH86" s="77"/>
      <c r="AI86" s="77"/>
      <c r="AJ86" s="77"/>
      <c r="AK86" s="77"/>
      <c r="AL86" s="77"/>
      <c r="AM86" s="77"/>
      <c r="AN86" s="77"/>
      <c r="AO86" s="77"/>
      <c r="AP86" s="77"/>
      <c r="AQ86" s="77"/>
      <c r="AR86" s="77"/>
      <c r="AS86" s="77"/>
      <c r="AT86" s="77"/>
      <c r="AU86" s="77"/>
      <c r="AV86" s="77"/>
      <c r="AW86" s="77"/>
      <c r="AX86" s="77"/>
      <c r="AY86" s="77"/>
      <c r="AZ86" s="77"/>
      <c r="BA86" s="77"/>
      <c r="BB86" s="77"/>
      <c r="BC86" s="77"/>
      <c r="BD86" s="77"/>
    </row>
    <row r="87" spans="1:258" s="64" customFormat="1" ht="69.900000000000006" customHeight="1">
      <c r="A87" s="468" t="s">
        <v>25</v>
      </c>
      <c r="B87" s="469"/>
      <c r="C87" s="469"/>
      <c r="D87" s="469"/>
      <c r="E87" s="469"/>
      <c r="F87" s="469"/>
      <c r="G87" s="469"/>
      <c r="H87" s="469"/>
      <c r="I87" s="469"/>
      <c r="J87" s="469"/>
      <c r="K87" s="469"/>
      <c r="L87" s="454"/>
      <c r="M87" s="469"/>
      <c r="N87" s="469"/>
      <c r="O87" s="469"/>
      <c r="P87" s="470"/>
      <c r="Q87" s="122"/>
      <c r="R87" s="138"/>
      <c r="S87" s="162"/>
    </row>
    <row r="88" spans="1:258" s="67" customFormat="1" ht="75" customHeight="1">
      <c r="A88" s="456"/>
      <c r="B88" s="457"/>
      <c r="C88" s="457"/>
      <c r="D88" s="457"/>
      <c r="E88" s="457"/>
      <c r="F88" s="457"/>
      <c r="G88" s="457"/>
      <c r="H88" s="457"/>
      <c r="I88" s="457"/>
      <c r="J88" s="457"/>
      <c r="K88" s="457"/>
      <c r="L88" s="458"/>
      <c r="M88" s="457"/>
      <c r="N88" s="457"/>
      <c r="O88" s="457"/>
      <c r="P88" s="459"/>
      <c r="Q88" s="139"/>
      <c r="R88" s="138"/>
      <c r="S88" s="141"/>
      <c r="T88" s="64"/>
    </row>
    <row r="89" spans="1:258" s="67" customFormat="1" ht="75" customHeight="1" thickBot="1">
      <c r="A89" s="471"/>
      <c r="B89" s="472"/>
      <c r="C89" s="472"/>
      <c r="D89" s="472"/>
      <c r="E89" s="472"/>
      <c r="F89" s="472"/>
      <c r="G89" s="472"/>
      <c r="H89" s="472"/>
      <c r="I89" s="472"/>
      <c r="J89" s="472"/>
      <c r="K89" s="472"/>
      <c r="L89" s="473"/>
      <c r="M89" s="472"/>
      <c r="N89" s="472"/>
      <c r="O89" s="472"/>
      <c r="P89" s="474"/>
      <c r="Q89" s="139"/>
      <c r="R89" s="138"/>
      <c r="S89" s="141"/>
      <c r="T89" s="64"/>
    </row>
    <row r="90" spans="1:258" s="64" customFormat="1" ht="69.900000000000006" customHeight="1" thickBot="1">
      <c r="A90" s="443" t="s">
        <v>423</v>
      </c>
      <c r="B90" s="444"/>
      <c r="C90" s="444"/>
      <c r="D90" s="444"/>
      <c r="E90" s="444"/>
      <c r="F90" s="444"/>
      <c r="G90" s="444"/>
      <c r="H90" s="444"/>
      <c r="I90" s="444"/>
      <c r="J90" s="444"/>
      <c r="K90" s="444"/>
      <c r="L90" s="445"/>
      <c r="M90" s="444"/>
      <c r="N90" s="444"/>
      <c r="O90" s="444"/>
      <c r="P90" s="446"/>
      <c r="Q90" s="139"/>
      <c r="R90" s="138"/>
      <c r="S90" s="78"/>
      <c r="T90" s="76"/>
      <c r="U90" s="76"/>
      <c r="V90" s="76"/>
      <c r="W90" s="76"/>
      <c r="X90" s="77"/>
      <c r="Y90" s="77"/>
      <c r="Z90" s="77"/>
      <c r="AA90" s="77"/>
      <c r="AB90" s="77"/>
      <c r="AC90" s="77"/>
      <c r="AD90" s="77"/>
      <c r="AE90" s="77"/>
      <c r="AF90" s="77"/>
      <c r="AG90" s="77"/>
      <c r="AH90" s="77"/>
      <c r="AI90" s="77"/>
      <c r="AJ90" s="77"/>
      <c r="AK90" s="77"/>
      <c r="AL90" s="77"/>
      <c r="AM90" s="77"/>
      <c r="AN90" s="76"/>
      <c r="AO90" s="76"/>
      <c r="AP90" s="76"/>
      <c r="AQ90" s="76"/>
      <c r="AR90" s="76"/>
      <c r="AS90" s="76"/>
      <c r="AT90" s="76"/>
      <c r="AU90" s="76"/>
      <c r="AV90" s="76"/>
      <c r="AW90" s="76"/>
      <c r="AX90" s="76"/>
      <c r="AY90" s="76"/>
      <c r="AZ90" s="76"/>
      <c r="BA90" s="76"/>
      <c r="BB90" s="76"/>
      <c r="BC90" s="76"/>
      <c r="BD90" s="76"/>
    </row>
    <row r="91" spans="1:258" s="67" customFormat="1" ht="140.1" customHeight="1" thickTop="1" thickBot="1">
      <c r="A91" s="544" t="s">
        <v>253</v>
      </c>
      <c r="B91" s="545"/>
      <c r="C91" s="545"/>
      <c r="D91" s="545"/>
      <c r="E91" s="545"/>
      <c r="F91" s="545"/>
      <c r="G91" s="545"/>
      <c r="H91" s="545"/>
      <c r="I91" s="545"/>
      <c r="J91" s="545"/>
      <c r="K91" s="545"/>
      <c r="L91" s="546"/>
      <c r="M91" s="545"/>
      <c r="N91" s="545"/>
      <c r="O91" s="95" t="s">
        <v>20</v>
      </c>
      <c r="P91" s="96" t="s">
        <v>21</v>
      </c>
      <c r="Q91" s="139"/>
      <c r="R91" s="138"/>
      <c r="S91" s="137"/>
      <c r="T91" s="76"/>
      <c r="U91" s="77"/>
      <c r="V91" s="77"/>
      <c r="W91" s="77"/>
      <c r="X91" s="77"/>
      <c r="Y91" s="77"/>
      <c r="Z91" s="77"/>
      <c r="AA91" s="77"/>
      <c r="AB91" s="77"/>
      <c r="AC91" s="77"/>
      <c r="AD91" s="77"/>
      <c r="AE91" s="77"/>
      <c r="AF91" s="77"/>
      <c r="AG91" s="77"/>
      <c r="AH91" s="77"/>
      <c r="AI91" s="77"/>
      <c r="AJ91" s="77"/>
      <c r="AK91" s="77"/>
      <c r="AL91" s="77"/>
      <c r="AM91" s="77"/>
      <c r="AN91" s="77"/>
      <c r="AO91" s="77"/>
      <c r="AP91" s="77"/>
      <c r="AQ91" s="77"/>
      <c r="AR91" s="77"/>
      <c r="AS91" s="77"/>
      <c r="AT91" s="77"/>
      <c r="AU91" s="77"/>
      <c r="AV91" s="77"/>
      <c r="AW91" s="77"/>
      <c r="AX91" s="77"/>
      <c r="AY91" s="77"/>
      <c r="AZ91" s="77"/>
      <c r="BA91" s="77"/>
      <c r="BB91" s="77"/>
      <c r="BC91" s="77"/>
      <c r="BD91" s="77"/>
    </row>
    <row r="92" spans="1:258" s="64" customFormat="1" ht="69.900000000000006" customHeight="1" thickTop="1">
      <c r="A92" s="468" t="s">
        <v>25</v>
      </c>
      <c r="B92" s="469"/>
      <c r="C92" s="469"/>
      <c r="D92" s="469"/>
      <c r="E92" s="469"/>
      <c r="F92" s="469"/>
      <c r="G92" s="469"/>
      <c r="H92" s="469"/>
      <c r="I92" s="469"/>
      <c r="J92" s="469"/>
      <c r="K92" s="469"/>
      <c r="L92" s="454"/>
      <c r="M92" s="469"/>
      <c r="N92" s="469"/>
      <c r="O92" s="469"/>
      <c r="P92" s="470"/>
      <c r="Q92" s="122"/>
      <c r="R92" s="138"/>
      <c r="S92" s="162"/>
    </row>
    <row r="93" spans="1:258" s="67" customFormat="1" ht="75" customHeight="1">
      <c r="A93" s="456"/>
      <c r="B93" s="457"/>
      <c r="C93" s="457"/>
      <c r="D93" s="457"/>
      <c r="E93" s="457"/>
      <c r="F93" s="457"/>
      <c r="G93" s="457"/>
      <c r="H93" s="457"/>
      <c r="I93" s="457"/>
      <c r="J93" s="457"/>
      <c r="K93" s="457"/>
      <c r="L93" s="458"/>
      <c r="M93" s="457"/>
      <c r="N93" s="457"/>
      <c r="O93" s="457"/>
      <c r="P93" s="459"/>
      <c r="Q93" s="139"/>
      <c r="R93" s="138"/>
      <c r="S93" s="141"/>
      <c r="T93" s="64"/>
    </row>
    <row r="94" spans="1:258" s="67" customFormat="1" ht="75" customHeight="1" thickBot="1">
      <c r="A94" s="471"/>
      <c r="B94" s="472"/>
      <c r="C94" s="472"/>
      <c r="D94" s="472"/>
      <c r="E94" s="472"/>
      <c r="F94" s="472"/>
      <c r="G94" s="472"/>
      <c r="H94" s="472"/>
      <c r="I94" s="472"/>
      <c r="J94" s="472"/>
      <c r="K94" s="472"/>
      <c r="L94" s="473"/>
      <c r="M94" s="472"/>
      <c r="N94" s="472"/>
      <c r="O94" s="472"/>
      <c r="P94" s="474"/>
      <c r="Q94" s="139"/>
      <c r="R94" s="138"/>
      <c r="S94" s="141"/>
      <c r="T94" s="64"/>
    </row>
    <row r="95" spans="1:258" s="64" customFormat="1" ht="69.900000000000006" customHeight="1" thickBot="1">
      <c r="A95" s="443" t="s">
        <v>424</v>
      </c>
      <c r="B95" s="444"/>
      <c r="C95" s="444"/>
      <c r="D95" s="444"/>
      <c r="E95" s="444"/>
      <c r="F95" s="444"/>
      <c r="G95" s="444"/>
      <c r="H95" s="444"/>
      <c r="I95" s="444"/>
      <c r="J95" s="444"/>
      <c r="K95" s="444"/>
      <c r="L95" s="445"/>
      <c r="M95" s="444"/>
      <c r="N95" s="444"/>
      <c r="O95" s="444"/>
      <c r="P95" s="446"/>
      <c r="Q95" s="139"/>
      <c r="R95" s="138"/>
      <c r="S95" s="78"/>
      <c r="T95" s="76"/>
      <c r="U95" s="76"/>
      <c r="V95" s="76"/>
      <c r="W95" s="76"/>
      <c r="X95" s="76"/>
      <c r="Y95" s="76"/>
      <c r="Z95" s="76"/>
      <c r="AA95" s="76"/>
      <c r="AB95" s="76"/>
      <c r="AC95" s="76"/>
      <c r="AD95" s="76"/>
      <c r="AE95" s="76"/>
      <c r="AF95" s="76"/>
      <c r="AG95" s="76"/>
      <c r="AH95" s="76"/>
      <c r="AI95" s="76"/>
      <c r="AJ95" s="76"/>
      <c r="AK95" s="76"/>
      <c r="AL95" s="76"/>
      <c r="AM95" s="76"/>
      <c r="AN95" s="76"/>
      <c r="AO95" s="76"/>
      <c r="AP95" s="76"/>
      <c r="AQ95" s="76"/>
      <c r="AR95" s="76"/>
      <c r="AS95" s="76"/>
      <c r="AT95" s="76"/>
      <c r="AU95" s="76"/>
      <c r="AV95" s="76"/>
      <c r="AW95" s="76"/>
      <c r="AX95" s="76"/>
      <c r="AY95" s="76"/>
      <c r="AZ95" s="76"/>
      <c r="BA95" s="76"/>
      <c r="BB95" s="76"/>
      <c r="BC95" s="76"/>
      <c r="BD95" s="76"/>
    </row>
    <row r="96" spans="1:258" s="67" customFormat="1" ht="140.1" customHeight="1" thickTop="1" thickBot="1">
      <c r="A96" s="734" t="s">
        <v>425</v>
      </c>
      <c r="B96" s="735"/>
      <c r="C96" s="735"/>
      <c r="D96" s="735"/>
      <c r="E96" s="735"/>
      <c r="F96" s="735"/>
      <c r="G96" s="735"/>
      <c r="H96" s="735"/>
      <c r="I96" s="735"/>
      <c r="J96" s="735"/>
      <c r="K96" s="735"/>
      <c r="L96" s="736"/>
      <c r="M96" s="735"/>
      <c r="N96" s="735"/>
      <c r="O96" s="95" t="s">
        <v>20</v>
      </c>
      <c r="P96" s="96" t="s">
        <v>21</v>
      </c>
      <c r="Q96" s="139"/>
      <c r="R96" s="138"/>
      <c r="S96" s="137"/>
      <c r="T96" s="193"/>
      <c r="U96" s="77"/>
      <c r="V96" s="77"/>
      <c r="W96" s="77"/>
      <c r="X96" s="76"/>
      <c r="Y96" s="76"/>
      <c r="Z96" s="76"/>
      <c r="AA96" s="76"/>
      <c r="AB96" s="76"/>
      <c r="AC96" s="76"/>
      <c r="AD96" s="76"/>
      <c r="AE96" s="76"/>
      <c r="AF96" s="76"/>
      <c r="AG96" s="76"/>
      <c r="AH96" s="76"/>
      <c r="AI96" s="76"/>
      <c r="AJ96" s="76"/>
      <c r="AK96" s="76"/>
      <c r="AL96" s="76"/>
      <c r="AM96" s="76"/>
      <c r="AN96" s="77"/>
      <c r="AO96" s="77"/>
      <c r="AP96" s="77"/>
      <c r="AQ96" s="77"/>
      <c r="AR96" s="77"/>
      <c r="AS96" s="77"/>
      <c r="AT96" s="77"/>
      <c r="AU96" s="77"/>
      <c r="AV96" s="77"/>
      <c r="AW96" s="77"/>
      <c r="AX96" s="77"/>
      <c r="AY96" s="77"/>
      <c r="AZ96" s="77"/>
      <c r="BA96" s="77"/>
      <c r="BB96" s="77"/>
      <c r="BC96" s="77"/>
      <c r="BD96" s="77"/>
    </row>
    <row r="97" spans="1:56" s="64" customFormat="1" ht="69.900000000000006" customHeight="1" thickTop="1">
      <c r="A97" s="559" t="s">
        <v>25</v>
      </c>
      <c r="B97" s="560"/>
      <c r="C97" s="560"/>
      <c r="D97" s="560"/>
      <c r="E97" s="560"/>
      <c r="F97" s="560"/>
      <c r="G97" s="560"/>
      <c r="H97" s="560"/>
      <c r="I97" s="560"/>
      <c r="J97" s="560"/>
      <c r="K97" s="560"/>
      <c r="L97" s="376"/>
      <c r="M97" s="560"/>
      <c r="N97" s="560"/>
      <c r="O97" s="560"/>
      <c r="P97" s="561"/>
      <c r="Q97" s="122"/>
      <c r="R97" s="138"/>
      <c r="S97" s="162"/>
    </row>
    <row r="98" spans="1:56" s="67" customFormat="1" ht="75" customHeight="1">
      <c r="A98" s="456"/>
      <c r="B98" s="458"/>
      <c r="C98" s="458"/>
      <c r="D98" s="458"/>
      <c r="E98" s="458"/>
      <c r="F98" s="458"/>
      <c r="G98" s="458"/>
      <c r="H98" s="458"/>
      <c r="I98" s="458"/>
      <c r="J98" s="458"/>
      <c r="K98" s="458"/>
      <c r="L98" s="458"/>
      <c r="M98" s="458"/>
      <c r="N98" s="458"/>
      <c r="O98" s="458"/>
      <c r="P98" s="733"/>
      <c r="Q98" s="139"/>
      <c r="R98" s="138"/>
      <c r="S98" s="141"/>
      <c r="T98" s="64"/>
    </row>
    <row r="99" spans="1:56" s="67" customFormat="1" ht="75" customHeight="1" thickBot="1">
      <c r="A99" s="471"/>
      <c r="B99" s="472"/>
      <c r="C99" s="472"/>
      <c r="D99" s="472"/>
      <c r="E99" s="472"/>
      <c r="F99" s="472"/>
      <c r="G99" s="472"/>
      <c r="H99" s="472"/>
      <c r="I99" s="472"/>
      <c r="J99" s="472"/>
      <c r="K99" s="472"/>
      <c r="L99" s="473"/>
      <c r="M99" s="472"/>
      <c r="N99" s="472"/>
      <c r="O99" s="472"/>
      <c r="P99" s="474"/>
      <c r="Q99" s="139"/>
      <c r="R99" s="138"/>
      <c r="S99" s="141"/>
      <c r="T99" s="64"/>
    </row>
    <row r="100" spans="1:56" s="64" customFormat="1" ht="69.900000000000006" customHeight="1" thickBot="1">
      <c r="A100" s="562" t="s">
        <v>426</v>
      </c>
      <c r="B100" s="563"/>
      <c r="C100" s="563"/>
      <c r="D100" s="563"/>
      <c r="E100" s="563"/>
      <c r="F100" s="563"/>
      <c r="G100" s="563"/>
      <c r="H100" s="563"/>
      <c r="I100" s="563"/>
      <c r="J100" s="563"/>
      <c r="K100" s="563"/>
      <c r="L100" s="563"/>
      <c r="M100" s="563"/>
      <c r="N100" s="563"/>
      <c r="O100" s="563"/>
      <c r="P100" s="564"/>
      <c r="Q100" s="122"/>
      <c r="R100" s="138"/>
      <c r="S100" s="210" t="s">
        <v>427</v>
      </c>
      <c r="T100" s="76"/>
      <c r="U100" s="76"/>
      <c r="V100" s="76"/>
      <c r="W100" s="76"/>
      <c r="X100" s="77"/>
      <c r="Y100" s="77"/>
      <c r="Z100" s="77"/>
      <c r="AA100" s="77"/>
      <c r="AB100" s="77"/>
      <c r="AC100" s="77"/>
      <c r="AD100" s="77"/>
      <c r="AE100" s="77"/>
      <c r="AF100" s="77"/>
      <c r="AG100" s="77"/>
      <c r="AH100" s="77"/>
      <c r="AI100" s="77"/>
      <c r="AJ100" s="77"/>
      <c r="AK100" s="77"/>
      <c r="AL100" s="77"/>
      <c r="AM100" s="77"/>
      <c r="AN100" s="76"/>
      <c r="AO100" s="76"/>
      <c r="AP100" s="76"/>
      <c r="AQ100" s="76"/>
      <c r="AR100" s="76"/>
      <c r="AS100" s="76"/>
      <c r="AT100" s="76"/>
      <c r="AU100" s="76"/>
      <c r="AV100" s="76"/>
      <c r="AW100" s="76"/>
      <c r="AX100" s="76"/>
      <c r="AY100" s="76"/>
      <c r="AZ100" s="76"/>
      <c r="BA100" s="76"/>
      <c r="BB100" s="76"/>
      <c r="BC100" s="76"/>
      <c r="BD100" s="76"/>
    </row>
    <row r="101" spans="1:56" s="64" customFormat="1" ht="69.900000000000006" customHeight="1" thickBot="1">
      <c r="A101" s="443" t="s">
        <v>428</v>
      </c>
      <c r="B101" s="444"/>
      <c r="C101" s="444"/>
      <c r="D101" s="444"/>
      <c r="E101" s="444"/>
      <c r="F101" s="444"/>
      <c r="G101" s="444"/>
      <c r="H101" s="444"/>
      <c r="I101" s="444"/>
      <c r="J101" s="444"/>
      <c r="K101" s="444"/>
      <c r="L101" s="445"/>
      <c r="M101" s="444"/>
      <c r="N101" s="444"/>
      <c r="O101" s="444"/>
      <c r="P101" s="446"/>
      <c r="Q101" s="139"/>
      <c r="R101" s="138"/>
      <c r="S101" s="78"/>
      <c r="T101" s="76"/>
      <c r="U101" s="76"/>
      <c r="V101" s="76"/>
      <c r="W101" s="76"/>
      <c r="X101" s="76"/>
      <c r="Y101" s="76"/>
      <c r="Z101" s="76"/>
      <c r="AA101" s="76"/>
      <c r="AB101" s="76"/>
      <c r="AC101" s="76"/>
      <c r="AD101" s="76"/>
      <c r="AE101" s="76"/>
      <c r="AF101" s="76"/>
      <c r="AG101" s="76"/>
      <c r="AH101" s="76"/>
      <c r="AI101" s="76"/>
      <c r="AJ101" s="76"/>
      <c r="AK101" s="76"/>
      <c r="AL101" s="76"/>
      <c r="AM101" s="76"/>
      <c r="AN101" s="76"/>
      <c r="AO101" s="76"/>
      <c r="AP101" s="76"/>
      <c r="AQ101" s="76"/>
      <c r="AR101" s="76"/>
      <c r="AS101" s="76"/>
      <c r="AT101" s="76"/>
      <c r="AU101" s="76"/>
      <c r="AV101" s="76"/>
      <c r="AW101" s="76"/>
      <c r="AX101" s="76"/>
      <c r="AY101" s="76"/>
      <c r="AZ101" s="76"/>
      <c r="BA101" s="76"/>
      <c r="BB101" s="76"/>
      <c r="BC101" s="76"/>
      <c r="BD101" s="76"/>
    </row>
    <row r="102" spans="1:56" s="67" customFormat="1" ht="389.4" customHeight="1" thickTop="1" thickBot="1">
      <c r="A102" s="477" t="s">
        <v>429</v>
      </c>
      <c r="B102" s="478"/>
      <c r="C102" s="478"/>
      <c r="D102" s="478"/>
      <c r="E102" s="478"/>
      <c r="F102" s="478"/>
      <c r="G102" s="478"/>
      <c r="H102" s="478"/>
      <c r="I102" s="478"/>
      <c r="J102" s="478"/>
      <c r="K102" s="478"/>
      <c r="L102" s="379"/>
      <c r="M102" s="478"/>
      <c r="N102" s="478"/>
      <c r="O102" s="75" t="s">
        <v>20</v>
      </c>
      <c r="P102" s="136" t="s">
        <v>21</v>
      </c>
      <c r="Q102" s="139"/>
      <c r="R102" s="138"/>
      <c r="S102" s="137"/>
      <c r="T102" s="76"/>
      <c r="U102" s="77"/>
      <c r="V102" s="77"/>
      <c r="W102" s="77"/>
      <c r="X102" s="76"/>
      <c r="Y102" s="76"/>
      <c r="Z102" s="76"/>
      <c r="AA102" s="76"/>
      <c r="AB102" s="76"/>
      <c r="AC102" s="76"/>
      <c r="AD102" s="76"/>
      <c r="AE102" s="76"/>
      <c r="AF102" s="76"/>
      <c r="AG102" s="76"/>
      <c r="AH102" s="76"/>
      <c r="AI102" s="76"/>
      <c r="AJ102" s="76"/>
      <c r="AK102" s="76"/>
      <c r="AL102" s="76"/>
      <c r="AM102" s="76"/>
      <c r="AN102" s="77"/>
      <c r="AO102" s="77"/>
      <c r="AP102" s="77"/>
      <c r="AQ102" s="77"/>
      <c r="AR102" s="77"/>
      <c r="AS102" s="77"/>
      <c r="AT102" s="77"/>
      <c r="AU102" s="77"/>
      <c r="AV102" s="77"/>
      <c r="AW102" s="77"/>
      <c r="AX102" s="77"/>
      <c r="AY102" s="77"/>
      <c r="AZ102" s="77"/>
      <c r="BA102" s="77"/>
      <c r="BB102" s="77"/>
      <c r="BC102" s="77"/>
      <c r="BD102" s="77"/>
    </row>
    <row r="103" spans="1:56" s="64" customFormat="1" ht="69.900000000000006" customHeight="1" thickTop="1">
      <c r="A103" s="503" t="s">
        <v>52</v>
      </c>
      <c r="B103" s="504"/>
      <c r="C103" s="504"/>
      <c r="D103" s="504"/>
      <c r="E103" s="504"/>
      <c r="F103" s="504"/>
      <c r="G103" s="504"/>
      <c r="H103" s="504"/>
      <c r="I103" s="504"/>
      <c r="J103" s="504"/>
      <c r="K103" s="504"/>
      <c r="L103" s="505"/>
      <c r="M103" s="504"/>
      <c r="N103" s="504"/>
      <c r="O103" s="504"/>
      <c r="P103" s="506"/>
      <c r="Q103" s="122"/>
      <c r="R103" s="138"/>
      <c r="S103" s="162"/>
    </row>
    <row r="104" spans="1:56" s="64" customFormat="1" ht="69.599999999999994" customHeight="1">
      <c r="A104" s="507" t="s">
        <v>64</v>
      </c>
      <c r="B104" s="508"/>
      <c r="C104" s="508"/>
      <c r="D104" s="508"/>
      <c r="E104" s="508"/>
      <c r="F104" s="508"/>
      <c r="G104" s="508"/>
      <c r="H104" s="508"/>
      <c r="I104" s="508"/>
      <c r="J104" s="508"/>
      <c r="K104" s="508"/>
      <c r="L104" s="508"/>
      <c r="M104" s="508"/>
      <c r="N104" s="508"/>
      <c r="O104" s="508"/>
      <c r="P104" s="509"/>
      <c r="Q104" s="122"/>
      <c r="R104" s="138"/>
      <c r="S104" s="162"/>
    </row>
    <row r="105" spans="1:56" s="67" customFormat="1" ht="69" customHeight="1">
      <c r="A105" s="658" t="s">
        <v>84</v>
      </c>
      <c r="B105" s="659"/>
      <c r="C105" s="659"/>
      <c r="D105" s="659"/>
      <c r="E105" s="659"/>
      <c r="F105" s="659"/>
      <c r="G105" s="659"/>
      <c r="H105" s="659"/>
      <c r="I105" s="659"/>
      <c r="J105" s="659"/>
      <c r="K105" s="659"/>
      <c r="L105" s="659"/>
      <c r="M105" s="659"/>
      <c r="N105" s="659"/>
      <c r="O105" s="659"/>
      <c r="P105" s="660"/>
      <c r="Q105" s="139"/>
      <c r="R105" s="138"/>
      <c r="S105" s="78"/>
      <c r="T105" s="76"/>
      <c r="U105" s="77"/>
      <c r="V105" s="77"/>
      <c r="W105" s="77"/>
      <c r="X105" s="77"/>
      <c r="Y105" s="77"/>
      <c r="Z105" s="77"/>
      <c r="AA105" s="77"/>
      <c r="AB105" s="77"/>
      <c r="AC105" s="77"/>
      <c r="AD105" s="77"/>
      <c r="AE105" s="77"/>
      <c r="AF105" s="77"/>
      <c r="AG105" s="77"/>
      <c r="AH105" s="77"/>
      <c r="AI105" s="77"/>
      <c r="AJ105" s="77"/>
      <c r="AK105" s="77"/>
      <c r="AL105" s="77"/>
      <c r="AM105" s="77"/>
      <c r="AN105" s="77"/>
      <c r="AO105" s="77"/>
      <c r="AP105" s="77"/>
      <c r="AQ105" s="77"/>
      <c r="AR105" s="77"/>
      <c r="AS105" s="77"/>
      <c r="AT105" s="77"/>
      <c r="AU105" s="77"/>
      <c r="AV105" s="77"/>
      <c r="AW105" s="77"/>
      <c r="AX105" s="77"/>
      <c r="AY105" s="77"/>
      <c r="AZ105" s="77"/>
      <c r="BA105" s="77"/>
      <c r="BB105" s="77"/>
      <c r="BC105" s="77"/>
      <c r="BD105" s="77"/>
    </row>
    <row r="106" spans="1:56" s="67" customFormat="1" ht="69.599999999999994" customHeight="1">
      <c r="A106" s="556" t="s">
        <v>85</v>
      </c>
      <c r="B106" s="557"/>
      <c r="C106" s="557"/>
      <c r="D106" s="557"/>
      <c r="E106" s="557"/>
      <c r="F106" s="557"/>
      <c r="G106" s="557"/>
      <c r="H106" s="557"/>
      <c r="I106" s="557"/>
      <c r="J106" s="557"/>
      <c r="K106" s="557"/>
      <c r="L106" s="557"/>
      <c r="M106" s="557"/>
      <c r="N106" s="557"/>
      <c r="O106" s="557"/>
      <c r="P106" s="558"/>
      <c r="Q106" s="139"/>
      <c r="R106" s="138"/>
      <c r="S106" s="78"/>
      <c r="T106" s="76"/>
      <c r="U106" s="77"/>
      <c r="V106" s="77"/>
      <c r="W106" s="77"/>
      <c r="X106" s="77"/>
      <c r="Y106" s="77"/>
      <c r="Z106" s="77"/>
      <c r="AA106" s="77"/>
      <c r="AB106" s="77"/>
      <c r="AC106" s="77"/>
      <c r="AD106" s="77"/>
      <c r="AE106" s="77"/>
      <c r="AF106" s="77"/>
      <c r="AG106" s="77"/>
      <c r="AH106" s="77"/>
      <c r="AI106" s="77"/>
      <c r="AJ106" s="77"/>
      <c r="AK106" s="77"/>
      <c r="AL106" s="77"/>
      <c r="AM106" s="77"/>
      <c r="AN106" s="77"/>
      <c r="AO106" s="77"/>
      <c r="AP106" s="77"/>
      <c r="AQ106" s="77"/>
      <c r="AR106" s="77"/>
      <c r="AS106" s="77"/>
      <c r="AT106" s="77"/>
      <c r="AU106" s="77"/>
      <c r="AV106" s="77"/>
      <c r="AW106" s="77"/>
      <c r="AX106" s="77"/>
      <c r="AY106" s="77"/>
      <c r="AZ106" s="77"/>
      <c r="BA106" s="77"/>
      <c r="BB106" s="77"/>
      <c r="BC106" s="77"/>
      <c r="BD106" s="77"/>
    </row>
    <row r="107" spans="1:56" s="64" customFormat="1" ht="69.900000000000006" customHeight="1">
      <c r="A107" s="468" t="s">
        <v>25</v>
      </c>
      <c r="B107" s="469"/>
      <c r="C107" s="469"/>
      <c r="D107" s="469"/>
      <c r="E107" s="469"/>
      <c r="F107" s="469"/>
      <c r="G107" s="469"/>
      <c r="H107" s="469"/>
      <c r="I107" s="469"/>
      <c r="J107" s="469"/>
      <c r="K107" s="469"/>
      <c r="L107" s="454"/>
      <c r="M107" s="469"/>
      <c r="N107" s="469"/>
      <c r="O107" s="469"/>
      <c r="P107" s="470"/>
      <c r="Q107" s="122"/>
      <c r="R107" s="138"/>
      <c r="S107" s="162"/>
    </row>
    <row r="108" spans="1:56" s="67" customFormat="1" ht="75" customHeight="1">
      <c r="A108" s="456"/>
      <c r="B108" s="457"/>
      <c r="C108" s="457"/>
      <c r="D108" s="457"/>
      <c r="E108" s="457"/>
      <c r="F108" s="457"/>
      <c r="G108" s="457"/>
      <c r="H108" s="457"/>
      <c r="I108" s="457"/>
      <c r="J108" s="457"/>
      <c r="K108" s="457"/>
      <c r="L108" s="458"/>
      <c r="M108" s="457"/>
      <c r="N108" s="457"/>
      <c r="O108" s="457"/>
      <c r="P108" s="459"/>
      <c r="Q108" s="139"/>
      <c r="R108" s="138"/>
      <c r="S108" s="141"/>
      <c r="T108" s="64"/>
    </row>
    <row r="109" spans="1:56" s="67" customFormat="1" ht="75" customHeight="1" thickBot="1">
      <c r="A109" s="471"/>
      <c r="B109" s="472"/>
      <c r="C109" s="472"/>
      <c r="D109" s="472"/>
      <c r="E109" s="472"/>
      <c r="F109" s="472"/>
      <c r="G109" s="472"/>
      <c r="H109" s="472"/>
      <c r="I109" s="472"/>
      <c r="J109" s="472"/>
      <c r="K109" s="472"/>
      <c r="L109" s="473"/>
      <c r="M109" s="472"/>
      <c r="N109" s="472"/>
      <c r="O109" s="472"/>
      <c r="P109" s="474"/>
      <c r="Q109" s="139"/>
      <c r="R109" s="138"/>
      <c r="S109" s="141"/>
      <c r="T109" s="64"/>
    </row>
    <row r="110" spans="1:56" s="64" customFormat="1" ht="69.900000000000006" customHeight="1" thickBot="1">
      <c r="A110" s="443" t="s">
        <v>430</v>
      </c>
      <c r="B110" s="444"/>
      <c r="C110" s="444"/>
      <c r="D110" s="444"/>
      <c r="E110" s="444"/>
      <c r="F110" s="444"/>
      <c r="G110" s="444"/>
      <c r="H110" s="444"/>
      <c r="I110" s="444"/>
      <c r="J110" s="444"/>
      <c r="K110" s="444"/>
      <c r="L110" s="445"/>
      <c r="M110" s="444"/>
      <c r="N110" s="444"/>
      <c r="O110" s="444"/>
      <c r="P110" s="446"/>
      <c r="Q110" s="139"/>
      <c r="R110" s="138"/>
      <c r="S110" s="78"/>
      <c r="T110" s="76"/>
      <c r="U110" s="76"/>
      <c r="V110" s="76"/>
      <c r="W110" s="76"/>
      <c r="X110" s="77"/>
      <c r="Y110" s="77"/>
      <c r="Z110" s="77"/>
      <c r="AA110" s="77"/>
      <c r="AB110" s="77"/>
      <c r="AC110" s="77"/>
      <c r="AD110" s="77"/>
      <c r="AE110" s="77"/>
      <c r="AF110" s="77"/>
      <c r="AG110" s="77"/>
      <c r="AH110" s="77"/>
      <c r="AI110" s="77"/>
      <c r="AJ110" s="77"/>
      <c r="AK110" s="77"/>
      <c r="AL110" s="77"/>
      <c r="AM110" s="77"/>
      <c r="AN110" s="76"/>
      <c r="AO110" s="76"/>
      <c r="AP110" s="76"/>
      <c r="AQ110" s="76"/>
      <c r="AR110" s="76"/>
      <c r="AS110" s="76"/>
      <c r="AT110" s="76"/>
      <c r="AU110" s="76"/>
      <c r="AV110" s="76"/>
      <c r="AW110" s="76"/>
      <c r="AX110" s="76"/>
      <c r="AY110" s="76"/>
      <c r="AZ110" s="76"/>
      <c r="BA110" s="76"/>
      <c r="BB110" s="76"/>
      <c r="BC110" s="76"/>
      <c r="BD110" s="76"/>
    </row>
    <row r="111" spans="1:56" s="67" customFormat="1" ht="199.95" customHeight="1" thickTop="1" thickBot="1">
      <c r="A111" s="477" t="s">
        <v>431</v>
      </c>
      <c r="B111" s="478"/>
      <c r="C111" s="478"/>
      <c r="D111" s="478"/>
      <c r="E111" s="478"/>
      <c r="F111" s="478"/>
      <c r="G111" s="478"/>
      <c r="H111" s="478"/>
      <c r="I111" s="478"/>
      <c r="J111" s="478"/>
      <c r="K111" s="478"/>
      <c r="L111" s="379"/>
      <c r="M111" s="478"/>
      <c r="N111" s="478"/>
      <c r="O111" s="75" t="s">
        <v>20</v>
      </c>
      <c r="P111" s="136" t="s">
        <v>21</v>
      </c>
      <c r="Q111" s="139"/>
      <c r="R111" s="138"/>
      <c r="S111" s="137"/>
      <c r="T111" s="76"/>
      <c r="U111" s="77"/>
      <c r="V111" s="77"/>
      <c r="W111" s="77"/>
      <c r="X111" s="77"/>
      <c r="Y111" s="77"/>
      <c r="Z111" s="77"/>
      <c r="AA111" s="77"/>
      <c r="AB111" s="77"/>
      <c r="AC111" s="77"/>
      <c r="AD111" s="77"/>
      <c r="AE111" s="77"/>
      <c r="AF111" s="77"/>
      <c r="AG111" s="77"/>
      <c r="AH111" s="77"/>
      <c r="AI111" s="77"/>
      <c r="AJ111" s="77"/>
      <c r="AK111" s="77"/>
      <c r="AL111" s="77"/>
      <c r="AM111" s="77"/>
      <c r="AN111" s="77"/>
      <c r="AO111" s="77"/>
      <c r="AP111" s="77"/>
      <c r="AQ111" s="77"/>
      <c r="AR111" s="77"/>
      <c r="AS111" s="77"/>
      <c r="AT111" s="77"/>
      <c r="AU111" s="77"/>
      <c r="AV111" s="77"/>
      <c r="AW111" s="77"/>
      <c r="AX111" s="77"/>
      <c r="AY111" s="77"/>
      <c r="AZ111" s="77"/>
      <c r="BA111" s="77"/>
      <c r="BB111" s="77"/>
      <c r="BC111" s="77"/>
      <c r="BD111" s="77"/>
    </row>
    <row r="112" spans="1:56" s="64" customFormat="1" ht="69.900000000000006" customHeight="1" thickTop="1">
      <c r="A112" s="468" t="s">
        <v>25</v>
      </c>
      <c r="B112" s="469"/>
      <c r="C112" s="469"/>
      <c r="D112" s="469"/>
      <c r="E112" s="469"/>
      <c r="F112" s="469"/>
      <c r="G112" s="469"/>
      <c r="H112" s="469"/>
      <c r="I112" s="469"/>
      <c r="J112" s="469"/>
      <c r="K112" s="469"/>
      <c r="L112" s="454"/>
      <c r="M112" s="469"/>
      <c r="N112" s="469"/>
      <c r="O112" s="469"/>
      <c r="P112" s="470"/>
      <c r="Q112" s="122"/>
      <c r="R112" s="138"/>
      <c r="S112" s="162"/>
    </row>
    <row r="113" spans="1:258" s="67" customFormat="1" ht="75" customHeight="1">
      <c r="A113" s="456"/>
      <c r="B113" s="457"/>
      <c r="C113" s="457"/>
      <c r="D113" s="457"/>
      <c r="E113" s="457"/>
      <c r="F113" s="457"/>
      <c r="G113" s="457"/>
      <c r="H113" s="457"/>
      <c r="I113" s="457"/>
      <c r="J113" s="457"/>
      <c r="K113" s="457"/>
      <c r="L113" s="458"/>
      <c r="M113" s="457"/>
      <c r="N113" s="457"/>
      <c r="O113" s="457"/>
      <c r="P113" s="459"/>
      <c r="Q113" s="139"/>
      <c r="R113" s="138"/>
      <c r="S113" s="141"/>
      <c r="T113" s="64"/>
    </row>
    <row r="114" spans="1:258" s="67" customFormat="1" ht="75" customHeight="1" thickBot="1">
      <c r="A114" s="471"/>
      <c r="B114" s="472"/>
      <c r="C114" s="472"/>
      <c r="D114" s="472"/>
      <c r="E114" s="472"/>
      <c r="F114" s="472"/>
      <c r="G114" s="472"/>
      <c r="H114" s="472"/>
      <c r="I114" s="472"/>
      <c r="J114" s="472"/>
      <c r="K114" s="472"/>
      <c r="L114" s="473"/>
      <c r="M114" s="472"/>
      <c r="N114" s="472"/>
      <c r="O114" s="472"/>
      <c r="P114" s="474"/>
      <c r="Q114" s="139"/>
      <c r="R114" s="138"/>
      <c r="S114" s="141"/>
      <c r="T114" s="64"/>
    </row>
    <row r="115" spans="1:258" s="64" customFormat="1" ht="69.900000000000006" customHeight="1" thickBot="1">
      <c r="A115" s="443" t="s">
        <v>432</v>
      </c>
      <c r="B115" s="444"/>
      <c r="C115" s="444"/>
      <c r="D115" s="444"/>
      <c r="E115" s="444"/>
      <c r="F115" s="444"/>
      <c r="G115" s="444"/>
      <c r="H115" s="444"/>
      <c r="I115" s="444"/>
      <c r="J115" s="444"/>
      <c r="K115" s="444"/>
      <c r="L115" s="445"/>
      <c r="M115" s="444"/>
      <c r="N115" s="444"/>
      <c r="O115" s="444"/>
      <c r="P115" s="446"/>
      <c r="Q115" s="139"/>
      <c r="R115" s="138"/>
      <c r="S115" s="78"/>
      <c r="T115" s="76"/>
      <c r="U115" s="76"/>
      <c r="V115" s="76"/>
      <c r="W115" s="76"/>
      <c r="X115" s="76"/>
      <c r="Y115" s="76"/>
      <c r="Z115" s="76"/>
      <c r="AA115" s="76"/>
      <c r="AB115" s="76"/>
      <c r="AC115" s="76"/>
      <c r="AD115" s="76"/>
      <c r="AE115" s="76"/>
      <c r="AF115" s="76"/>
      <c r="AG115" s="76"/>
      <c r="AH115" s="76"/>
      <c r="AI115" s="76"/>
      <c r="AJ115" s="76"/>
      <c r="AK115" s="76"/>
      <c r="AL115" s="76"/>
      <c r="AM115" s="76"/>
      <c r="AN115" s="76"/>
      <c r="AO115" s="76"/>
      <c r="AP115" s="76"/>
      <c r="AQ115" s="76"/>
      <c r="AR115" s="76"/>
      <c r="AS115" s="76"/>
      <c r="AT115" s="76"/>
      <c r="AU115" s="76"/>
      <c r="AV115" s="76"/>
      <c r="AW115" s="76"/>
      <c r="AX115" s="76"/>
      <c r="AY115" s="76"/>
      <c r="AZ115" s="76"/>
      <c r="BA115" s="76"/>
      <c r="BB115" s="76"/>
      <c r="BC115" s="76"/>
      <c r="BD115" s="76"/>
    </row>
    <row r="116" spans="1:258" s="67" customFormat="1" ht="201" customHeight="1" thickTop="1" thickBot="1">
      <c r="A116" s="477" t="s">
        <v>259</v>
      </c>
      <c r="B116" s="478"/>
      <c r="C116" s="478"/>
      <c r="D116" s="478"/>
      <c r="E116" s="478"/>
      <c r="F116" s="478"/>
      <c r="G116" s="478"/>
      <c r="H116" s="478"/>
      <c r="I116" s="478"/>
      <c r="J116" s="478"/>
      <c r="K116" s="478"/>
      <c r="L116" s="379"/>
      <c r="M116" s="478"/>
      <c r="N116" s="478"/>
      <c r="O116" s="75" t="s">
        <v>20</v>
      </c>
      <c r="P116" s="136" t="s">
        <v>21</v>
      </c>
      <c r="Q116" s="139"/>
      <c r="R116" s="138"/>
      <c r="S116" s="137"/>
      <c r="T116" s="76"/>
      <c r="U116" s="77"/>
      <c r="V116" s="77"/>
      <c r="W116" s="77"/>
      <c r="X116" s="76"/>
      <c r="Y116" s="76"/>
      <c r="Z116" s="76"/>
      <c r="AA116" s="76"/>
      <c r="AB116" s="76"/>
      <c r="AC116" s="76"/>
      <c r="AD116" s="76"/>
      <c r="AE116" s="76"/>
      <c r="AF116" s="76"/>
      <c r="AG116" s="76"/>
      <c r="AH116" s="76"/>
      <c r="AI116" s="76"/>
      <c r="AJ116" s="76"/>
      <c r="AK116" s="76"/>
      <c r="AL116" s="76"/>
      <c r="AM116" s="76"/>
      <c r="AN116" s="77"/>
      <c r="AO116" s="77"/>
      <c r="AP116" s="77"/>
      <c r="AQ116" s="77"/>
      <c r="AR116" s="77"/>
      <c r="AS116" s="77"/>
      <c r="AT116" s="77"/>
      <c r="AU116" s="77"/>
      <c r="AV116" s="77"/>
      <c r="AW116" s="77"/>
      <c r="AX116" s="77"/>
      <c r="AY116" s="77"/>
      <c r="AZ116" s="77"/>
      <c r="BA116" s="77"/>
      <c r="BB116" s="77"/>
      <c r="BC116" s="77"/>
      <c r="BD116" s="77"/>
    </row>
    <row r="117" spans="1:258" s="64" customFormat="1" ht="69.900000000000006" customHeight="1" thickTop="1">
      <c r="A117" s="503" t="s">
        <v>52</v>
      </c>
      <c r="B117" s="504"/>
      <c r="C117" s="504"/>
      <c r="D117" s="504"/>
      <c r="E117" s="504"/>
      <c r="F117" s="504"/>
      <c r="G117" s="504"/>
      <c r="H117" s="504"/>
      <c r="I117" s="504"/>
      <c r="J117" s="504"/>
      <c r="K117" s="504"/>
      <c r="L117" s="505"/>
      <c r="M117" s="504"/>
      <c r="N117" s="504"/>
      <c r="O117" s="504"/>
      <c r="P117" s="506"/>
      <c r="Q117" s="122"/>
      <c r="R117" s="138"/>
      <c r="S117" s="162"/>
    </row>
    <row r="118" spans="1:258" s="64" customFormat="1" ht="69.900000000000006" customHeight="1">
      <c r="A118" s="507" t="s">
        <v>90</v>
      </c>
      <c r="B118" s="508"/>
      <c r="C118" s="508"/>
      <c r="D118" s="508"/>
      <c r="E118" s="508"/>
      <c r="F118" s="508"/>
      <c r="G118" s="508"/>
      <c r="H118" s="508"/>
      <c r="I118" s="508"/>
      <c r="J118" s="508"/>
      <c r="K118" s="508"/>
      <c r="L118" s="508"/>
      <c r="M118" s="508"/>
      <c r="N118" s="508"/>
      <c r="O118" s="508"/>
      <c r="P118" s="509"/>
      <c r="Q118" s="161"/>
      <c r="R118" s="133"/>
      <c r="S118" s="162"/>
      <c r="T118" s="52"/>
      <c r="U118" s="52"/>
      <c r="V118" s="52"/>
      <c r="W118" s="52"/>
      <c r="X118" s="52"/>
      <c r="Y118" s="52"/>
      <c r="Z118" s="52"/>
      <c r="AA118" s="52"/>
      <c r="AB118" s="52"/>
      <c r="AC118" s="52"/>
      <c r="AD118" s="52"/>
      <c r="AE118" s="52"/>
      <c r="AF118" s="52"/>
      <c r="AG118" s="52"/>
      <c r="AH118" s="52"/>
      <c r="AI118" s="52"/>
      <c r="AJ118" s="52"/>
      <c r="AK118" s="52"/>
      <c r="AL118" s="52"/>
      <c r="AM118" s="52"/>
      <c r="AN118" s="52"/>
      <c r="AO118" s="52"/>
      <c r="AP118" s="52"/>
      <c r="AQ118" s="52"/>
      <c r="AR118" s="52"/>
      <c r="AS118" s="52"/>
      <c r="AT118" s="52"/>
      <c r="AU118" s="52"/>
      <c r="AV118" s="52"/>
      <c r="AW118" s="52"/>
      <c r="AX118" s="52"/>
      <c r="AY118" s="52"/>
      <c r="AZ118" s="52"/>
      <c r="BA118" s="52"/>
      <c r="BB118" s="52"/>
      <c r="BC118" s="52"/>
      <c r="BD118" s="52"/>
      <c r="BE118" s="52"/>
      <c r="BF118" s="52"/>
      <c r="BG118" s="52"/>
      <c r="BH118" s="52"/>
      <c r="BI118" s="52"/>
      <c r="BJ118" s="52"/>
      <c r="BK118" s="52"/>
      <c r="BL118" s="52"/>
      <c r="BM118" s="52"/>
      <c r="BN118" s="52"/>
      <c r="BO118" s="52"/>
      <c r="BP118" s="52"/>
      <c r="BQ118" s="52"/>
      <c r="BR118" s="52"/>
      <c r="BS118" s="52"/>
      <c r="BT118" s="52"/>
      <c r="BU118" s="52"/>
      <c r="BV118" s="52"/>
      <c r="BW118" s="52"/>
      <c r="BX118" s="52"/>
      <c r="BY118" s="52"/>
      <c r="BZ118" s="52"/>
      <c r="CA118" s="52"/>
      <c r="CB118" s="52"/>
      <c r="CC118" s="52"/>
      <c r="CD118" s="52"/>
      <c r="CE118" s="52"/>
      <c r="CF118" s="52"/>
      <c r="CG118" s="52"/>
      <c r="CH118" s="52"/>
      <c r="CI118" s="52"/>
      <c r="CJ118" s="52"/>
      <c r="CK118" s="52"/>
      <c r="CL118" s="52"/>
      <c r="CM118" s="52"/>
      <c r="CN118" s="52"/>
      <c r="CO118" s="52"/>
      <c r="CP118" s="52"/>
      <c r="CQ118" s="52"/>
      <c r="CR118" s="52"/>
      <c r="CS118" s="52"/>
      <c r="CT118" s="52"/>
      <c r="CU118" s="52"/>
      <c r="CV118" s="52"/>
      <c r="CW118" s="52"/>
      <c r="CX118" s="52"/>
      <c r="CY118" s="52"/>
      <c r="CZ118" s="52"/>
      <c r="DA118" s="52"/>
      <c r="DB118" s="52"/>
      <c r="DC118" s="52"/>
      <c r="DD118" s="52"/>
      <c r="DE118" s="52"/>
      <c r="DF118" s="52"/>
      <c r="DG118" s="52"/>
      <c r="DH118" s="52"/>
      <c r="DI118" s="52"/>
      <c r="DJ118" s="52"/>
      <c r="DK118" s="52"/>
      <c r="DL118" s="52"/>
      <c r="DM118" s="52"/>
      <c r="DN118" s="52"/>
      <c r="DO118" s="52"/>
      <c r="DP118" s="52"/>
      <c r="DQ118" s="52"/>
      <c r="DR118" s="52"/>
      <c r="DS118" s="52"/>
      <c r="DT118" s="52"/>
      <c r="DU118" s="52"/>
      <c r="DV118" s="52"/>
      <c r="DW118" s="52"/>
      <c r="DX118" s="52"/>
      <c r="DY118" s="52"/>
      <c r="DZ118" s="52"/>
      <c r="EA118" s="52"/>
      <c r="EB118" s="52"/>
      <c r="EC118" s="52"/>
      <c r="ED118" s="52"/>
      <c r="EE118" s="52"/>
      <c r="EF118" s="52"/>
      <c r="EG118" s="52"/>
      <c r="EH118" s="52"/>
      <c r="EI118" s="52"/>
      <c r="EJ118" s="52"/>
      <c r="EK118" s="52"/>
      <c r="EL118" s="52"/>
      <c r="EM118" s="52"/>
      <c r="EN118" s="52"/>
      <c r="EO118" s="52"/>
      <c r="EP118" s="52"/>
      <c r="EQ118" s="52"/>
      <c r="ER118" s="52"/>
      <c r="ES118" s="52"/>
      <c r="ET118" s="52"/>
      <c r="EU118" s="52"/>
      <c r="EV118" s="52"/>
      <c r="EW118" s="52"/>
      <c r="EX118" s="52"/>
      <c r="EY118" s="52"/>
      <c r="EZ118" s="52"/>
      <c r="FA118" s="52"/>
      <c r="FB118" s="52"/>
      <c r="FC118" s="52"/>
      <c r="FD118" s="52"/>
      <c r="FE118" s="52"/>
      <c r="FF118" s="52"/>
      <c r="FG118" s="52"/>
      <c r="FH118" s="52"/>
      <c r="FI118" s="52"/>
      <c r="FJ118" s="52"/>
      <c r="FK118" s="52"/>
      <c r="FL118" s="52"/>
      <c r="FM118" s="52"/>
      <c r="FN118" s="52"/>
      <c r="FO118" s="52"/>
      <c r="FP118" s="52"/>
      <c r="FQ118" s="52"/>
      <c r="FR118" s="52"/>
      <c r="FS118" s="52"/>
      <c r="FT118" s="52"/>
      <c r="FU118" s="52"/>
      <c r="FV118" s="52"/>
      <c r="FW118" s="52"/>
      <c r="FX118" s="52"/>
      <c r="FY118" s="52"/>
      <c r="FZ118" s="52"/>
      <c r="GA118" s="52"/>
      <c r="GB118" s="52"/>
      <c r="GC118" s="52"/>
      <c r="GD118" s="52"/>
      <c r="GE118" s="52"/>
      <c r="GF118" s="52"/>
      <c r="GG118" s="52"/>
      <c r="GH118" s="52"/>
      <c r="GI118" s="52"/>
      <c r="GJ118" s="52"/>
      <c r="GK118" s="52"/>
      <c r="GL118" s="52"/>
      <c r="GM118" s="52"/>
      <c r="GN118" s="52"/>
      <c r="GO118" s="52"/>
      <c r="GP118" s="52"/>
      <c r="GQ118" s="52"/>
      <c r="GR118" s="52"/>
      <c r="GS118" s="52"/>
      <c r="GT118" s="52"/>
      <c r="GU118" s="52"/>
      <c r="GV118" s="52"/>
      <c r="GW118" s="52"/>
      <c r="GX118" s="52"/>
      <c r="GY118" s="52"/>
      <c r="GZ118" s="52"/>
      <c r="HA118" s="52"/>
      <c r="HB118" s="52"/>
      <c r="HC118" s="52"/>
      <c r="HD118" s="52"/>
      <c r="HE118" s="52"/>
      <c r="HF118" s="52"/>
      <c r="HG118" s="52"/>
      <c r="HH118" s="52"/>
      <c r="HI118" s="52"/>
      <c r="HJ118" s="52"/>
      <c r="HK118" s="52"/>
      <c r="HL118" s="52"/>
      <c r="HM118" s="52"/>
      <c r="HN118" s="52"/>
      <c r="HO118" s="52"/>
      <c r="HP118" s="52"/>
      <c r="HQ118" s="52"/>
      <c r="HR118" s="52"/>
      <c r="HS118" s="52"/>
      <c r="HT118" s="52"/>
      <c r="HU118" s="52"/>
      <c r="HV118" s="52"/>
      <c r="HW118" s="52"/>
      <c r="HX118" s="52"/>
      <c r="HY118" s="52"/>
      <c r="HZ118" s="52"/>
      <c r="IA118" s="52"/>
      <c r="IB118" s="52"/>
      <c r="IC118" s="52"/>
      <c r="ID118" s="52"/>
      <c r="IE118" s="52"/>
      <c r="IF118" s="52"/>
      <c r="IG118" s="52"/>
      <c r="IH118" s="52"/>
      <c r="II118" s="52"/>
      <c r="IJ118" s="52"/>
      <c r="IK118" s="52"/>
      <c r="IL118" s="52"/>
      <c r="IM118" s="52"/>
      <c r="IN118" s="52"/>
      <c r="IO118" s="52"/>
      <c r="IP118" s="52"/>
      <c r="IQ118" s="52"/>
      <c r="IR118" s="52"/>
      <c r="IS118" s="52"/>
      <c r="IT118" s="52"/>
      <c r="IU118" s="52"/>
      <c r="IV118" s="52"/>
      <c r="IW118" s="52"/>
      <c r="IX118" s="52"/>
    </row>
    <row r="119" spans="1:258" s="67" customFormat="1" ht="69" customHeight="1">
      <c r="A119" s="658" t="s">
        <v>91</v>
      </c>
      <c r="B119" s="659"/>
      <c r="C119" s="659"/>
      <c r="D119" s="659"/>
      <c r="E119" s="659"/>
      <c r="F119" s="659"/>
      <c r="G119" s="659"/>
      <c r="H119" s="659"/>
      <c r="I119" s="659"/>
      <c r="J119" s="659"/>
      <c r="K119" s="659"/>
      <c r="L119" s="659"/>
      <c r="M119" s="659"/>
      <c r="N119" s="659"/>
      <c r="O119" s="659"/>
      <c r="P119" s="660"/>
      <c r="Q119" s="139"/>
      <c r="R119" s="138"/>
      <c r="S119" s="78"/>
      <c r="T119" s="76"/>
      <c r="U119" s="77"/>
      <c r="V119" s="77"/>
      <c r="W119" s="77"/>
      <c r="X119" s="77"/>
      <c r="Y119" s="77"/>
      <c r="Z119" s="77"/>
      <c r="AA119" s="77"/>
      <c r="AB119" s="77"/>
      <c r="AC119" s="77"/>
      <c r="AD119" s="77"/>
      <c r="AE119" s="77"/>
      <c r="AF119" s="77"/>
      <c r="AG119" s="77"/>
      <c r="AH119" s="77"/>
      <c r="AI119" s="77"/>
      <c r="AJ119" s="77"/>
      <c r="AK119" s="77"/>
      <c r="AL119" s="77"/>
      <c r="AM119" s="77"/>
      <c r="AN119" s="77"/>
      <c r="AO119" s="77"/>
      <c r="AP119" s="77"/>
      <c r="AQ119" s="77"/>
      <c r="AR119" s="77"/>
      <c r="AS119" s="77"/>
      <c r="AT119" s="77"/>
      <c r="AU119" s="77"/>
      <c r="AV119" s="77"/>
      <c r="AW119" s="77"/>
      <c r="AX119" s="77"/>
      <c r="AY119" s="77"/>
      <c r="AZ119" s="77"/>
      <c r="BA119" s="77"/>
      <c r="BB119" s="77"/>
      <c r="BC119" s="77"/>
      <c r="BD119" s="77"/>
    </row>
    <row r="120" spans="1:258" s="67" customFormat="1" ht="69.599999999999994" customHeight="1">
      <c r="A120" s="556" t="s">
        <v>85</v>
      </c>
      <c r="B120" s="557"/>
      <c r="C120" s="557"/>
      <c r="D120" s="557"/>
      <c r="E120" s="557"/>
      <c r="F120" s="557"/>
      <c r="G120" s="557"/>
      <c r="H120" s="557"/>
      <c r="I120" s="557"/>
      <c r="J120" s="557"/>
      <c r="K120" s="557"/>
      <c r="L120" s="557"/>
      <c r="M120" s="557"/>
      <c r="N120" s="557"/>
      <c r="O120" s="557"/>
      <c r="P120" s="558"/>
      <c r="Q120" s="139"/>
      <c r="R120" s="138"/>
      <c r="S120" s="78"/>
      <c r="T120" s="76"/>
      <c r="U120" s="77"/>
      <c r="V120" s="77"/>
      <c r="W120" s="77"/>
      <c r="X120" s="77"/>
      <c r="Y120" s="77"/>
      <c r="Z120" s="77"/>
      <c r="AA120" s="77"/>
      <c r="AB120" s="77"/>
      <c r="AC120" s="77"/>
      <c r="AD120" s="77"/>
      <c r="AE120" s="77"/>
      <c r="AF120" s="77"/>
      <c r="AG120" s="77"/>
      <c r="AH120" s="77"/>
      <c r="AI120" s="77"/>
      <c r="AJ120" s="77"/>
      <c r="AK120" s="77"/>
      <c r="AL120" s="77"/>
      <c r="AM120" s="77"/>
      <c r="AN120" s="77"/>
      <c r="AO120" s="77"/>
      <c r="AP120" s="77"/>
      <c r="AQ120" s="77"/>
      <c r="AR120" s="77"/>
      <c r="AS120" s="77"/>
      <c r="AT120" s="77"/>
      <c r="AU120" s="77"/>
      <c r="AV120" s="77"/>
      <c r="AW120" s="77"/>
      <c r="AX120" s="77"/>
      <c r="AY120" s="77"/>
      <c r="AZ120" s="77"/>
      <c r="BA120" s="77"/>
      <c r="BB120" s="77"/>
      <c r="BC120" s="77"/>
      <c r="BD120" s="77"/>
    </row>
    <row r="121" spans="1:258" s="64" customFormat="1" ht="69.900000000000006" customHeight="1">
      <c r="A121" s="468" t="s">
        <v>25</v>
      </c>
      <c r="B121" s="469"/>
      <c r="C121" s="469"/>
      <c r="D121" s="469"/>
      <c r="E121" s="469"/>
      <c r="F121" s="469"/>
      <c r="G121" s="469"/>
      <c r="H121" s="469"/>
      <c r="I121" s="469"/>
      <c r="J121" s="469"/>
      <c r="K121" s="469"/>
      <c r="L121" s="454"/>
      <c r="M121" s="469"/>
      <c r="N121" s="469"/>
      <c r="O121" s="469"/>
      <c r="P121" s="470"/>
      <c r="Q121" s="122"/>
      <c r="R121" s="138"/>
      <c r="S121" s="162"/>
    </row>
    <row r="122" spans="1:258" s="67" customFormat="1" ht="75" customHeight="1">
      <c r="A122" s="456"/>
      <c r="B122" s="457"/>
      <c r="C122" s="457"/>
      <c r="D122" s="457"/>
      <c r="E122" s="457"/>
      <c r="F122" s="457"/>
      <c r="G122" s="457"/>
      <c r="H122" s="457"/>
      <c r="I122" s="457"/>
      <c r="J122" s="457"/>
      <c r="K122" s="457"/>
      <c r="L122" s="458"/>
      <c r="M122" s="457"/>
      <c r="N122" s="457"/>
      <c r="O122" s="457"/>
      <c r="P122" s="459"/>
      <c r="Q122" s="139"/>
      <c r="R122" s="138"/>
      <c r="S122" s="141"/>
      <c r="T122" s="64"/>
    </row>
    <row r="123" spans="1:258" s="67" customFormat="1" ht="75" customHeight="1" thickBot="1">
      <c r="A123" s="471"/>
      <c r="B123" s="472"/>
      <c r="C123" s="472"/>
      <c r="D123" s="472"/>
      <c r="E123" s="472"/>
      <c r="F123" s="472"/>
      <c r="G123" s="472"/>
      <c r="H123" s="472"/>
      <c r="I123" s="472"/>
      <c r="J123" s="472"/>
      <c r="K123" s="472"/>
      <c r="L123" s="473"/>
      <c r="M123" s="472"/>
      <c r="N123" s="472"/>
      <c r="O123" s="472"/>
      <c r="P123" s="474"/>
      <c r="Q123" s="139"/>
      <c r="R123" s="138"/>
      <c r="S123" s="141"/>
      <c r="T123" s="64"/>
    </row>
    <row r="124" spans="1:258" s="64" customFormat="1" ht="69.900000000000006" customHeight="1" thickBot="1">
      <c r="A124" s="443" t="s">
        <v>433</v>
      </c>
      <c r="B124" s="444"/>
      <c r="C124" s="444"/>
      <c r="D124" s="444"/>
      <c r="E124" s="444"/>
      <c r="F124" s="444"/>
      <c r="G124" s="444"/>
      <c r="H124" s="444"/>
      <c r="I124" s="444"/>
      <c r="J124" s="444"/>
      <c r="K124" s="444"/>
      <c r="L124" s="445"/>
      <c r="M124" s="444"/>
      <c r="N124" s="444"/>
      <c r="O124" s="444"/>
      <c r="P124" s="446"/>
      <c r="Q124" s="139"/>
      <c r="R124" s="138"/>
      <c r="S124" s="78"/>
      <c r="T124" s="76"/>
      <c r="U124" s="76"/>
      <c r="V124" s="76"/>
      <c r="W124" s="76"/>
      <c r="X124" s="77"/>
      <c r="Y124" s="77"/>
      <c r="Z124" s="77"/>
      <c r="AA124" s="77"/>
      <c r="AB124" s="77"/>
      <c r="AC124" s="77"/>
      <c r="AD124" s="77"/>
      <c r="AE124" s="77"/>
      <c r="AF124" s="77"/>
      <c r="AG124" s="77"/>
      <c r="AH124" s="77"/>
      <c r="AI124" s="77"/>
      <c r="AJ124" s="77"/>
      <c r="AK124" s="77"/>
      <c r="AL124" s="77"/>
      <c r="AM124" s="77"/>
      <c r="AN124" s="76"/>
      <c r="AO124" s="76"/>
      <c r="AP124" s="76"/>
      <c r="AQ124" s="76"/>
      <c r="AR124" s="76"/>
      <c r="AS124" s="76"/>
      <c r="AT124" s="76"/>
      <c r="AU124" s="76"/>
      <c r="AV124" s="76"/>
      <c r="AW124" s="76"/>
      <c r="AX124" s="76"/>
      <c r="AY124" s="76"/>
      <c r="AZ124" s="76"/>
      <c r="BA124" s="76"/>
      <c r="BB124" s="76"/>
      <c r="BC124" s="76"/>
      <c r="BD124" s="76"/>
    </row>
    <row r="125" spans="1:258" s="67" customFormat="1" ht="307.95" customHeight="1" thickTop="1" thickBot="1">
      <c r="A125" s="485" t="s">
        <v>260</v>
      </c>
      <c r="B125" s="486"/>
      <c r="C125" s="486"/>
      <c r="D125" s="486"/>
      <c r="E125" s="486"/>
      <c r="F125" s="486"/>
      <c r="G125" s="486"/>
      <c r="H125" s="486"/>
      <c r="I125" s="486"/>
      <c r="J125" s="486"/>
      <c r="K125" s="486"/>
      <c r="L125" s="352"/>
      <c r="M125" s="486"/>
      <c r="N125" s="486"/>
      <c r="O125" s="68" t="s">
        <v>20</v>
      </c>
      <c r="P125" s="69" t="s">
        <v>21</v>
      </c>
      <c r="Q125" s="139"/>
      <c r="R125" s="138"/>
      <c r="S125" s="137"/>
      <c r="T125" s="76"/>
      <c r="U125" s="77"/>
      <c r="V125" s="77"/>
      <c r="W125" s="77"/>
      <c r="X125" s="97"/>
      <c r="Y125" s="97"/>
      <c r="Z125" s="97"/>
      <c r="AA125" s="97"/>
      <c r="AB125" s="97"/>
      <c r="AC125" s="97"/>
      <c r="AD125" s="97"/>
      <c r="AE125" s="97"/>
      <c r="AF125" s="97"/>
      <c r="AG125" s="97"/>
      <c r="AH125" s="97"/>
      <c r="AI125" s="97"/>
      <c r="AJ125" s="97"/>
      <c r="AK125" s="97"/>
      <c r="AL125" s="97"/>
      <c r="AM125" s="97"/>
      <c r="AN125" s="77"/>
      <c r="AO125" s="77"/>
      <c r="AP125" s="77"/>
      <c r="AQ125" s="77"/>
      <c r="AR125" s="77"/>
      <c r="AS125" s="77"/>
      <c r="AT125" s="77"/>
      <c r="AU125" s="77"/>
      <c r="AV125" s="77"/>
      <c r="AW125" s="77"/>
      <c r="AX125" s="77"/>
      <c r="AY125" s="77"/>
      <c r="AZ125" s="77"/>
      <c r="BA125" s="77"/>
      <c r="BB125" s="77"/>
      <c r="BC125" s="77"/>
      <c r="BD125" s="77"/>
    </row>
    <row r="126" spans="1:258" s="67" customFormat="1" ht="201" customHeight="1" thickTop="1" thickBot="1">
      <c r="A126" s="466" t="s">
        <v>261</v>
      </c>
      <c r="B126" s="449"/>
      <c r="C126" s="449"/>
      <c r="D126" s="449"/>
      <c r="E126" s="449"/>
      <c r="F126" s="449"/>
      <c r="G126" s="449"/>
      <c r="H126" s="449"/>
      <c r="I126" s="449"/>
      <c r="J126" s="449"/>
      <c r="K126" s="449"/>
      <c r="L126" s="295"/>
      <c r="M126" s="449"/>
      <c r="N126" s="449"/>
      <c r="O126" s="68" t="s">
        <v>20</v>
      </c>
      <c r="P126" s="69" t="s">
        <v>21</v>
      </c>
      <c r="Q126" s="139"/>
      <c r="R126" s="138"/>
      <c r="S126" s="137"/>
      <c r="T126" s="76"/>
      <c r="U126" s="77"/>
      <c r="V126" s="77"/>
      <c r="W126" s="77"/>
      <c r="X126" s="76"/>
      <c r="Y126" s="76"/>
      <c r="Z126" s="76"/>
      <c r="AA126" s="76"/>
      <c r="AB126" s="76"/>
      <c r="AC126" s="76"/>
      <c r="AD126" s="76"/>
      <c r="AE126" s="76"/>
      <c r="AF126" s="76"/>
      <c r="AG126" s="76"/>
      <c r="AH126" s="76"/>
      <c r="AI126" s="76"/>
      <c r="AJ126" s="76"/>
      <c r="AK126" s="76"/>
      <c r="AL126" s="76"/>
      <c r="AM126" s="76"/>
      <c r="AN126" s="77"/>
      <c r="AO126" s="77"/>
      <c r="AP126" s="77"/>
      <c r="AQ126" s="77"/>
      <c r="AR126" s="77"/>
      <c r="AS126" s="77"/>
      <c r="AT126" s="77"/>
      <c r="AU126" s="77"/>
      <c r="AV126" s="77"/>
      <c r="AW126" s="77"/>
      <c r="AX126" s="77"/>
      <c r="AY126" s="77"/>
      <c r="AZ126" s="77"/>
      <c r="BA126" s="77"/>
      <c r="BB126" s="77"/>
      <c r="BC126" s="77"/>
      <c r="BD126" s="77"/>
    </row>
    <row r="127" spans="1:258" s="100" customFormat="1" ht="140.1" customHeight="1" thickTop="1" thickBot="1">
      <c r="A127" s="467" t="s">
        <v>262</v>
      </c>
      <c r="B127" s="451"/>
      <c r="C127" s="451"/>
      <c r="D127" s="451"/>
      <c r="E127" s="451"/>
      <c r="F127" s="451"/>
      <c r="G127" s="451"/>
      <c r="H127" s="451"/>
      <c r="I127" s="451"/>
      <c r="J127" s="451"/>
      <c r="K127" s="451"/>
      <c r="L127" s="349"/>
      <c r="M127" s="451"/>
      <c r="N127" s="451"/>
      <c r="O127" s="75" t="s">
        <v>20</v>
      </c>
      <c r="P127" s="136" t="s">
        <v>21</v>
      </c>
      <c r="Q127" s="139"/>
      <c r="R127" s="98"/>
      <c r="S127" s="137"/>
      <c r="T127" s="99"/>
      <c r="U127" s="97"/>
      <c r="V127" s="97"/>
      <c r="W127" s="97"/>
      <c r="X127" s="77"/>
      <c r="Y127" s="77"/>
      <c r="Z127" s="77"/>
      <c r="AA127" s="77"/>
      <c r="AB127" s="77"/>
      <c r="AC127" s="77"/>
      <c r="AD127" s="77"/>
      <c r="AE127" s="77"/>
      <c r="AF127" s="77"/>
      <c r="AG127" s="77"/>
      <c r="AH127" s="77"/>
      <c r="AI127" s="77"/>
      <c r="AJ127" s="77"/>
      <c r="AK127" s="77"/>
      <c r="AL127" s="77"/>
      <c r="AM127" s="77"/>
      <c r="AN127" s="97"/>
      <c r="AO127" s="97"/>
      <c r="AP127" s="97"/>
      <c r="AQ127" s="97"/>
      <c r="AR127" s="97"/>
      <c r="AS127" s="97"/>
      <c r="AT127" s="97"/>
      <c r="AU127" s="97"/>
      <c r="AV127" s="97"/>
      <c r="AW127" s="97"/>
      <c r="AX127" s="97"/>
      <c r="AY127" s="97"/>
      <c r="AZ127" s="97"/>
      <c r="BA127" s="97"/>
      <c r="BB127" s="97"/>
      <c r="BC127" s="97"/>
      <c r="BD127" s="97"/>
    </row>
    <row r="128" spans="1:258" s="64" customFormat="1" ht="69.900000000000006" customHeight="1" thickTop="1">
      <c r="A128" s="468" t="s">
        <v>25</v>
      </c>
      <c r="B128" s="469"/>
      <c r="C128" s="469"/>
      <c r="D128" s="469"/>
      <c r="E128" s="469"/>
      <c r="F128" s="469"/>
      <c r="G128" s="469"/>
      <c r="H128" s="469"/>
      <c r="I128" s="469"/>
      <c r="J128" s="469"/>
      <c r="K128" s="469"/>
      <c r="L128" s="454"/>
      <c r="M128" s="469"/>
      <c r="N128" s="469"/>
      <c r="O128" s="469"/>
      <c r="P128" s="470"/>
      <c r="Q128" s="122"/>
      <c r="R128" s="138"/>
      <c r="S128" s="162"/>
    </row>
    <row r="129" spans="1:258" s="67" customFormat="1" ht="75" customHeight="1">
      <c r="A129" s="456"/>
      <c r="B129" s="457"/>
      <c r="C129" s="457"/>
      <c r="D129" s="457"/>
      <c r="E129" s="457"/>
      <c r="F129" s="457"/>
      <c r="G129" s="457"/>
      <c r="H129" s="457"/>
      <c r="I129" s="457"/>
      <c r="J129" s="457"/>
      <c r="K129" s="457"/>
      <c r="L129" s="458"/>
      <c r="M129" s="457"/>
      <c r="N129" s="457"/>
      <c r="O129" s="457"/>
      <c r="P129" s="459"/>
      <c r="Q129" s="139"/>
      <c r="R129" s="138"/>
      <c r="S129" s="141"/>
      <c r="T129" s="64"/>
    </row>
    <row r="130" spans="1:258" s="67" customFormat="1" ht="75" customHeight="1" thickBot="1">
      <c r="A130" s="471"/>
      <c r="B130" s="472"/>
      <c r="C130" s="472"/>
      <c r="D130" s="472"/>
      <c r="E130" s="472"/>
      <c r="F130" s="472"/>
      <c r="G130" s="472"/>
      <c r="H130" s="472"/>
      <c r="I130" s="472"/>
      <c r="J130" s="472"/>
      <c r="K130" s="472"/>
      <c r="L130" s="473"/>
      <c r="M130" s="472"/>
      <c r="N130" s="472"/>
      <c r="O130" s="472"/>
      <c r="P130" s="474"/>
      <c r="Q130" s="139"/>
      <c r="R130" s="138"/>
      <c r="S130" s="141"/>
      <c r="T130" s="64"/>
    </row>
    <row r="131" spans="1:258" s="64" customFormat="1" ht="69.900000000000006" customHeight="1" thickBot="1">
      <c r="A131" s="443" t="s">
        <v>434</v>
      </c>
      <c r="B131" s="444"/>
      <c r="C131" s="444"/>
      <c r="D131" s="444"/>
      <c r="E131" s="444"/>
      <c r="F131" s="444"/>
      <c r="G131" s="444"/>
      <c r="H131" s="444"/>
      <c r="I131" s="444"/>
      <c r="J131" s="444"/>
      <c r="K131" s="444"/>
      <c r="L131" s="445"/>
      <c r="M131" s="444"/>
      <c r="N131" s="444"/>
      <c r="O131" s="444"/>
      <c r="P131" s="446"/>
      <c r="Q131" s="139"/>
      <c r="R131" s="138"/>
      <c r="S131" s="210" t="s">
        <v>435</v>
      </c>
      <c r="T131" s="76"/>
      <c r="U131" s="76"/>
      <c r="V131" s="76"/>
      <c r="W131" s="76"/>
      <c r="X131" s="77"/>
      <c r="Y131" s="77"/>
      <c r="Z131" s="77"/>
      <c r="AA131" s="77"/>
      <c r="AB131" s="77"/>
      <c r="AC131" s="77"/>
      <c r="AD131" s="77"/>
      <c r="AE131" s="77"/>
      <c r="AF131" s="77"/>
      <c r="AG131" s="77"/>
      <c r="AH131" s="77"/>
      <c r="AI131" s="77"/>
      <c r="AJ131" s="77"/>
      <c r="AK131" s="77"/>
      <c r="AL131" s="77"/>
      <c r="AM131" s="77"/>
      <c r="AN131" s="76"/>
      <c r="AO131" s="76"/>
      <c r="AP131" s="76"/>
      <c r="AQ131" s="76"/>
      <c r="AR131" s="76"/>
      <c r="AS131" s="76"/>
      <c r="AT131" s="76"/>
      <c r="AU131" s="76"/>
      <c r="AV131" s="76"/>
      <c r="AW131" s="76"/>
      <c r="AX131" s="76"/>
      <c r="AY131" s="76"/>
      <c r="AZ131" s="76"/>
      <c r="BA131" s="76"/>
      <c r="BB131" s="76"/>
      <c r="BC131" s="76"/>
      <c r="BD131" s="76"/>
    </row>
    <row r="132" spans="1:258" s="67" customFormat="1" ht="132" customHeight="1" thickTop="1" thickBot="1">
      <c r="A132" s="579" t="s">
        <v>98</v>
      </c>
      <c r="B132" s="379"/>
      <c r="C132" s="379"/>
      <c r="D132" s="379"/>
      <c r="E132" s="379"/>
      <c r="F132" s="379"/>
      <c r="G132" s="379"/>
      <c r="H132" s="379"/>
      <c r="I132" s="379"/>
      <c r="J132" s="379"/>
      <c r="K132" s="379"/>
      <c r="L132" s="379"/>
      <c r="M132" s="570"/>
      <c r="N132" s="135" t="s">
        <v>24</v>
      </c>
      <c r="O132" s="75" t="s">
        <v>20</v>
      </c>
      <c r="P132" s="136" t="s">
        <v>21</v>
      </c>
      <c r="Q132" s="139"/>
      <c r="R132" s="138"/>
      <c r="S132" s="137"/>
      <c r="T132" s="76"/>
      <c r="U132" s="77"/>
      <c r="V132" s="77"/>
      <c r="W132" s="77"/>
      <c r="X132" s="77"/>
      <c r="Y132" s="77"/>
      <c r="Z132" s="77"/>
      <c r="AA132" s="77"/>
      <c r="AB132" s="77"/>
      <c r="AC132" s="77"/>
      <c r="AD132" s="77"/>
      <c r="AE132" s="77"/>
      <c r="AF132" s="77"/>
      <c r="AG132" s="77"/>
      <c r="AH132" s="77"/>
      <c r="AI132" s="77"/>
      <c r="AJ132" s="77"/>
      <c r="AK132" s="77"/>
      <c r="AL132" s="77"/>
      <c r="AM132" s="77"/>
      <c r="AN132" s="77"/>
      <c r="AO132" s="77"/>
      <c r="AP132" s="77"/>
      <c r="AQ132" s="77"/>
      <c r="AR132" s="77"/>
      <c r="AS132" s="77"/>
      <c r="AT132" s="77"/>
      <c r="AU132" s="77"/>
      <c r="AV132" s="77"/>
      <c r="AW132" s="77"/>
      <c r="AX132" s="77"/>
      <c r="AY132" s="77"/>
      <c r="AZ132" s="77"/>
      <c r="BA132" s="77"/>
      <c r="BB132" s="77"/>
      <c r="BC132" s="77"/>
      <c r="BD132" s="77"/>
    </row>
    <row r="133" spans="1:258" s="64" customFormat="1" ht="69.599999999999994" customHeight="1" thickTop="1">
      <c r="A133" s="503" t="s">
        <v>52</v>
      </c>
      <c r="B133" s="504"/>
      <c r="C133" s="504"/>
      <c r="D133" s="504"/>
      <c r="E133" s="504"/>
      <c r="F133" s="504"/>
      <c r="G133" s="504"/>
      <c r="H133" s="504"/>
      <c r="I133" s="504"/>
      <c r="J133" s="504"/>
      <c r="K133" s="504"/>
      <c r="L133" s="505"/>
      <c r="M133" s="504"/>
      <c r="N133" s="504"/>
      <c r="O133" s="504"/>
      <c r="P133" s="506"/>
      <c r="Q133" s="122"/>
      <c r="R133" s="138"/>
      <c r="S133" s="162"/>
    </row>
    <row r="134" spans="1:258" s="64" customFormat="1" ht="69.599999999999994" customHeight="1">
      <c r="A134" s="507" t="s">
        <v>90</v>
      </c>
      <c r="B134" s="508"/>
      <c r="C134" s="508"/>
      <c r="D134" s="508"/>
      <c r="E134" s="508"/>
      <c r="F134" s="508"/>
      <c r="G134" s="508"/>
      <c r="H134" s="508"/>
      <c r="I134" s="508"/>
      <c r="J134" s="508"/>
      <c r="K134" s="508"/>
      <c r="L134" s="508"/>
      <c r="M134" s="508"/>
      <c r="N134" s="508"/>
      <c r="O134" s="508"/>
      <c r="P134" s="509"/>
      <c r="Q134" s="161"/>
      <c r="R134" s="133"/>
      <c r="S134" s="162"/>
      <c r="T134" s="52"/>
      <c r="U134" s="52"/>
      <c r="V134" s="52"/>
      <c r="W134" s="52"/>
      <c r="X134" s="52"/>
      <c r="Y134" s="52"/>
      <c r="Z134" s="52"/>
      <c r="AA134" s="52"/>
      <c r="AB134" s="52"/>
      <c r="AC134" s="52"/>
      <c r="AD134" s="52"/>
      <c r="AE134" s="52"/>
      <c r="AF134" s="52"/>
      <c r="AG134" s="52"/>
      <c r="AH134" s="52"/>
      <c r="AI134" s="52"/>
      <c r="AJ134" s="52"/>
      <c r="AK134" s="52"/>
      <c r="AL134" s="52"/>
      <c r="AM134" s="52"/>
      <c r="AN134" s="52"/>
      <c r="AO134" s="52"/>
      <c r="AP134" s="52"/>
      <c r="AQ134" s="52"/>
      <c r="AR134" s="52"/>
      <c r="AS134" s="52"/>
      <c r="AT134" s="52"/>
      <c r="AU134" s="52"/>
      <c r="AV134" s="52"/>
      <c r="AW134" s="52"/>
      <c r="AX134" s="52"/>
      <c r="AY134" s="52"/>
      <c r="AZ134" s="52"/>
      <c r="BA134" s="52"/>
      <c r="BB134" s="52"/>
      <c r="BC134" s="52"/>
      <c r="BD134" s="52"/>
      <c r="BE134" s="52"/>
      <c r="BF134" s="52"/>
      <c r="BG134" s="52"/>
      <c r="BH134" s="52"/>
      <c r="BI134" s="52"/>
      <c r="BJ134" s="52"/>
      <c r="BK134" s="52"/>
      <c r="BL134" s="52"/>
      <c r="BM134" s="52"/>
      <c r="BN134" s="52"/>
      <c r="BO134" s="52"/>
      <c r="BP134" s="52"/>
      <c r="BQ134" s="52"/>
      <c r="BR134" s="52"/>
      <c r="BS134" s="52"/>
      <c r="BT134" s="52"/>
      <c r="BU134" s="52"/>
      <c r="BV134" s="52"/>
      <c r="BW134" s="52"/>
      <c r="BX134" s="52"/>
      <c r="BY134" s="52"/>
      <c r="BZ134" s="52"/>
      <c r="CA134" s="52"/>
      <c r="CB134" s="52"/>
      <c r="CC134" s="52"/>
      <c r="CD134" s="52"/>
      <c r="CE134" s="52"/>
      <c r="CF134" s="52"/>
      <c r="CG134" s="52"/>
      <c r="CH134" s="52"/>
      <c r="CI134" s="52"/>
      <c r="CJ134" s="52"/>
      <c r="CK134" s="52"/>
      <c r="CL134" s="52"/>
      <c r="CM134" s="52"/>
      <c r="CN134" s="52"/>
      <c r="CO134" s="52"/>
      <c r="CP134" s="52"/>
      <c r="CQ134" s="52"/>
      <c r="CR134" s="52"/>
      <c r="CS134" s="52"/>
      <c r="CT134" s="52"/>
      <c r="CU134" s="52"/>
      <c r="CV134" s="52"/>
      <c r="CW134" s="52"/>
      <c r="CX134" s="52"/>
      <c r="CY134" s="52"/>
      <c r="CZ134" s="52"/>
      <c r="DA134" s="52"/>
      <c r="DB134" s="52"/>
      <c r="DC134" s="52"/>
      <c r="DD134" s="52"/>
      <c r="DE134" s="52"/>
      <c r="DF134" s="52"/>
      <c r="DG134" s="52"/>
      <c r="DH134" s="52"/>
      <c r="DI134" s="52"/>
      <c r="DJ134" s="52"/>
      <c r="DK134" s="52"/>
      <c r="DL134" s="52"/>
      <c r="DM134" s="52"/>
      <c r="DN134" s="52"/>
      <c r="DO134" s="52"/>
      <c r="DP134" s="52"/>
      <c r="DQ134" s="52"/>
      <c r="DR134" s="52"/>
      <c r="DS134" s="52"/>
      <c r="DT134" s="52"/>
      <c r="DU134" s="52"/>
      <c r="DV134" s="52"/>
      <c r="DW134" s="52"/>
      <c r="DX134" s="52"/>
      <c r="DY134" s="52"/>
      <c r="DZ134" s="52"/>
      <c r="EA134" s="52"/>
      <c r="EB134" s="52"/>
      <c r="EC134" s="52"/>
      <c r="ED134" s="52"/>
      <c r="EE134" s="52"/>
      <c r="EF134" s="52"/>
      <c r="EG134" s="52"/>
      <c r="EH134" s="52"/>
      <c r="EI134" s="52"/>
      <c r="EJ134" s="52"/>
      <c r="EK134" s="52"/>
      <c r="EL134" s="52"/>
      <c r="EM134" s="52"/>
      <c r="EN134" s="52"/>
      <c r="EO134" s="52"/>
      <c r="EP134" s="52"/>
      <c r="EQ134" s="52"/>
      <c r="ER134" s="52"/>
      <c r="ES134" s="52"/>
      <c r="ET134" s="52"/>
      <c r="EU134" s="52"/>
      <c r="EV134" s="52"/>
      <c r="EW134" s="52"/>
      <c r="EX134" s="52"/>
      <c r="EY134" s="52"/>
      <c r="EZ134" s="52"/>
      <c r="FA134" s="52"/>
      <c r="FB134" s="52"/>
      <c r="FC134" s="52"/>
      <c r="FD134" s="52"/>
      <c r="FE134" s="52"/>
      <c r="FF134" s="52"/>
      <c r="FG134" s="52"/>
      <c r="FH134" s="52"/>
      <c r="FI134" s="52"/>
      <c r="FJ134" s="52"/>
      <c r="FK134" s="52"/>
      <c r="FL134" s="52"/>
      <c r="FM134" s="52"/>
      <c r="FN134" s="52"/>
      <c r="FO134" s="52"/>
      <c r="FP134" s="52"/>
      <c r="FQ134" s="52"/>
      <c r="FR134" s="52"/>
      <c r="FS134" s="52"/>
      <c r="FT134" s="52"/>
      <c r="FU134" s="52"/>
      <c r="FV134" s="52"/>
      <c r="FW134" s="52"/>
      <c r="FX134" s="52"/>
      <c r="FY134" s="52"/>
      <c r="FZ134" s="52"/>
      <c r="GA134" s="52"/>
      <c r="GB134" s="52"/>
      <c r="GC134" s="52"/>
      <c r="GD134" s="52"/>
      <c r="GE134" s="52"/>
      <c r="GF134" s="52"/>
      <c r="GG134" s="52"/>
      <c r="GH134" s="52"/>
      <c r="GI134" s="52"/>
      <c r="GJ134" s="52"/>
      <c r="GK134" s="52"/>
      <c r="GL134" s="52"/>
      <c r="GM134" s="52"/>
      <c r="GN134" s="52"/>
      <c r="GO134" s="52"/>
      <c r="GP134" s="52"/>
      <c r="GQ134" s="52"/>
      <c r="GR134" s="52"/>
      <c r="GS134" s="52"/>
      <c r="GT134" s="52"/>
      <c r="GU134" s="52"/>
      <c r="GV134" s="52"/>
      <c r="GW134" s="52"/>
      <c r="GX134" s="52"/>
      <c r="GY134" s="52"/>
      <c r="GZ134" s="52"/>
      <c r="HA134" s="52"/>
      <c r="HB134" s="52"/>
      <c r="HC134" s="52"/>
      <c r="HD134" s="52"/>
      <c r="HE134" s="52"/>
      <c r="HF134" s="52"/>
      <c r="HG134" s="52"/>
      <c r="HH134" s="52"/>
      <c r="HI134" s="52"/>
      <c r="HJ134" s="52"/>
      <c r="HK134" s="52"/>
      <c r="HL134" s="52"/>
      <c r="HM134" s="52"/>
      <c r="HN134" s="52"/>
      <c r="HO134" s="52"/>
      <c r="HP134" s="52"/>
      <c r="HQ134" s="52"/>
      <c r="HR134" s="52"/>
      <c r="HS134" s="52"/>
      <c r="HT134" s="52"/>
      <c r="HU134" s="52"/>
      <c r="HV134" s="52"/>
      <c r="HW134" s="52"/>
      <c r="HX134" s="52"/>
      <c r="HY134" s="52"/>
      <c r="HZ134" s="52"/>
      <c r="IA134" s="52"/>
      <c r="IB134" s="52"/>
      <c r="IC134" s="52"/>
      <c r="ID134" s="52"/>
      <c r="IE134" s="52"/>
      <c r="IF134" s="52"/>
      <c r="IG134" s="52"/>
      <c r="IH134" s="52"/>
      <c r="II134" s="52"/>
      <c r="IJ134" s="52"/>
      <c r="IK134" s="52"/>
      <c r="IL134" s="52"/>
      <c r="IM134" s="52"/>
      <c r="IN134" s="52"/>
      <c r="IO134" s="52"/>
      <c r="IP134" s="52"/>
      <c r="IQ134" s="52"/>
      <c r="IR134" s="52"/>
      <c r="IS134" s="52"/>
      <c r="IT134" s="52"/>
      <c r="IU134" s="52"/>
      <c r="IV134" s="52"/>
      <c r="IW134" s="52"/>
      <c r="IX134" s="52"/>
    </row>
    <row r="135" spans="1:258" s="67" customFormat="1" ht="69" customHeight="1">
      <c r="A135" s="658" t="s">
        <v>99</v>
      </c>
      <c r="B135" s="659"/>
      <c r="C135" s="659"/>
      <c r="D135" s="659"/>
      <c r="E135" s="659"/>
      <c r="F135" s="659"/>
      <c r="G135" s="659"/>
      <c r="H135" s="659"/>
      <c r="I135" s="659"/>
      <c r="J135" s="659"/>
      <c r="K135" s="659"/>
      <c r="L135" s="659"/>
      <c r="M135" s="659"/>
      <c r="N135" s="659"/>
      <c r="O135" s="659"/>
      <c r="P135" s="660"/>
      <c r="Q135" s="139"/>
      <c r="R135" s="138"/>
      <c r="S135" s="78"/>
      <c r="T135" s="76"/>
      <c r="U135" s="77"/>
      <c r="V135" s="77"/>
      <c r="W135" s="77"/>
      <c r="X135" s="77"/>
      <c r="Y135" s="77"/>
      <c r="Z135" s="77"/>
      <c r="AA135" s="77"/>
      <c r="AB135" s="77"/>
      <c r="AC135" s="77"/>
      <c r="AD135" s="77"/>
      <c r="AE135" s="77"/>
      <c r="AF135" s="77"/>
      <c r="AG135" s="77"/>
      <c r="AH135" s="77"/>
      <c r="AI135" s="77"/>
      <c r="AJ135" s="77"/>
      <c r="AK135" s="77"/>
      <c r="AL135" s="77"/>
      <c r="AM135" s="77"/>
      <c r="AN135" s="77"/>
      <c r="AO135" s="77"/>
      <c r="AP135" s="77"/>
      <c r="AQ135" s="77"/>
      <c r="AR135" s="77"/>
      <c r="AS135" s="77"/>
      <c r="AT135" s="77"/>
      <c r="AU135" s="77"/>
      <c r="AV135" s="77"/>
      <c r="AW135" s="77"/>
      <c r="AX135" s="77"/>
      <c r="AY135" s="77"/>
      <c r="AZ135" s="77"/>
      <c r="BA135" s="77"/>
      <c r="BB135" s="77"/>
      <c r="BC135" s="77"/>
      <c r="BD135" s="77"/>
    </row>
    <row r="136" spans="1:258" s="67" customFormat="1" ht="69" customHeight="1">
      <c r="A136" s="737" t="s">
        <v>100</v>
      </c>
      <c r="B136" s="687"/>
      <c r="C136" s="687"/>
      <c r="D136" s="687"/>
      <c r="E136" s="687"/>
      <c r="F136" s="687"/>
      <c r="G136" s="687"/>
      <c r="H136" s="687"/>
      <c r="I136" s="687"/>
      <c r="J136" s="687"/>
      <c r="K136" s="687"/>
      <c r="L136" s="687"/>
      <c r="M136" s="687"/>
      <c r="N136" s="687"/>
      <c r="O136" s="687"/>
      <c r="P136" s="688"/>
      <c r="Q136" s="139"/>
      <c r="R136" s="138"/>
      <c r="S136" s="78"/>
      <c r="T136" s="76"/>
      <c r="U136" s="77"/>
      <c r="V136" s="77"/>
      <c r="W136" s="77"/>
      <c r="X136" s="77"/>
      <c r="Y136" s="77"/>
      <c r="Z136" s="77"/>
      <c r="AA136" s="77"/>
      <c r="AB136" s="77"/>
      <c r="AC136" s="77"/>
      <c r="AD136" s="77"/>
      <c r="AE136" s="77"/>
      <c r="AF136" s="77"/>
      <c r="AG136" s="77"/>
      <c r="AH136" s="77"/>
      <c r="AI136" s="77"/>
      <c r="AJ136" s="77"/>
      <c r="AK136" s="77"/>
      <c r="AL136" s="77"/>
      <c r="AM136" s="77"/>
      <c r="AN136" s="77"/>
      <c r="AO136" s="77"/>
      <c r="AP136" s="77"/>
      <c r="AQ136" s="77"/>
      <c r="AR136" s="77"/>
      <c r="AS136" s="77"/>
      <c r="AT136" s="77"/>
      <c r="AU136" s="77"/>
      <c r="AV136" s="77"/>
      <c r="AW136" s="77"/>
      <c r="AX136" s="77"/>
      <c r="AY136" s="77"/>
      <c r="AZ136" s="77"/>
      <c r="BA136" s="77"/>
      <c r="BB136" s="77"/>
      <c r="BC136" s="77"/>
      <c r="BD136" s="77"/>
    </row>
    <row r="137" spans="1:258" s="67" customFormat="1" ht="69.599999999999994" customHeight="1" thickBot="1">
      <c r="A137" s="556" t="s">
        <v>85</v>
      </c>
      <c r="B137" s="557"/>
      <c r="C137" s="557"/>
      <c r="D137" s="557"/>
      <c r="E137" s="557"/>
      <c r="F137" s="557"/>
      <c r="G137" s="557"/>
      <c r="H137" s="557"/>
      <c r="I137" s="557"/>
      <c r="J137" s="557"/>
      <c r="K137" s="557"/>
      <c r="L137" s="557"/>
      <c r="M137" s="557"/>
      <c r="N137" s="557"/>
      <c r="O137" s="557"/>
      <c r="P137" s="558"/>
      <c r="Q137" s="139"/>
      <c r="R137" s="138"/>
      <c r="S137" s="78"/>
      <c r="T137" s="76"/>
      <c r="U137" s="77"/>
      <c r="V137" s="77"/>
      <c r="W137" s="77"/>
      <c r="X137" s="77"/>
      <c r="Y137" s="77"/>
      <c r="Z137" s="77"/>
      <c r="AA137" s="77"/>
      <c r="AB137" s="77"/>
      <c r="AC137" s="77"/>
      <c r="AD137" s="77"/>
      <c r="AE137" s="77"/>
      <c r="AF137" s="77"/>
      <c r="AG137" s="77"/>
      <c r="AH137" s="77"/>
      <c r="AI137" s="77"/>
      <c r="AJ137" s="77"/>
      <c r="AK137" s="77"/>
      <c r="AL137" s="77"/>
      <c r="AM137" s="77"/>
      <c r="AN137" s="77"/>
      <c r="AO137" s="77"/>
      <c r="AP137" s="77"/>
      <c r="AQ137" s="77"/>
      <c r="AR137" s="77"/>
      <c r="AS137" s="77"/>
      <c r="AT137" s="77"/>
      <c r="AU137" s="77"/>
      <c r="AV137" s="77"/>
      <c r="AW137" s="77"/>
      <c r="AX137" s="77"/>
      <c r="AY137" s="77"/>
      <c r="AZ137" s="77"/>
      <c r="BA137" s="77"/>
      <c r="BB137" s="77"/>
      <c r="BC137" s="77"/>
      <c r="BD137" s="77"/>
    </row>
    <row r="138" spans="1:258" s="42" customFormat="1" ht="216" customHeight="1" thickTop="1" thickBot="1">
      <c r="A138" s="450" t="s">
        <v>436</v>
      </c>
      <c r="B138" s="349"/>
      <c r="C138" s="349"/>
      <c r="D138" s="349"/>
      <c r="E138" s="349"/>
      <c r="F138" s="349"/>
      <c r="G138" s="349"/>
      <c r="H138" s="349"/>
      <c r="I138" s="349"/>
      <c r="J138" s="349"/>
      <c r="K138" s="349"/>
      <c r="L138" s="349"/>
      <c r="M138" s="732"/>
      <c r="N138" s="70" t="s">
        <v>24</v>
      </c>
      <c r="O138" s="71" t="s">
        <v>20</v>
      </c>
      <c r="P138" s="72" t="s">
        <v>21</v>
      </c>
      <c r="Q138" s="134"/>
      <c r="R138" s="133"/>
      <c r="S138" s="137"/>
      <c r="T138" s="40"/>
      <c r="U138" s="41"/>
      <c r="V138" s="41"/>
      <c r="W138" s="41"/>
      <c r="X138" s="40"/>
      <c r="Y138" s="40"/>
      <c r="Z138" s="40"/>
      <c r="AA138" s="40"/>
      <c r="AB138" s="40"/>
      <c r="AC138" s="40"/>
      <c r="AD138" s="40"/>
      <c r="AE138" s="40"/>
      <c r="AF138" s="40"/>
      <c r="AG138" s="40"/>
      <c r="AH138" s="40"/>
      <c r="AI138" s="40"/>
      <c r="AJ138" s="40"/>
      <c r="AK138" s="40"/>
      <c r="AL138" s="40"/>
      <c r="AM138" s="40"/>
      <c r="AN138" s="41"/>
      <c r="AO138" s="41"/>
      <c r="AP138" s="41"/>
      <c r="AQ138" s="41"/>
      <c r="AR138" s="41"/>
      <c r="AS138" s="41"/>
      <c r="AT138" s="41"/>
      <c r="AU138" s="41"/>
      <c r="AV138" s="41"/>
      <c r="AW138" s="41"/>
      <c r="AX138" s="41"/>
      <c r="AY138" s="41"/>
      <c r="AZ138" s="41"/>
      <c r="BA138" s="41"/>
      <c r="BB138" s="41"/>
      <c r="BC138" s="41"/>
      <c r="BD138" s="41"/>
    </row>
    <row r="139" spans="1:258" s="52" customFormat="1" ht="69.599999999999994" customHeight="1" thickTop="1">
      <c r="A139" s="452" t="s">
        <v>25</v>
      </c>
      <c r="B139" s="453"/>
      <c r="C139" s="453"/>
      <c r="D139" s="453"/>
      <c r="E139" s="453"/>
      <c r="F139" s="453"/>
      <c r="G139" s="453"/>
      <c r="H139" s="453"/>
      <c r="I139" s="453"/>
      <c r="J139" s="453"/>
      <c r="K139" s="453"/>
      <c r="L139" s="454"/>
      <c r="M139" s="453"/>
      <c r="N139" s="453"/>
      <c r="O139" s="453"/>
      <c r="P139" s="455"/>
      <c r="Q139" s="161"/>
      <c r="R139" s="133"/>
      <c r="S139" s="162"/>
    </row>
    <row r="140" spans="1:258" s="67" customFormat="1" ht="75" customHeight="1">
      <c r="A140" s="456"/>
      <c r="B140" s="457"/>
      <c r="C140" s="457"/>
      <c r="D140" s="457"/>
      <c r="E140" s="457"/>
      <c r="F140" s="457"/>
      <c r="G140" s="457"/>
      <c r="H140" s="457"/>
      <c r="I140" s="457"/>
      <c r="J140" s="457"/>
      <c r="K140" s="457"/>
      <c r="L140" s="458"/>
      <c r="M140" s="457"/>
      <c r="N140" s="457"/>
      <c r="O140" s="457"/>
      <c r="P140" s="459"/>
      <c r="Q140" s="139"/>
      <c r="R140" s="138"/>
      <c r="S140" s="141"/>
      <c r="T140" s="64"/>
    </row>
    <row r="141" spans="1:258" s="67" customFormat="1" ht="75" customHeight="1" thickBot="1">
      <c r="A141" s="471"/>
      <c r="B141" s="472"/>
      <c r="C141" s="472"/>
      <c r="D141" s="472"/>
      <c r="E141" s="472"/>
      <c r="F141" s="472"/>
      <c r="G141" s="472"/>
      <c r="H141" s="472"/>
      <c r="I141" s="472"/>
      <c r="J141" s="472"/>
      <c r="K141" s="472"/>
      <c r="L141" s="473"/>
      <c r="M141" s="472"/>
      <c r="N141" s="472"/>
      <c r="O141" s="472"/>
      <c r="P141" s="474"/>
      <c r="Q141" s="139"/>
      <c r="R141" s="138"/>
      <c r="S141" s="141"/>
      <c r="T141" s="64"/>
    </row>
    <row r="142" spans="1:258" s="52" customFormat="1" ht="69.599999999999994" customHeight="1" thickBot="1">
      <c r="A142" s="568" t="s">
        <v>437</v>
      </c>
      <c r="B142" s="445"/>
      <c r="C142" s="445"/>
      <c r="D142" s="445"/>
      <c r="E142" s="445"/>
      <c r="F142" s="445"/>
      <c r="G142" s="445"/>
      <c r="H142" s="445"/>
      <c r="I142" s="445"/>
      <c r="J142" s="445"/>
      <c r="K142" s="445"/>
      <c r="L142" s="445"/>
      <c r="M142" s="445"/>
      <c r="N142" s="445"/>
      <c r="O142" s="445"/>
      <c r="P142" s="569"/>
      <c r="Q142" s="134"/>
      <c r="R142" s="133"/>
      <c r="S142" s="39"/>
      <c r="T142" s="40"/>
      <c r="U142" s="40"/>
      <c r="V142" s="40"/>
      <c r="W142" s="40"/>
      <c r="X142" s="40"/>
      <c r="Y142" s="40"/>
      <c r="Z142" s="40"/>
      <c r="AA142" s="40"/>
      <c r="AB142" s="40"/>
      <c r="AC142" s="40"/>
      <c r="AD142" s="40"/>
      <c r="AE142" s="40"/>
      <c r="AF142" s="40"/>
      <c r="AG142" s="40"/>
      <c r="AH142" s="40"/>
      <c r="AI142" s="40"/>
      <c r="AJ142" s="40"/>
      <c r="AK142" s="40"/>
      <c r="AL142" s="40"/>
      <c r="AM142" s="40"/>
      <c r="AN142" s="40"/>
      <c r="AO142" s="40"/>
      <c r="AP142" s="40"/>
      <c r="AQ142" s="40"/>
      <c r="AR142" s="40"/>
      <c r="AS142" s="40"/>
      <c r="AT142" s="40"/>
      <c r="AU142" s="40"/>
      <c r="AV142" s="40"/>
      <c r="AW142" s="40"/>
      <c r="AX142" s="40"/>
      <c r="AY142" s="40"/>
      <c r="AZ142" s="40"/>
      <c r="BA142" s="40"/>
      <c r="BB142" s="40"/>
      <c r="BC142" s="40"/>
      <c r="BD142" s="40"/>
    </row>
    <row r="143" spans="1:258" s="42" customFormat="1" ht="319.95" customHeight="1" thickTop="1" thickBot="1">
      <c r="A143" s="579" t="s">
        <v>103</v>
      </c>
      <c r="B143" s="379"/>
      <c r="C143" s="379"/>
      <c r="D143" s="379"/>
      <c r="E143" s="379"/>
      <c r="F143" s="379"/>
      <c r="G143" s="379"/>
      <c r="H143" s="379"/>
      <c r="I143" s="379"/>
      <c r="J143" s="379"/>
      <c r="K143" s="379"/>
      <c r="L143" s="379"/>
      <c r="M143" s="379"/>
      <c r="N143" s="570"/>
      <c r="O143" s="71" t="s">
        <v>20</v>
      </c>
      <c r="P143" s="72" t="s">
        <v>21</v>
      </c>
      <c r="Q143" s="134"/>
      <c r="R143" s="133"/>
      <c r="S143" s="137"/>
      <c r="T143" s="101"/>
      <c r="U143" s="41"/>
      <c r="V143" s="41"/>
      <c r="W143" s="41"/>
      <c r="X143" s="40"/>
      <c r="Y143" s="40"/>
      <c r="Z143" s="40"/>
      <c r="AA143" s="40"/>
      <c r="AB143" s="40"/>
      <c r="AC143" s="40"/>
      <c r="AD143" s="40"/>
      <c r="AE143" s="40"/>
      <c r="AF143" s="40"/>
      <c r="AG143" s="40"/>
      <c r="AH143" s="40"/>
      <c r="AI143" s="40"/>
      <c r="AJ143" s="40"/>
      <c r="AK143" s="40"/>
      <c r="AL143" s="40"/>
      <c r="AM143" s="40"/>
      <c r="AN143" s="41"/>
      <c r="AO143" s="41"/>
      <c r="AP143" s="41"/>
      <c r="AQ143" s="41"/>
      <c r="AR143" s="41"/>
      <c r="AS143" s="41"/>
      <c r="AT143" s="41"/>
      <c r="AU143" s="41"/>
      <c r="AV143" s="41"/>
      <c r="AW143" s="41"/>
      <c r="AX143" s="41"/>
      <c r="AY143" s="41"/>
      <c r="AZ143" s="41"/>
      <c r="BA143" s="41"/>
      <c r="BB143" s="41"/>
      <c r="BC143" s="41"/>
      <c r="BD143" s="41"/>
    </row>
    <row r="144" spans="1:258" s="52" customFormat="1" ht="69.599999999999994" customHeight="1" thickTop="1">
      <c r="A144" s="452" t="s">
        <v>25</v>
      </c>
      <c r="B144" s="454"/>
      <c r="C144" s="454"/>
      <c r="D144" s="454"/>
      <c r="E144" s="454"/>
      <c r="F144" s="454"/>
      <c r="G144" s="454"/>
      <c r="H144" s="454"/>
      <c r="I144" s="454"/>
      <c r="J144" s="454"/>
      <c r="K144" s="454"/>
      <c r="L144" s="454"/>
      <c r="M144" s="454"/>
      <c r="N144" s="454"/>
      <c r="O144" s="454"/>
      <c r="P144" s="580"/>
      <c r="Q144" s="161"/>
      <c r="R144" s="133"/>
      <c r="S144" s="162"/>
    </row>
    <row r="145" spans="1:258" s="67" customFormat="1" ht="75" customHeight="1">
      <c r="A145" s="456"/>
      <c r="B145" s="457"/>
      <c r="C145" s="457"/>
      <c r="D145" s="457"/>
      <c r="E145" s="457"/>
      <c r="F145" s="457"/>
      <c r="G145" s="457"/>
      <c r="H145" s="457"/>
      <c r="I145" s="457"/>
      <c r="J145" s="457"/>
      <c r="K145" s="457"/>
      <c r="L145" s="458"/>
      <c r="M145" s="457"/>
      <c r="N145" s="457"/>
      <c r="O145" s="457"/>
      <c r="P145" s="459"/>
      <c r="Q145" s="139"/>
      <c r="R145" s="138"/>
      <c r="S145" s="141"/>
      <c r="T145" s="64"/>
    </row>
    <row r="146" spans="1:258" s="67" customFormat="1" ht="75" customHeight="1" thickBot="1">
      <c r="A146" s="471"/>
      <c r="B146" s="472"/>
      <c r="C146" s="472"/>
      <c r="D146" s="472"/>
      <c r="E146" s="472"/>
      <c r="F146" s="472"/>
      <c r="G146" s="472"/>
      <c r="H146" s="472"/>
      <c r="I146" s="472"/>
      <c r="J146" s="472"/>
      <c r="K146" s="472"/>
      <c r="L146" s="473"/>
      <c r="M146" s="472"/>
      <c r="N146" s="472"/>
      <c r="O146" s="472"/>
      <c r="P146" s="474"/>
      <c r="Q146" s="139"/>
      <c r="R146" s="138"/>
      <c r="S146" s="141"/>
      <c r="T146" s="64"/>
    </row>
    <row r="147" spans="1:258" s="64" customFormat="1" ht="69.900000000000006" customHeight="1" thickBot="1">
      <c r="A147" s="443" t="s">
        <v>438</v>
      </c>
      <c r="B147" s="475"/>
      <c r="C147" s="475"/>
      <c r="D147" s="475"/>
      <c r="E147" s="475"/>
      <c r="F147" s="475"/>
      <c r="G147" s="475"/>
      <c r="H147" s="475"/>
      <c r="I147" s="475"/>
      <c r="J147" s="475"/>
      <c r="K147" s="475"/>
      <c r="L147" s="445"/>
      <c r="M147" s="475"/>
      <c r="N147" s="475"/>
      <c r="O147" s="475"/>
      <c r="P147" s="476"/>
      <c r="Q147" s="139"/>
      <c r="R147" s="138"/>
      <c r="S147" s="78"/>
      <c r="T147" s="76"/>
      <c r="U147" s="76"/>
      <c r="V147" s="76"/>
      <c r="W147" s="76"/>
      <c r="X147" s="76"/>
      <c r="Y147" s="76"/>
      <c r="Z147" s="76"/>
      <c r="AA147" s="76"/>
      <c r="AB147" s="76"/>
      <c r="AC147" s="76"/>
      <c r="AD147" s="76"/>
      <c r="AE147" s="76"/>
      <c r="AF147" s="76"/>
      <c r="AG147" s="76"/>
      <c r="AH147" s="76"/>
      <c r="AI147" s="76"/>
      <c r="AJ147" s="76"/>
      <c r="AK147" s="76"/>
      <c r="AL147" s="76"/>
      <c r="AM147" s="76"/>
      <c r="AN147" s="76"/>
      <c r="AO147" s="76"/>
      <c r="AP147" s="76"/>
      <c r="AQ147" s="76"/>
      <c r="AR147" s="76"/>
      <c r="AS147" s="76"/>
      <c r="AT147" s="76"/>
      <c r="AU147" s="76"/>
      <c r="AV147" s="76"/>
      <c r="AW147" s="76"/>
      <c r="AX147" s="76"/>
      <c r="AY147" s="76"/>
      <c r="AZ147" s="76"/>
      <c r="BA147" s="76"/>
      <c r="BB147" s="76"/>
      <c r="BC147" s="76"/>
      <c r="BD147" s="76"/>
    </row>
    <row r="148" spans="1:258" s="67" customFormat="1" ht="243" customHeight="1" thickTop="1" thickBot="1">
      <c r="A148" s="500" t="s">
        <v>439</v>
      </c>
      <c r="B148" s="502"/>
      <c r="C148" s="502"/>
      <c r="D148" s="502"/>
      <c r="E148" s="502"/>
      <c r="F148" s="502"/>
      <c r="G148" s="502"/>
      <c r="H148" s="502"/>
      <c r="I148" s="502"/>
      <c r="J148" s="502"/>
      <c r="K148" s="502"/>
      <c r="L148" s="502"/>
      <c r="M148" s="502"/>
      <c r="N148" s="738"/>
      <c r="O148" s="75" t="s">
        <v>20</v>
      </c>
      <c r="P148" s="136" t="s">
        <v>21</v>
      </c>
      <c r="Q148" s="139"/>
      <c r="R148" s="138"/>
      <c r="S148" s="137"/>
      <c r="T148" s="193"/>
      <c r="U148" s="77"/>
      <c r="V148" s="77"/>
      <c r="W148" s="77"/>
      <c r="X148" s="76"/>
      <c r="Y148" s="76"/>
      <c r="Z148" s="76"/>
      <c r="AA148" s="76"/>
      <c r="AB148" s="76"/>
      <c r="AC148" s="76"/>
      <c r="AD148" s="76"/>
      <c r="AE148" s="76"/>
      <c r="AF148" s="76"/>
      <c r="AG148" s="76"/>
      <c r="AH148" s="76"/>
      <c r="AI148" s="76"/>
      <c r="AJ148" s="76"/>
      <c r="AK148" s="76"/>
      <c r="AL148" s="76"/>
      <c r="AM148" s="76"/>
      <c r="AN148" s="77"/>
      <c r="AO148" s="77"/>
      <c r="AP148" s="77"/>
      <c r="AQ148" s="77"/>
      <c r="AR148" s="77"/>
      <c r="AS148" s="77"/>
      <c r="AT148" s="77"/>
      <c r="AU148" s="77"/>
      <c r="AV148" s="77"/>
      <c r="AW148" s="77"/>
      <c r="AX148" s="77"/>
      <c r="AY148" s="77"/>
      <c r="AZ148" s="77"/>
      <c r="BA148" s="77"/>
      <c r="BB148" s="77"/>
      <c r="BC148" s="77"/>
      <c r="BD148" s="77"/>
    </row>
    <row r="149" spans="1:258" s="64" customFormat="1" ht="69.900000000000006" customHeight="1" thickTop="1">
      <c r="A149" s="468" t="s">
        <v>25</v>
      </c>
      <c r="B149" s="574"/>
      <c r="C149" s="574"/>
      <c r="D149" s="574"/>
      <c r="E149" s="574"/>
      <c r="F149" s="574"/>
      <c r="G149" s="574"/>
      <c r="H149" s="574"/>
      <c r="I149" s="574"/>
      <c r="J149" s="574"/>
      <c r="K149" s="574"/>
      <c r="L149" s="454"/>
      <c r="M149" s="574"/>
      <c r="N149" s="574"/>
      <c r="O149" s="574"/>
      <c r="P149" s="575"/>
      <c r="Q149" s="122"/>
      <c r="R149" s="138"/>
      <c r="S149" s="162"/>
    </row>
    <row r="150" spans="1:258" s="67" customFormat="1" ht="75" customHeight="1">
      <c r="A150" s="456"/>
      <c r="B150" s="457"/>
      <c r="C150" s="457"/>
      <c r="D150" s="457"/>
      <c r="E150" s="457"/>
      <c r="F150" s="457"/>
      <c r="G150" s="457"/>
      <c r="H150" s="457"/>
      <c r="I150" s="457"/>
      <c r="J150" s="457"/>
      <c r="K150" s="457"/>
      <c r="L150" s="458"/>
      <c r="M150" s="457"/>
      <c r="N150" s="457"/>
      <c r="O150" s="457"/>
      <c r="P150" s="459"/>
      <c r="Q150" s="139"/>
      <c r="R150" s="138"/>
      <c r="S150" s="141"/>
      <c r="T150" s="64"/>
    </row>
    <row r="151" spans="1:258" s="67" customFormat="1" ht="75" customHeight="1" thickBot="1">
      <c r="A151" s="471"/>
      <c r="B151" s="472"/>
      <c r="C151" s="472"/>
      <c r="D151" s="472"/>
      <c r="E151" s="472"/>
      <c r="F151" s="472"/>
      <c r="G151" s="472"/>
      <c r="H151" s="472"/>
      <c r="I151" s="472"/>
      <c r="J151" s="472"/>
      <c r="K151" s="472"/>
      <c r="L151" s="473"/>
      <c r="M151" s="472"/>
      <c r="N151" s="472"/>
      <c r="O151" s="472"/>
      <c r="P151" s="474"/>
      <c r="Q151" s="139"/>
      <c r="R151" s="138"/>
      <c r="S151" s="141"/>
      <c r="T151" s="64"/>
    </row>
    <row r="152" spans="1:258" s="64" customFormat="1" ht="69.900000000000006" customHeight="1" thickBot="1">
      <c r="A152" s="443" t="s">
        <v>440</v>
      </c>
      <c r="B152" s="475"/>
      <c r="C152" s="475"/>
      <c r="D152" s="475"/>
      <c r="E152" s="475"/>
      <c r="F152" s="475"/>
      <c r="G152" s="475"/>
      <c r="H152" s="475"/>
      <c r="I152" s="475"/>
      <c r="J152" s="475"/>
      <c r="K152" s="475"/>
      <c r="L152" s="445"/>
      <c r="M152" s="475"/>
      <c r="N152" s="475"/>
      <c r="O152" s="475"/>
      <c r="P152" s="476"/>
      <c r="Q152" s="139"/>
      <c r="R152" s="138"/>
      <c r="S152" s="78"/>
      <c r="T152" s="76"/>
      <c r="U152" s="76"/>
      <c r="V152" s="76"/>
      <c r="W152" s="76"/>
      <c r="X152" s="76"/>
      <c r="Y152" s="76"/>
      <c r="Z152" s="76"/>
      <c r="AA152" s="76"/>
      <c r="AB152" s="76"/>
      <c r="AC152" s="76"/>
      <c r="AD152" s="76"/>
      <c r="AE152" s="76"/>
      <c r="AF152" s="76"/>
      <c r="AG152" s="76"/>
      <c r="AH152" s="76"/>
      <c r="AI152" s="76"/>
      <c r="AJ152" s="76"/>
      <c r="AK152" s="76"/>
      <c r="AL152" s="76"/>
      <c r="AM152" s="76"/>
      <c r="AN152" s="76"/>
      <c r="AO152" s="76"/>
      <c r="AP152" s="76"/>
      <c r="AQ152" s="76"/>
      <c r="AR152" s="76"/>
      <c r="AS152" s="76"/>
      <c r="AT152" s="76"/>
      <c r="AU152" s="76"/>
      <c r="AV152" s="76"/>
      <c r="AW152" s="76"/>
      <c r="AX152" s="76"/>
      <c r="AY152" s="76"/>
      <c r="AZ152" s="76"/>
      <c r="BA152" s="76"/>
      <c r="BB152" s="76"/>
      <c r="BC152" s="76"/>
      <c r="BD152" s="76"/>
    </row>
    <row r="153" spans="1:258" s="67" customFormat="1" ht="132" customHeight="1" thickTop="1" thickBot="1">
      <c r="A153" s="477" t="s">
        <v>441</v>
      </c>
      <c r="B153" s="379"/>
      <c r="C153" s="379"/>
      <c r="D153" s="379"/>
      <c r="E153" s="379"/>
      <c r="F153" s="379"/>
      <c r="G153" s="379"/>
      <c r="H153" s="379"/>
      <c r="I153" s="379"/>
      <c r="J153" s="379"/>
      <c r="K153" s="379"/>
      <c r="L153" s="379"/>
      <c r="M153" s="379"/>
      <c r="N153" s="576"/>
      <c r="O153" s="75" t="s">
        <v>20</v>
      </c>
      <c r="P153" s="136" t="s">
        <v>21</v>
      </c>
      <c r="Q153" s="139"/>
      <c r="R153" s="138"/>
      <c r="S153" s="137"/>
      <c r="T153" s="76"/>
      <c r="U153" s="77"/>
      <c r="V153" s="77"/>
      <c r="W153" s="77"/>
      <c r="X153" s="77"/>
      <c r="Y153" s="77"/>
      <c r="Z153" s="77"/>
      <c r="AA153" s="77"/>
      <c r="AB153" s="77"/>
      <c r="AC153" s="77"/>
      <c r="AD153" s="77"/>
      <c r="AE153" s="77"/>
      <c r="AF153" s="77"/>
      <c r="AG153" s="77"/>
      <c r="AH153" s="77"/>
      <c r="AI153" s="77"/>
      <c r="AJ153" s="77"/>
      <c r="AK153" s="77"/>
      <c r="AL153" s="77"/>
      <c r="AM153" s="77"/>
      <c r="AN153" s="77"/>
      <c r="AO153" s="77"/>
      <c r="AP153" s="77"/>
      <c r="AQ153" s="77"/>
      <c r="AR153" s="77"/>
      <c r="AS153" s="77"/>
      <c r="AT153" s="77"/>
      <c r="AU153" s="77"/>
      <c r="AV153" s="77"/>
      <c r="AW153" s="77"/>
      <c r="AX153" s="77"/>
      <c r="AY153" s="77"/>
      <c r="AZ153" s="77"/>
      <c r="BA153" s="77"/>
      <c r="BB153" s="77"/>
      <c r="BC153" s="77"/>
      <c r="BD153" s="77"/>
    </row>
    <row r="154" spans="1:258" s="64" customFormat="1" ht="69.599999999999994" customHeight="1" thickTop="1">
      <c r="A154" s="503" t="s">
        <v>108</v>
      </c>
      <c r="B154" s="577"/>
      <c r="C154" s="577"/>
      <c r="D154" s="577"/>
      <c r="E154" s="577"/>
      <c r="F154" s="577"/>
      <c r="G154" s="577"/>
      <c r="H154" s="577"/>
      <c r="I154" s="577"/>
      <c r="J154" s="577"/>
      <c r="K154" s="577"/>
      <c r="L154" s="505"/>
      <c r="M154" s="577"/>
      <c r="N154" s="577"/>
      <c r="O154" s="577"/>
      <c r="P154" s="578"/>
      <c r="Q154" s="122"/>
      <c r="R154" s="138"/>
      <c r="S154" s="162"/>
      <c r="T154" s="193"/>
    </row>
    <row r="155" spans="1:258" s="64" customFormat="1" ht="69.599999999999994" customHeight="1">
      <c r="A155" s="507" t="s">
        <v>109</v>
      </c>
      <c r="B155" s="508"/>
      <c r="C155" s="508"/>
      <c r="D155" s="508"/>
      <c r="E155" s="508"/>
      <c r="F155" s="508"/>
      <c r="G155" s="508"/>
      <c r="H155" s="508"/>
      <c r="I155" s="508"/>
      <c r="J155" s="508"/>
      <c r="K155" s="508"/>
      <c r="L155" s="508"/>
      <c r="M155" s="508"/>
      <c r="N155" s="508"/>
      <c r="O155" s="508"/>
      <c r="P155" s="509"/>
      <c r="Q155" s="161"/>
      <c r="R155" s="133"/>
      <c r="S155" s="162"/>
      <c r="T155" s="52"/>
      <c r="U155" s="52"/>
      <c r="V155" s="52"/>
      <c r="W155" s="52"/>
      <c r="X155" s="52"/>
      <c r="Y155" s="52"/>
      <c r="Z155" s="52"/>
      <c r="AA155" s="52"/>
      <c r="AB155" s="52"/>
      <c r="AC155" s="52"/>
      <c r="AD155" s="52"/>
      <c r="AE155" s="52"/>
      <c r="AF155" s="52"/>
      <c r="AG155" s="52"/>
      <c r="AH155" s="52"/>
      <c r="AI155" s="52"/>
      <c r="AJ155" s="52"/>
      <c r="AK155" s="52"/>
      <c r="AL155" s="52"/>
      <c r="AM155" s="52"/>
      <c r="AN155" s="52"/>
      <c r="AO155" s="52"/>
      <c r="AP155" s="52"/>
      <c r="AQ155" s="52"/>
      <c r="AR155" s="52"/>
      <c r="AS155" s="52"/>
      <c r="AT155" s="52"/>
      <c r="AU155" s="52"/>
      <c r="AV155" s="52"/>
      <c r="AW155" s="52"/>
      <c r="AX155" s="52"/>
      <c r="AY155" s="52"/>
      <c r="AZ155" s="52"/>
      <c r="BA155" s="52"/>
      <c r="BB155" s="52"/>
      <c r="BC155" s="52"/>
      <c r="BD155" s="52"/>
      <c r="BE155" s="52"/>
      <c r="BF155" s="52"/>
      <c r="BG155" s="52"/>
      <c r="BH155" s="52"/>
      <c r="BI155" s="52"/>
      <c r="BJ155" s="52"/>
      <c r="BK155" s="52"/>
      <c r="BL155" s="52"/>
      <c r="BM155" s="52"/>
      <c r="BN155" s="52"/>
      <c r="BO155" s="52"/>
      <c r="BP155" s="52"/>
      <c r="BQ155" s="52"/>
      <c r="BR155" s="52"/>
      <c r="BS155" s="52"/>
      <c r="BT155" s="52"/>
      <c r="BU155" s="52"/>
      <c r="BV155" s="52"/>
      <c r="BW155" s="52"/>
      <c r="BX155" s="52"/>
      <c r="BY155" s="52"/>
      <c r="BZ155" s="52"/>
      <c r="CA155" s="52"/>
      <c r="CB155" s="52"/>
      <c r="CC155" s="52"/>
      <c r="CD155" s="52"/>
      <c r="CE155" s="52"/>
      <c r="CF155" s="52"/>
      <c r="CG155" s="52"/>
      <c r="CH155" s="52"/>
      <c r="CI155" s="52"/>
      <c r="CJ155" s="52"/>
      <c r="CK155" s="52"/>
      <c r="CL155" s="52"/>
      <c r="CM155" s="52"/>
      <c r="CN155" s="52"/>
      <c r="CO155" s="52"/>
      <c r="CP155" s="52"/>
      <c r="CQ155" s="52"/>
      <c r="CR155" s="52"/>
      <c r="CS155" s="52"/>
      <c r="CT155" s="52"/>
      <c r="CU155" s="52"/>
      <c r="CV155" s="52"/>
      <c r="CW155" s="52"/>
      <c r="CX155" s="52"/>
      <c r="CY155" s="52"/>
      <c r="CZ155" s="52"/>
      <c r="DA155" s="52"/>
      <c r="DB155" s="52"/>
      <c r="DC155" s="52"/>
      <c r="DD155" s="52"/>
      <c r="DE155" s="52"/>
      <c r="DF155" s="52"/>
      <c r="DG155" s="52"/>
      <c r="DH155" s="52"/>
      <c r="DI155" s="52"/>
      <c r="DJ155" s="52"/>
      <c r="DK155" s="52"/>
      <c r="DL155" s="52"/>
      <c r="DM155" s="52"/>
      <c r="DN155" s="52"/>
      <c r="DO155" s="52"/>
      <c r="DP155" s="52"/>
      <c r="DQ155" s="52"/>
      <c r="DR155" s="52"/>
      <c r="DS155" s="52"/>
      <c r="DT155" s="52"/>
      <c r="DU155" s="52"/>
      <c r="DV155" s="52"/>
      <c r="DW155" s="52"/>
      <c r="DX155" s="52"/>
      <c r="DY155" s="52"/>
      <c r="DZ155" s="52"/>
      <c r="EA155" s="52"/>
      <c r="EB155" s="52"/>
      <c r="EC155" s="52"/>
      <c r="ED155" s="52"/>
      <c r="EE155" s="52"/>
      <c r="EF155" s="52"/>
      <c r="EG155" s="52"/>
      <c r="EH155" s="52"/>
      <c r="EI155" s="52"/>
      <c r="EJ155" s="52"/>
      <c r="EK155" s="52"/>
      <c r="EL155" s="52"/>
      <c r="EM155" s="52"/>
      <c r="EN155" s="52"/>
      <c r="EO155" s="52"/>
      <c r="EP155" s="52"/>
      <c r="EQ155" s="52"/>
      <c r="ER155" s="52"/>
      <c r="ES155" s="52"/>
      <c r="ET155" s="52"/>
      <c r="EU155" s="52"/>
      <c r="EV155" s="52"/>
      <c r="EW155" s="52"/>
      <c r="EX155" s="52"/>
      <c r="EY155" s="52"/>
      <c r="EZ155" s="52"/>
      <c r="FA155" s="52"/>
      <c r="FB155" s="52"/>
      <c r="FC155" s="52"/>
      <c r="FD155" s="52"/>
      <c r="FE155" s="52"/>
      <c r="FF155" s="52"/>
      <c r="FG155" s="52"/>
      <c r="FH155" s="52"/>
      <c r="FI155" s="52"/>
      <c r="FJ155" s="52"/>
      <c r="FK155" s="52"/>
      <c r="FL155" s="52"/>
      <c r="FM155" s="52"/>
      <c r="FN155" s="52"/>
      <c r="FO155" s="52"/>
      <c r="FP155" s="52"/>
      <c r="FQ155" s="52"/>
      <c r="FR155" s="52"/>
      <c r="FS155" s="52"/>
      <c r="FT155" s="52"/>
      <c r="FU155" s="52"/>
      <c r="FV155" s="52"/>
      <c r="FW155" s="52"/>
      <c r="FX155" s="52"/>
      <c r="FY155" s="52"/>
      <c r="FZ155" s="52"/>
      <c r="GA155" s="52"/>
      <c r="GB155" s="52"/>
      <c r="GC155" s="52"/>
      <c r="GD155" s="52"/>
      <c r="GE155" s="52"/>
      <c r="GF155" s="52"/>
      <c r="GG155" s="52"/>
      <c r="GH155" s="52"/>
      <c r="GI155" s="52"/>
      <c r="GJ155" s="52"/>
      <c r="GK155" s="52"/>
      <c r="GL155" s="52"/>
      <c r="GM155" s="52"/>
      <c r="GN155" s="52"/>
      <c r="GO155" s="52"/>
      <c r="GP155" s="52"/>
      <c r="GQ155" s="52"/>
      <c r="GR155" s="52"/>
      <c r="GS155" s="52"/>
      <c r="GT155" s="52"/>
      <c r="GU155" s="52"/>
      <c r="GV155" s="52"/>
      <c r="GW155" s="52"/>
      <c r="GX155" s="52"/>
      <c r="GY155" s="52"/>
      <c r="GZ155" s="52"/>
      <c r="HA155" s="52"/>
      <c r="HB155" s="52"/>
      <c r="HC155" s="52"/>
      <c r="HD155" s="52"/>
      <c r="HE155" s="52"/>
      <c r="HF155" s="52"/>
      <c r="HG155" s="52"/>
      <c r="HH155" s="52"/>
      <c r="HI155" s="52"/>
      <c r="HJ155" s="52"/>
      <c r="HK155" s="52"/>
      <c r="HL155" s="52"/>
      <c r="HM155" s="52"/>
      <c r="HN155" s="52"/>
      <c r="HO155" s="52"/>
      <c r="HP155" s="52"/>
      <c r="HQ155" s="52"/>
      <c r="HR155" s="52"/>
      <c r="HS155" s="52"/>
      <c r="HT155" s="52"/>
      <c r="HU155" s="52"/>
      <c r="HV155" s="52"/>
      <c r="HW155" s="52"/>
      <c r="HX155" s="52"/>
      <c r="HY155" s="52"/>
      <c r="HZ155" s="52"/>
      <c r="IA155" s="52"/>
      <c r="IB155" s="52"/>
      <c r="IC155" s="52"/>
      <c r="ID155" s="52"/>
      <c r="IE155" s="52"/>
      <c r="IF155" s="52"/>
      <c r="IG155" s="52"/>
      <c r="IH155" s="52"/>
      <c r="II155" s="52"/>
      <c r="IJ155" s="52"/>
      <c r="IK155" s="52"/>
      <c r="IL155" s="52"/>
      <c r="IM155" s="52"/>
      <c r="IN155" s="52"/>
      <c r="IO155" s="52"/>
      <c r="IP155" s="52"/>
      <c r="IQ155" s="52"/>
      <c r="IR155" s="52"/>
      <c r="IS155" s="52"/>
      <c r="IT155" s="52"/>
      <c r="IU155" s="52"/>
      <c r="IV155" s="52"/>
      <c r="IW155" s="52"/>
      <c r="IX155" s="52"/>
    </row>
    <row r="156" spans="1:258" s="42" customFormat="1" ht="69.900000000000006" customHeight="1">
      <c r="A156" s="510" t="s">
        <v>110</v>
      </c>
      <c r="B156" s="511"/>
      <c r="C156" s="511"/>
      <c r="D156" s="511"/>
      <c r="E156" s="511"/>
      <c r="F156" s="511"/>
      <c r="G156" s="511"/>
      <c r="H156" s="511"/>
      <c r="I156" s="511"/>
      <c r="J156" s="512"/>
      <c r="K156" s="588"/>
      <c r="L156" s="588"/>
      <c r="M156" s="588"/>
      <c r="N156" s="588"/>
      <c r="O156" s="588"/>
      <c r="P156" s="589"/>
      <c r="Q156" s="134"/>
      <c r="R156" s="133"/>
      <c r="S156" s="39"/>
      <c r="T156" s="40"/>
      <c r="U156" s="41"/>
      <c r="V156" s="41"/>
      <c r="W156" s="41"/>
      <c r="X156" s="41"/>
      <c r="Y156" s="41"/>
      <c r="Z156" s="41"/>
      <c r="AA156" s="41"/>
      <c r="AB156" s="41"/>
      <c r="AC156" s="41"/>
      <c r="AD156" s="41"/>
      <c r="AE156" s="41"/>
      <c r="AF156" s="41"/>
      <c r="AG156" s="41"/>
      <c r="AH156" s="41"/>
      <c r="AI156" s="41"/>
      <c r="AJ156" s="41"/>
      <c r="AK156" s="41"/>
      <c r="AL156" s="41"/>
      <c r="AM156" s="41"/>
      <c r="AN156" s="41"/>
      <c r="AO156" s="41"/>
      <c r="AP156" s="41"/>
      <c r="AQ156" s="41"/>
      <c r="AR156" s="41"/>
      <c r="AS156" s="41"/>
      <c r="AT156" s="41"/>
      <c r="AU156" s="41"/>
      <c r="AV156" s="41"/>
      <c r="AW156" s="41"/>
      <c r="AX156" s="41"/>
      <c r="AY156" s="41"/>
      <c r="AZ156" s="41"/>
      <c r="BA156" s="41"/>
      <c r="BB156" s="41"/>
      <c r="BC156" s="41"/>
      <c r="BD156" s="41"/>
    </row>
    <row r="157" spans="1:258" s="42" customFormat="1" ht="69.599999999999994" customHeight="1">
      <c r="A157" s="528" t="s">
        <v>111</v>
      </c>
      <c r="B157" s="529"/>
      <c r="C157" s="529"/>
      <c r="D157" s="529"/>
      <c r="E157" s="529"/>
      <c r="F157" s="529"/>
      <c r="G157" s="529"/>
      <c r="H157" s="529"/>
      <c r="I157" s="529"/>
      <c r="J157" s="530"/>
      <c r="K157" s="581" t="s">
        <v>112</v>
      </c>
      <c r="L157" s="582"/>
      <c r="M157" s="348" t="s">
        <v>113</v>
      </c>
      <c r="N157" s="349"/>
      <c r="O157" s="349"/>
      <c r="P157" s="350"/>
      <c r="Q157" s="134"/>
      <c r="R157" s="133"/>
      <c r="S157" s="39"/>
      <c r="T157" s="40"/>
      <c r="U157" s="41"/>
      <c r="V157" s="41"/>
      <c r="W157" s="41"/>
      <c r="X157" s="41"/>
      <c r="Y157" s="41"/>
      <c r="Z157" s="41"/>
      <c r="AA157" s="41"/>
      <c r="AB157" s="41"/>
      <c r="AC157" s="41"/>
      <c r="AD157" s="41"/>
      <c r="AE157" s="41"/>
      <c r="AF157" s="41"/>
      <c r="AG157" s="41"/>
      <c r="AH157" s="41"/>
      <c r="AI157" s="41"/>
      <c r="AJ157" s="41"/>
      <c r="AK157" s="41"/>
      <c r="AL157" s="41"/>
      <c r="AM157" s="41"/>
      <c r="AN157" s="41"/>
      <c r="AO157" s="41"/>
      <c r="AP157" s="41"/>
      <c r="AQ157" s="41"/>
      <c r="AR157" s="41"/>
      <c r="AS157" s="41"/>
      <c r="AT157" s="41"/>
      <c r="AU157" s="41"/>
      <c r="AV157" s="41"/>
      <c r="AW157" s="41"/>
      <c r="AX157" s="41"/>
      <c r="AY157" s="41"/>
      <c r="AZ157" s="41"/>
      <c r="BA157" s="41"/>
      <c r="BB157" s="41"/>
      <c r="BC157" s="41"/>
      <c r="BD157" s="41"/>
    </row>
    <row r="158" spans="1:258" s="42" customFormat="1" ht="69.599999999999994" customHeight="1">
      <c r="A158" s="534"/>
      <c r="B158" s="535"/>
      <c r="C158" s="535"/>
      <c r="D158" s="535"/>
      <c r="E158" s="535"/>
      <c r="F158" s="535"/>
      <c r="G158" s="535"/>
      <c r="H158" s="535"/>
      <c r="I158" s="535"/>
      <c r="J158" s="536"/>
      <c r="K158" s="583"/>
      <c r="L158" s="584"/>
      <c r="M158" s="351" t="s">
        <v>114</v>
      </c>
      <c r="N158" s="352"/>
      <c r="O158" s="352"/>
      <c r="P158" s="353"/>
      <c r="Q158" s="134"/>
      <c r="R158" s="133"/>
      <c r="S158" s="39"/>
      <c r="T158" s="40"/>
      <c r="U158" s="41"/>
      <c r="V158" s="41"/>
      <c r="W158" s="41"/>
      <c r="X158" s="41"/>
      <c r="Y158" s="41"/>
      <c r="Z158" s="41"/>
      <c r="AA158" s="41"/>
      <c r="AB158" s="41"/>
      <c r="AC158" s="41"/>
      <c r="AD158" s="41"/>
      <c r="AE158" s="41"/>
      <c r="AF158" s="41"/>
      <c r="AG158" s="41"/>
      <c r="AH158" s="41"/>
      <c r="AI158" s="41"/>
      <c r="AJ158" s="41"/>
      <c r="AK158" s="41"/>
      <c r="AL158" s="41"/>
      <c r="AM158" s="41"/>
      <c r="AN158" s="41"/>
      <c r="AO158" s="41"/>
      <c r="AP158" s="41"/>
      <c r="AQ158" s="41"/>
      <c r="AR158" s="41"/>
      <c r="AS158" s="41"/>
      <c r="AT158" s="41"/>
      <c r="AU158" s="41"/>
      <c r="AV158" s="41"/>
      <c r="AW158" s="41"/>
      <c r="AX158" s="41"/>
      <c r="AY158" s="41"/>
      <c r="AZ158" s="41"/>
      <c r="BA158" s="41"/>
      <c r="BB158" s="41"/>
      <c r="BC158" s="41"/>
      <c r="BD158" s="41"/>
    </row>
    <row r="159" spans="1:258" s="42" customFormat="1" ht="69.599999999999994" customHeight="1">
      <c r="A159" s="528" t="s">
        <v>115</v>
      </c>
      <c r="B159" s="529"/>
      <c r="C159" s="529"/>
      <c r="D159" s="529"/>
      <c r="E159" s="529"/>
      <c r="F159" s="529"/>
      <c r="G159" s="529"/>
      <c r="H159" s="529"/>
      <c r="I159" s="529"/>
      <c r="J159" s="530"/>
      <c r="K159" s="581" t="s">
        <v>112</v>
      </c>
      <c r="L159" s="582"/>
      <c r="M159" s="348" t="s">
        <v>113</v>
      </c>
      <c r="N159" s="349"/>
      <c r="O159" s="349"/>
      <c r="P159" s="350"/>
      <c r="Q159" s="134"/>
      <c r="R159" s="133"/>
      <c r="S159" s="39"/>
      <c r="T159" s="40"/>
      <c r="U159" s="41"/>
      <c r="V159" s="41"/>
      <c r="W159" s="41"/>
      <c r="X159" s="41"/>
      <c r="Y159" s="41"/>
      <c r="Z159" s="41"/>
      <c r="AA159" s="41"/>
      <c r="AB159" s="41"/>
      <c r="AC159" s="41"/>
      <c r="AD159" s="41"/>
      <c r="AE159" s="41"/>
      <c r="AF159" s="41"/>
      <c r="AG159" s="41"/>
      <c r="AH159" s="41"/>
      <c r="AI159" s="41"/>
      <c r="AJ159" s="41"/>
      <c r="AK159" s="41"/>
      <c r="AL159" s="41"/>
      <c r="AM159" s="41"/>
      <c r="AN159" s="41"/>
      <c r="AO159" s="41"/>
      <c r="AP159" s="41"/>
      <c r="AQ159" s="41"/>
      <c r="AR159" s="41"/>
      <c r="AS159" s="41"/>
      <c r="AT159" s="41"/>
      <c r="AU159" s="41"/>
      <c r="AV159" s="41"/>
      <c r="AW159" s="41"/>
      <c r="AX159" s="41"/>
      <c r="AY159" s="41"/>
      <c r="AZ159" s="41"/>
      <c r="BA159" s="41"/>
      <c r="BB159" s="41"/>
      <c r="BC159" s="41"/>
      <c r="BD159" s="41"/>
    </row>
    <row r="160" spans="1:258" s="42" customFormat="1" ht="69.599999999999994" customHeight="1">
      <c r="A160" s="534"/>
      <c r="B160" s="535"/>
      <c r="C160" s="535"/>
      <c r="D160" s="535"/>
      <c r="E160" s="535"/>
      <c r="F160" s="535"/>
      <c r="G160" s="535"/>
      <c r="H160" s="535"/>
      <c r="I160" s="535"/>
      <c r="J160" s="536"/>
      <c r="K160" s="583"/>
      <c r="L160" s="584"/>
      <c r="M160" s="351" t="s">
        <v>114</v>
      </c>
      <c r="N160" s="352"/>
      <c r="O160" s="352"/>
      <c r="P160" s="353"/>
      <c r="Q160" s="134"/>
      <c r="R160" s="133"/>
      <c r="S160" s="39"/>
      <c r="T160" s="40"/>
      <c r="U160" s="41"/>
      <c r="V160" s="41"/>
      <c r="W160" s="41"/>
      <c r="X160" s="41"/>
      <c r="Y160" s="41"/>
      <c r="Z160" s="41"/>
      <c r="AA160" s="41"/>
      <c r="AB160" s="41"/>
      <c r="AC160" s="41"/>
      <c r="AD160" s="41"/>
      <c r="AE160" s="41"/>
      <c r="AF160" s="41"/>
      <c r="AG160" s="41"/>
      <c r="AH160" s="41"/>
      <c r="AI160" s="41"/>
      <c r="AJ160" s="41"/>
      <c r="AK160" s="41"/>
      <c r="AL160" s="41"/>
      <c r="AM160" s="41"/>
      <c r="AN160" s="41"/>
      <c r="AO160" s="41"/>
      <c r="AP160" s="41"/>
      <c r="AQ160" s="41"/>
      <c r="AR160" s="41"/>
      <c r="AS160" s="41"/>
      <c r="AT160" s="41"/>
      <c r="AU160" s="41"/>
      <c r="AV160" s="41"/>
      <c r="AW160" s="41"/>
      <c r="AX160" s="41"/>
      <c r="AY160" s="41"/>
      <c r="AZ160" s="41"/>
      <c r="BA160" s="41"/>
      <c r="BB160" s="41"/>
      <c r="BC160" s="41"/>
      <c r="BD160" s="41"/>
    </row>
    <row r="161" spans="1:258" s="42" customFormat="1" ht="120" customHeight="1">
      <c r="A161" s="528" t="s">
        <v>116</v>
      </c>
      <c r="B161" s="529"/>
      <c r="C161" s="529"/>
      <c r="D161" s="529"/>
      <c r="E161" s="529"/>
      <c r="F161" s="529"/>
      <c r="G161" s="529"/>
      <c r="H161" s="529"/>
      <c r="I161" s="529"/>
      <c r="J161" s="530"/>
      <c r="K161" s="585"/>
      <c r="L161" s="586"/>
      <c r="M161" s="586"/>
      <c r="N161" s="586"/>
      <c r="O161" s="586"/>
      <c r="P161" s="587"/>
      <c r="Q161" s="134"/>
      <c r="R161" s="133"/>
      <c r="S161" s="39"/>
      <c r="T161" s="40"/>
      <c r="U161" s="41"/>
      <c r="V161" s="41"/>
      <c r="W161" s="41"/>
      <c r="X161" s="41"/>
      <c r="Y161" s="41"/>
      <c r="Z161" s="41"/>
      <c r="AA161" s="41"/>
      <c r="AB161" s="41"/>
      <c r="AC161" s="41"/>
      <c r="AD161" s="41"/>
      <c r="AE161" s="41"/>
      <c r="AF161" s="41"/>
      <c r="AG161" s="41"/>
      <c r="AH161" s="41"/>
      <c r="AI161" s="41"/>
      <c r="AJ161" s="41"/>
      <c r="AK161" s="41"/>
      <c r="AL161" s="41"/>
      <c r="AM161" s="41"/>
      <c r="AN161" s="41"/>
      <c r="AO161" s="41"/>
      <c r="AP161" s="41"/>
      <c r="AQ161" s="41"/>
      <c r="AR161" s="41"/>
      <c r="AS161" s="41"/>
      <c r="AT161" s="41"/>
      <c r="AU161" s="41"/>
      <c r="AV161" s="41"/>
      <c r="AW161" s="41"/>
      <c r="AX161" s="41"/>
      <c r="AY161" s="41"/>
      <c r="AZ161" s="41"/>
      <c r="BA161" s="41"/>
      <c r="BB161" s="41"/>
      <c r="BC161" s="41"/>
      <c r="BD161" s="41"/>
    </row>
    <row r="162" spans="1:258" s="64" customFormat="1" ht="69.599999999999994" customHeight="1">
      <c r="A162" s="600" t="s">
        <v>117</v>
      </c>
      <c r="B162" s="601"/>
      <c r="C162" s="601"/>
      <c r="D162" s="601"/>
      <c r="E162" s="601"/>
      <c r="F162" s="601"/>
      <c r="G162" s="601"/>
      <c r="H162" s="601"/>
      <c r="I162" s="601"/>
      <c r="J162" s="601"/>
      <c r="K162" s="601"/>
      <c r="L162" s="601"/>
      <c r="M162" s="601"/>
      <c r="N162" s="601"/>
      <c r="O162" s="601"/>
      <c r="P162" s="602"/>
      <c r="Q162" s="161"/>
      <c r="R162" s="133"/>
      <c r="S162" s="162"/>
      <c r="T162" s="52"/>
      <c r="U162" s="52"/>
      <c r="V162" s="52"/>
      <c r="W162" s="52"/>
      <c r="X162" s="52"/>
      <c r="Y162" s="52"/>
      <c r="Z162" s="52"/>
      <c r="AA162" s="52"/>
      <c r="AB162" s="52"/>
      <c r="AC162" s="52"/>
      <c r="AD162" s="52"/>
      <c r="AE162" s="52"/>
      <c r="AF162" s="52"/>
      <c r="AG162" s="52"/>
      <c r="AH162" s="52"/>
      <c r="AI162" s="52"/>
      <c r="AJ162" s="52"/>
      <c r="AK162" s="52"/>
      <c r="AL162" s="52"/>
      <c r="AM162" s="52"/>
      <c r="AN162" s="52"/>
      <c r="AO162" s="52"/>
      <c r="AP162" s="52"/>
      <c r="AQ162" s="52"/>
      <c r="AR162" s="52"/>
      <c r="AS162" s="52"/>
      <c r="AT162" s="52"/>
      <c r="AU162" s="52"/>
      <c r="AV162" s="52"/>
      <c r="AW162" s="52"/>
      <c r="AX162" s="52"/>
      <c r="AY162" s="52"/>
      <c r="AZ162" s="52"/>
      <c r="BA162" s="52"/>
      <c r="BB162" s="52"/>
      <c r="BC162" s="52"/>
      <c r="BD162" s="52"/>
      <c r="BE162" s="52"/>
      <c r="BF162" s="52"/>
      <c r="BG162" s="52"/>
      <c r="BH162" s="52"/>
      <c r="BI162" s="52"/>
      <c r="BJ162" s="52"/>
      <c r="BK162" s="52"/>
      <c r="BL162" s="52"/>
      <c r="BM162" s="52"/>
      <c r="BN162" s="52"/>
      <c r="BO162" s="52"/>
      <c r="BP162" s="52"/>
      <c r="BQ162" s="52"/>
      <c r="BR162" s="52"/>
      <c r="BS162" s="52"/>
      <c r="BT162" s="52"/>
      <c r="BU162" s="52"/>
      <c r="BV162" s="52"/>
      <c r="BW162" s="52"/>
      <c r="BX162" s="52"/>
      <c r="BY162" s="52"/>
      <c r="BZ162" s="52"/>
      <c r="CA162" s="52"/>
      <c r="CB162" s="52"/>
      <c r="CC162" s="52"/>
      <c r="CD162" s="52"/>
      <c r="CE162" s="52"/>
      <c r="CF162" s="52"/>
      <c r="CG162" s="52"/>
      <c r="CH162" s="52"/>
      <c r="CI162" s="52"/>
      <c r="CJ162" s="52"/>
      <c r="CK162" s="52"/>
      <c r="CL162" s="52"/>
      <c r="CM162" s="52"/>
      <c r="CN162" s="52"/>
      <c r="CO162" s="52"/>
      <c r="CP162" s="52"/>
      <c r="CQ162" s="52"/>
      <c r="CR162" s="52"/>
      <c r="CS162" s="52"/>
      <c r="CT162" s="52"/>
      <c r="CU162" s="52"/>
      <c r="CV162" s="52"/>
      <c r="CW162" s="52"/>
      <c r="CX162" s="52"/>
      <c r="CY162" s="52"/>
      <c r="CZ162" s="52"/>
      <c r="DA162" s="52"/>
      <c r="DB162" s="52"/>
      <c r="DC162" s="52"/>
      <c r="DD162" s="52"/>
      <c r="DE162" s="52"/>
      <c r="DF162" s="52"/>
      <c r="DG162" s="52"/>
      <c r="DH162" s="52"/>
      <c r="DI162" s="52"/>
      <c r="DJ162" s="52"/>
      <c r="DK162" s="52"/>
      <c r="DL162" s="52"/>
      <c r="DM162" s="52"/>
      <c r="DN162" s="52"/>
      <c r="DO162" s="52"/>
      <c r="DP162" s="52"/>
      <c r="DQ162" s="52"/>
      <c r="DR162" s="52"/>
      <c r="DS162" s="52"/>
      <c r="DT162" s="52"/>
      <c r="DU162" s="52"/>
      <c r="DV162" s="52"/>
      <c r="DW162" s="52"/>
      <c r="DX162" s="52"/>
      <c r="DY162" s="52"/>
      <c r="DZ162" s="52"/>
      <c r="EA162" s="52"/>
      <c r="EB162" s="52"/>
      <c r="EC162" s="52"/>
      <c r="ED162" s="52"/>
      <c r="EE162" s="52"/>
      <c r="EF162" s="52"/>
      <c r="EG162" s="52"/>
      <c r="EH162" s="52"/>
      <c r="EI162" s="52"/>
      <c r="EJ162" s="52"/>
      <c r="EK162" s="52"/>
      <c r="EL162" s="52"/>
      <c r="EM162" s="52"/>
      <c r="EN162" s="52"/>
      <c r="EO162" s="52"/>
      <c r="EP162" s="52"/>
      <c r="EQ162" s="52"/>
      <c r="ER162" s="52"/>
      <c r="ES162" s="52"/>
      <c r="ET162" s="52"/>
      <c r="EU162" s="52"/>
      <c r="EV162" s="52"/>
      <c r="EW162" s="52"/>
      <c r="EX162" s="52"/>
      <c r="EY162" s="52"/>
      <c r="EZ162" s="52"/>
      <c r="FA162" s="52"/>
      <c r="FB162" s="52"/>
      <c r="FC162" s="52"/>
      <c r="FD162" s="52"/>
      <c r="FE162" s="52"/>
      <c r="FF162" s="52"/>
      <c r="FG162" s="52"/>
      <c r="FH162" s="52"/>
      <c r="FI162" s="52"/>
      <c r="FJ162" s="52"/>
      <c r="FK162" s="52"/>
      <c r="FL162" s="52"/>
      <c r="FM162" s="52"/>
      <c r="FN162" s="52"/>
      <c r="FO162" s="52"/>
      <c r="FP162" s="52"/>
      <c r="FQ162" s="52"/>
      <c r="FR162" s="52"/>
      <c r="FS162" s="52"/>
      <c r="FT162" s="52"/>
      <c r="FU162" s="52"/>
      <c r="FV162" s="52"/>
      <c r="FW162" s="52"/>
      <c r="FX162" s="52"/>
      <c r="FY162" s="52"/>
      <c r="FZ162" s="52"/>
      <c r="GA162" s="52"/>
      <c r="GB162" s="52"/>
      <c r="GC162" s="52"/>
      <c r="GD162" s="52"/>
      <c r="GE162" s="52"/>
      <c r="GF162" s="52"/>
      <c r="GG162" s="52"/>
      <c r="GH162" s="52"/>
      <c r="GI162" s="52"/>
      <c r="GJ162" s="52"/>
      <c r="GK162" s="52"/>
      <c r="GL162" s="52"/>
      <c r="GM162" s="52"/>
      <c r="GN162" s="52"/>
      <c r="GO162" s="52"/>
      <c r="GP162" s="52"/>
      <c r="GQ162" s="52"/>
      <c r="GR162" s="52"/>
      <c r="GS162" s="52"/>
      <c r="GT162" s="52"/>
      <c r="GU162" s="52"/>
      <c r="GV162" s="52"/>
      <c r="GW162" s="52"/>
      <c r="GX162" s="52"/>
      <c r="GY162" s="52"/>
      <c r="GZ162" s="52"/>
      <c r="HA162" s="52"/>
      <c r="HB162" s="52"/>
      <c r="HC162" s="52"/>
      <c r="HD162" s="52"/>
      <c r="HE162" s="52"/>
      <c r="HF162" s="52"/>
      <c r="HG162" s="52"/>
      <c r="HH162" s="52"/>
      <c r="HI162" s="52"/>
      <c r="HJ162" s="52"/>
      <c r="HK162" s="52"/>
      <c r="HL162" s="52"/>
      <c r="HM162" s="52"/>
      <c r="HN162" s="52"/>
      <c r="HO162" s="52"/>
      <c r="HP162" s="52"/>
      <c r="HQ162" s="52"/>
      <c r="HR162" s="52"/>
      <c r="HS162" s="52"/>
      <c r="HT162" s="52"/>
      <c r="HU162" s="52"/>
      <c r="HV162" s="52"/>
      <c r="HW162" s="52"/>
      <c r="HX162" s="52"/>
      <c r="HY162" s="52"/>
      <c r="HZ162" s="52"/>
      <c r="IA162" s="52"/>
      <c r="IB162" s="52"/>
      <c r="IC162" s="52"/>
      <c r="ID162" s="52"/>
      <c r="IE162" s="52"/>
      <c r="IF162" s="52"/>
      <c r="IG162" s="52"/>
      <c r="IH162" s="52"/>
      <c r="II162" s="52"/>
      <c r="IJ162" s="52"/>
      <c r="IK162" s="52"/>
      <c r="IL162" s="52"/>
      <c r="IM162" s="52"/>
      <c r="IN162" s="52"/>
      <c r="IO162" s="52"/>
      <c r="IP162" s="52"/>
      <c r="IQ162" s="52"/>
      <c r="IR162" s="52"/>
      <c r="IS162" s="52"/>
      <c r="IT162" s="52"/>
      <c r="IU162" s="52"/>
      <c r="IV162" s="52"/>
      <c r="IW162" s="52"/>
      <c r="IX162" s="52"/>
    </row>
    <row r="163" spans="1:258" s="64" customFormat="1" ht="69.599999999999994" customHeight="1">
      <c r="A163" s="603" t="s">
        <v>118</v>
      </c>
      <c r="B163" s="604"/>
      <c r="C163" s="604"/>
      <c r="D163" s="604"/>
      <c r="E163" s="604"/>
      <c r="F163" s="604"/>
      <c r="G163" s="604"/>
      <c r="H163" s="604"/>
      <c r="I163" s="604"/>
      <c r="J163" s="604"/>
      <c r="K163" s="604"/>
      <c r="L163" s="604"/>
      <c r="M163" s="604"/>
      <c r="N163" s="604"/>
      <c r="O163" s="604"/>
      <c r="P163" s="605"/>
      <c r="Q163" s="161"/>
      <c r="R163" s="133"/>
      <c r="S163" s="162"/>
      <c r="T163" s="52"/>
      <c r="U163" s="52"/>
      <c r="V163" s="52"/>
      <c r="W163" s="52"/>
      <c r="X163" s="52"/>
      <c r="Y163" s="52"/>
      <c r="Z163" s="52"/>
      <c r="AA163" s="52"/>
      <c r="AB163" s="52"/>
      <c r="AC163" s="52"/>
      <c r="AD163" s="52"/>
      <c r="AE163" s="52"/>
      <c r="AF163" s="52"/>
      <c r="AG163" s="52"/>
      <c r="AH163" s="52"/>
      <c r="AI163" s="52"/>
      <c r="AJ163" s="52"/>
      <c r="AK163" s="52"/>
      <c r="AL163" s="52"/>
      <c r="AM163" s="52"/>
      <c r="AN163" s="52"/>
      <c r="AO163" s="52"/>
      <c r="AP163" s="52"/>
      <c r="AQ163" s="52"/>
      <c r="AR163" s="52"/>
      <c r="AS163" s="52"/>
      <c r="AT163" s="52"/>
      <c r="AU163" s="52"/>
      <c r="AV163" s="52"/>
      <c r="AW163" s="52"/>
      <c r="AX163" s="52"/>
      <c r="AY163" s="52"/>
      <c r="AZ163" s="52"/>
      <c r="BA163" s="52"/>
      <c r="BB163" s="52"/>
      <c r="BC163" s="52"/>
      <c r="BD163" s="52"/>
      <c r="BE163" s="52"/>
      <c r="BF163" s="52"/>
      <c r="BG163" s="52"/>
      <c r="BH163" s="52"/>
      <c r="BI163" s="52"/>
      <c r="BJ163" s="52"/>
      <c r="BK163" s="52"/>
      <c r="BL163" s="52"/>
      <c r="BM163" s="52"/>
      <c r="BN163" s="52"/>
      <c r="BO163" s="52"/>
      <c r="BP163" s="52"/>
      <c r="BQ163" s="52"/>
      <c r="BR163" s="52"/>
      <c r="BS163" s="52"/>
      <c r="BT163" s="52"/>
      <c r="BU163" s="52"/>
      <c r="BV163" s="52"/>
      <c r="BW163" s="52"/>
      <c r="BX163" s="52"/>
      <c r="BY163" s="52"/>
      <c r="BZ163" s="52"/>
      <c r="CA163" s="52"/>
      <c r="CB163" s="52"/>
      <c r="CC163" s="52"/>
      <c r="CD163" s="52"/>
      <c r="CE163" s="52"/>
      <c r="CF163" s="52"/>
      <c r="CG163" s="52"/>
      <c r="CH163" s="52"/>
      <c r="CI163" s="52"/>
      <c r="CJ163" s="52"/>
      <c r="CK163" s="52"/>
      <c r="CL163" s="52"/>
      <c r="CM163" s="52"/>
      <c r="CN163" s="52"/>
      <c r="CO163" s="52"/>
      <c r="CP163" s="52"/>
      <c r="CQ163" s="52"/>
      <c r="CR163" s="52"/>
      <c r="CS163" s="52"/>
      <c r="CT163" s="52"/>
      <c r="CU163" s="52"/>
      <c r="CV163" s="52"/>
      <c r="CW163" s="52"/>
      <c r="CX163" s="52"/>
      <c r="CY163" s="52"/>
      <c r="CZ163" s="52"/>
      <c r="DA163" s="52"/>
      <c r="DB163" s="52"/>
      <c r="DC163" s="52"/>
      <c r="DD163" s="52"/>
      <c r="DE163" s="52"/>
      <c r="DF163" s="52"/>
      <c r="DG163" s="52"/>
      <c r="DH163" s="52"/>
      <c r="DI163" s="52"/>
      <c r="DJ163" s="52"/>
      <c r="DK163" s="52"/>
      <c r="DL163" s="52"/>
      <c r="DM163" s="52"/>
      <c r="DN163" s="52"/>
      <c r="DO163" s="52"/>
      <c r="DP163" s="52"/>
      <c r="DQ163" s="52"/>
      <c r="DR163" s="52"/>
      <c r="DS163" s="52"/>
      <c r="DT163" s="52"/>
      <c r="DU163" s="52"/>
      <c r="DV163" s="52"/>
      <c r="DW163" s="52"/>
      <c r="DX163" s="52"/>
      <c r="DY163" s="52"/>
      <c r="DZ163" s="52"/>
      <c r="EA163" s="52"/>
      <c r="EB163" s="52"/>
      <c r="EC163" s="52"/>
      <c r="ED163" s="52"/>
      <c r="EE163" s="52"/>
      <c r="EF163" s="52"/>
      <c r="EG163" s="52"/>
      <c r="EH163" s="52"/>
      <c r="EI163" s="52"/>
      <c r="EJ163" s="52"/>
      <c r="EK163" s="52"/>
      <c r="EL163" s="52"/>
      <c r="EM163" s="52"/>
      <c r="EN163" s="52"/>
      <c r="EO163" s="52"/>
      <c r="EP163" s="52"/>
      <c r="EQ163" s="52"/>
      <c r="ER163" s="52"/>
      <c r="ES163" s="52"/>
      <c r="ET163" s="52"/>
      <c r="EU163" s="52"/>
      <c r="EV163" s="52"/>
      <c r="EW163" s="52"/>
      <c r="EX163" s="52"/>
      <c r="EY163" s="52"/>
      <c r="EZ163" s="52"/>
      <c r="FA163" s="52"/>
      <c r="FB163" s="52"/>
      <c r="FC163" s="52"/>
      <c r="FD163" s="52"/>
      <c r="FE163" s="52"/>
      <c r="FF163" s="52"/>
      <c r="FG163" s="52"/>
      <c r="FH163" s="52"/>
      <c r="FI163" s="52"/>
      <c r="FJ163" s="52"/>
      <c r="FK163" s="52"/>
      <c r="FL163" s="52"/>
      <c r="FM163" s="52"/>
      <c r="FN163" s="52"/>
      <c r="FO163" s="52"/>
      <c r="FP163" s="52"/>
      <c r="FQ163" s="52"/>
      <c r="FR163" s="52"/>
      <c r="FS163" s="52"/>
      <c r="FT163" s="52"/>
      <c r="FU163" s="52"/>
      <c r="FV163" s="52"/>
      <c r="FW163" s="52"/>
      <c r="FX163" s="52"/>
      <c r="FY163" s="52"/>
      <c r="FZ163" s="52"/>
      <c r="GA163" s="52"/>
      <c r="GB163" s="52"/>
      <c r="GC163" s="52"/>
      <c r="GD163" s="52"/>
      <c r="GE163" s="52"/>
      <c r="GF163" s="52"/>
      <c r="GG163" s="52"/>
      <c r="GH163" s="52"/>
      <c r="GI163" s="52"/>
      <c r="GJ163" s="52"/>
      <c r="GK163" s="52"/>
      <c r="GL163" s="52"/>
      <c r="GM163" s="52"/>
      <c r="GN163" s="52"/>
      <c r="GO163" s="52"/>
      <c r="GP163" s="52"/>
      <c r="GQ163" s="52"/>
      <c r="GR163" s="52"/>
      <c r="GS163" s="52"/>
      <c r="GT163" s="52"/>
      <c r="GU163" s="52"/>
      <c r="GV163" s="52"/>
      <c r="GW163" s="52"/>
      <c r="GX163" s="52"/>
      <c r="GY163" s="52"/>
      <c r="GZ163" s="52"/>
      <c r="HA163" s="52"/>
      <c r="HB163" s="52"/>
      <c r="HC163" s="52"/>
      <c r="HD163" s="52"/>
      <c r="HE163" s="52"/>
      <c r="HF163" s="52"/>
      <c r="HG163" s="52"/>
      <c r="HH163" s="52"/>
      <c r="HI163" s="52"/>
      <c r="HJ163" s="52"/>
      <c r="HK163" s="52"/>
      <c r="HL163" s="52"/>
      <c r="HM163" s="52"/>
      <c r="HN163" s="52"/>
      <c r="HO163" s="52"/>
      <c r="HP163" s="52"/>
      <c r="HQ163" s="52"/>
      <c r="HR163" s="52"/>
      <c r="HS163" s="52"/>
      <c r="HT163" s="52"/>
      <c r="HU163" s="52"/>
      <c r="HV163" s="52"/>
      <c r="HW163" s="52"/>
      <c r="HX163" s="52"/>
      <c r="HY163" s="52"/>
      <c r="HZ163" s="52"/>
      <c r="IA163" s="52"/>
      <c r="IB163" s="52"/>
      <c r="IC163" s="52"/>
      <c r="ID163" s="52"/>
      <c r="IE163" s="52"/>
      <c r="IF163" s="52"/>
      <c r="IG163" s="52"/>
      <c r="IH163" s="52"/>
      <c r="II163" s="52"/>
      <c r="IJ163" s="52"/>
      <c r="IK163" s="52"/>
      <c r="IL163" s="52"/>
      <c r="IM163" s="52"/>
      <c r="IN163" s="52"/>
      <c r="IO163" s="52"/>
      <c r="IP163" s="52"/>
      <c r="IQ163" s="52"/>
      <c r="IR163" s="52"/>
      <c r="IS163" s="52"/>
      <c r="IT163" s="52"/>
      <c r="IU163" s="52"/>
      <c r="IV163" s="52"/>
      <c r="IW163" s="52"/>
      <c r="IX163" s="52"/>
    </row>
    <row r="164" spans="1:258" s="64" customFormat="1" ht="69.599999999999994" customHeight="1">
      <c r="A164" s="600" t="s">
        <v>119</v>
      </c>
      <c r="B164" s="601"/>
      <c r="C164" s="601"/>
      <c r="D164" s="601"/>
      <c r="E164" s="601"/>
      <c r="F164" s="601"/>
      <c r="G164" s="601"/>
      <c r="H164" s="601"/>
      <c r="I164" s="601"/>
      <c r="J164" s="601"/>
      <c r="K164" s="601"/>
      <c r="L164" s="601"/>
      <c r="M164" s="601"/>
      <c r="N164" s="601"/>
      <c r="O164" s="601"/>
      <c r="P164" s="602"/>
      <c r="Q164" s="161"/>
      <c r="R164" s="133"/>
      <c r="S164" s="162"/>
      <c r="T164" s="52"/>
      <c r="U164" s="52"/>
      <c r="V164" s="52"/>
      <c r="W164" s="52"/>
      <c r="X164" s="52"/>
      <c r="Y164" s="52"/>
      <c r="Z164" s="52"/>
      <c r="AA164" s="52"/>
      <c r="AB164" s="52"/>
      <c r="AC164" s="52"/>
      <c r="AD164" s="52"/>
      <c r="AE164" s="52"/>
      <c r="AF164" s="52"/>
      <c r="AG164" s="52"/>
      <c r="AH164" s="52"/>
      <c r="AI164" s="52"/>
      <c r="AJ164" s="52"/>
      <c r="AK164" s="52"/>
      <c r="AL164" s="52"/>
      <c r="AM164" s="52"/>
      <c r="AN164" s="52"/>
      <c r="AO164" s="52"/>
      <c r="AP164" s="52"/>
      <c r="AQ164" s="52"/>
      <c r="AR164" s="52"/>
      <c r="AS164" s="52"/>
      <c r="AT164" s="52"/>
      <c r="AU164" s="52"/>
      <c r="AV164" s="52"/>
      <c r="AW164" s="52"/>
      <c r="AX164" s="52"/>
      <c r="AY164" s="52"/>
      <c r="AZ164" s="52"/>
      <c r="BA164" s="52"/>
      <c r="BB164" s="52"/>
      <c r="BC164" s="52"/>
      <c r="BD164" s="52"/>
      <c r="BE164" s="52"/>
      <c r="BF164" s="52"/>
      <c r="BG164" s="52"/>
      <c r="BH164" s="52"/>
      <c r="BI164" s="52"/>
      <c r="BJ164" s="52"/>
      <c r="BK164" s="52"/>
      <c r="BL164" s="52"/>
      <c r="BM164" s="52"/>
      <c r="BN164" s="52"/>
      <c r="BO164" s="52"/>
      <c r="BP164" s="52"/>
      <c r="BQ164" s="52"/>
      <c r="BR164" s="52"/>
      <c r="BS164" s="52"/>
      <c r="BT164" s="52"/>
      <c r="BU164" s="52"/>
      <c r="BV164" s="52"/>
      <c r="BW164" s="52"/>
      <c r="BX164" s="52"/>
      <c r="BY164" s="52"/>
      <c r="BZ164" s="52"/>
      <c r="CA164" s="52"/>
      <c r="CB164" s="52"/>
      <c r="CC164" s="52"/>
      <c r="CD164" s="52"/>
      <c r="CE164" s="52"/>
      <c r="CF164" s="52"/>
      <c r="CG164" s="52"/>
      <c r="CH164" s="52"/>
      <c r="CI164" s="52"/>
      <c r="CJ164" s="52"/>
      <c r="CK164" s="52"/>
      <c r="CL164" s="52"/>
      <c r="CM164" s="52"/>
      <c r="CN164" s="52"/>
      <c r="CO164" s="52"/>
      <c r="CP164" s="52"/>
      <c r="CQ164" s="52"/>
      <c r="CR164" s="52"/>
      <c r="CS164" s="52"/>
      <c r="CT164" s="52"/>
      <c r="CU164" s="52"/>
      <c r="CV164" s="52"/>
      <c r="CW164" s="52"/>
      <c r="CX164" s="52"/>
      <c r="CY164" s="52"/>
      <c r="CZ164" s="52"/>
      <c r="DA164" s="52"/>
      <c r="DB164" s="52"/>
      <c r="DC164" s="52"/>
      <c r="DD164" s="52"/>
      <c r="DE164" s="52"/>
      <c r="DF164" s="52"/>
      <c r="DG164" s="52"/>
      <c r="DH164" s="52"/>
      <c r="DI164" s="52"/>
      <c r="DJ164" s="52"/>
      <c r="DK164" s="52"/>
      <c r="DL164" s="52"/>
      <c r="DM164" s="52"/>
      <c r="DN164" s="52"/>
      <c r="DO164" s="52"/>
      <c r="DP164" s="52"/>
      <c r="DQ164" s="52"/>
      <c r="DR164" s="52"/>
      <c r="DS164" s="52"/>
      <c r="DT164" s="52"/>
      <c r="DU164" s="52"/>
      <c r="DV164" s="52"/>
      <c r="DW164" s="52"/>
      <c r="DX164" s="52"/>
      <c r="DY164" s="52"/>
      <c r="DZ164" s="52"/>
      <c r="EA164" s="52"/>
      <c r="EB164" s="52"/>
      <c r="EC164" s="52"/>
      <c r="ED164" s="52"/>
      <c r="EE164" s="52"/>
      <c r="EF164" s="52"/>
      <c r="EG164" s="52"/>
      <c r="EH164" s="52"/>
      <c r="EI164" s="52"/>
      <c r="EJ164" s="52"/>
      <c r="EK164" s="52"/>
      <c r="EL164" s="52"/>
      <c r="EM164" s="52"/>
      <c r="EN164" s="52"/>
      <c r="EO164" s="52"/>
      <c r="EP164" s="52"/>
      <c r="EQ164" s="52"/>
      <c r="ER164" s="52"/>
      <c r="ES164" s="52"/>
      <c r="ET164" s="52"/>
      <c r="EU164" s="52"/>
      <c r="EV164" s="52"/>
      <c r="EW164" s="52"/>
      <c r="EX164" s="52"/>
      <c r="EY164" s="52"/>
      <c r="EZ164" s="52"/>
      <c r="FA164" s="52"/>
      <c r="FB164" s="52"/>
      <c r="FC164" s="52"/>
      <c r="FD164" s="52"/>
      <c r="FE164" s="52"/>
      <c r="FF164" s="52"/>
      <c r="FG164" s="52"/>
      <c r="FH164" s="52"/>
      <c r="FI164" s="52"/>
      <c r="FJ164" s="52"/>
      <c r="FK164" s="52"/>
      <c r="FL164" s="52"/>
      <c r="FM164" s="52"/>
      <c r="FN164" s="52"/>
      <c r="FO164" s="52"/>
      <c r="FP164" s="52"/>
      <c r="FQ164" s="52"/>
      <c r="FR164" s="52"/>
      <c r="FS164" s="52"/>
      <c r="FT164" s="52"/>
      <c r="FU164" s="52"/>
      <c r="FV164" s="52"/>
      <c r="FW164" s="52"/>
      <c r="FX164" s="52"/>
      <c r="FY164" s="52"/>
      <c r="FZ164" s="52"/>
      <c r="GA164" s="52"/>
      <c r="GB164" s="52"/>
      <c r="GC164" s="52"/>
      <c r="GD164" s="52"/>
      <c r="GE164" s="52"/>
      <c r="GF164" s="52"/>
      <c r="GG164" s="52"/>
      <c r="GH164" s="52"/>
      <c r="GI164" s="52"/>
      <c r="GJ164" s="52"/>
      <c r="GK164" s="52"/>
      <c r="GL164" s="52"/>
      <c r="GM164" s="52"/>
      <c r="GN164" s="52"/>
      <c r="GO164" s="52"/>
      <c r="GP164" s="52"/>
      <c r="GQ164" s="52"/>
      <c r="GR164" s="52"/>
      <c r="GS164" s="52"/>
      <c r="GT164" s="52"/>
      <c r="GU164" s="52"/>
      <c r="GV164" s="52"/>
      <c r="GW164" s="52"/>
      <c r="GX164" s="52"/>
      <c r="GY164" s="52"/>
      <c r="GZ164" s="52"/>
      <c r="HA164" s="52"/>
      <c r="HB164" s="52"/>
      <c r="HC164" s="52"/>
      <c r="HD164" s="52"/>
      <c r="HE164" s="52"/>
      <c r="HF164" s="52"/>
      <c r="HG164" s="52"/>
      <c r="HH164" s="52"/>
      <c r="HI164" s="52"/>
      <c r="HJ164" s="52"/>
      <c r="HK164" s="52"/>
      <c r="HL164" s="52"/>
      <c r="HM164" s="52"/>
      <c r="HN164" s="52"/>
      <c r="HO164" s="52"/>
      <c r="HP164" s="52"/>
      <c r="HQ164" s="52"/>
      <c r="HR164" s="52"/>
      <c r="HS164" s="52"/>
      <c r="HT164" s="52"/>
      <c r="HU164" s="52"/>
      <c r="HV164" s="52"/>
      <c r="HW164" s="52"/>
      <c r="HX164" s="52"/>
      <c r="HY164" s="52"/>
      <c r="HZ164" s="52"/>
      <c r="IA164" s="52"/>
      <c r="IB164" s="52"/>
      <c r="IC164" s="52"/>
      <c r="ID164" s="52"/>
      <c r="IE164" s="52"/>
      <c r="IF164" s="52"/>
      <c r="IG164" s="52"/>
      <c r="IH164" s="52"/>
      <c r="II164" s="52"/>
      <c r="IJ164" s="52"/>
      <c r="IK164" s="52"/>
      <c r="IL164" s="52"/>
      <c r="IM164" s="52"/>
      <c r="IN164" s="52"/>
      <c r="IO164" s="52"/>
      <c r="IP164" s="52"/>
      <c r="IQ164" s="52"/>
      <c r="IR164" s="52"/>
      <c r="IS164" s="52"/>
      <c r="IT164" s="52"/>
      <c r="IU164" s="52"/>
      <c r="IV164" s="52"/>
      <c r="IW164" s="52"/>
      <c r="IX164" s="52"/>
    </row>
    <row r="165" spans="1:258" s="42" customFormat="1" ht="69.900000000000006" customHeight="1">
      <c r="A165" s="603" t="s">
        <v>120</v>
      </c>
      <c r="B165" s="604"/>
      <c r="C165" s="604"/>
      <c r="D165" s="604"/>
      <c r="E165" s="604"/>
      <c r="F165" s="604"/>
      <c r="G165" s="604"/>
      <c r="H165" s="604"/>
      <c r="I165" s="604"/>
      <c r="J165" s="604"/>
      <c r="K165" s="604"/>
      <c r="L165" s="604"/>
      <c r="M165" s="604"/>
      <c r="N165" s="604"/>
      <c r="O165" s="604"/>
      <c r="P165" s="605"/>
      <c r="Q165" s="134"/>
      <c r="R165" s="133"/>
      <c r="S165" s="39"/>
      <c r="T165" s="40"/>
      <c r="U165" s="41"/>
      <c r="V165" s="41"/>
      <c r="W165" s="41"/>
      <c r="X165" s="41"/>
      <c r="Y165" s="41"/>
      <c r="Z165" s="41"/>
      <c r="AA165" s="41"/>
      <c r="AB165" s="41"/>
      <c r="AC165" s="41"/>
      <c r="AD165" s="41"/>
      <c r="AE165" s="41"/>
      <c r="AF165" s="41"/>
      <c r="AG165" s="41"/>
      <c r="AH165" s="41"/>
      <c r="AI165" s="41"/>
      <c r="AJ165" s="41"/>
      <c r="AK165" s="41"/>
      <c r="AL165" s="41"/>
      <c r="AM165" s="41"/>
      <c r="AN165" s="41"/>
      <c r="AO165" s="41"/>
      <c r="AP165" s="41"/>
      <c r="AQ165" s="41"/>
      <c r="AR165" s="41"/>
      <c r="AS165" s="41"/>
      <c r="AT165" s="41"/>
      <c r="AU165" s="41"/>
      <c r="AV165" s="41"/>
      <c r="AW165" s="41"/>
      <c r="AX165" s="41"/>
      <c r="AY165" s="41"/>
      <c r="AZ165" s="41"/>
      <c r="BA165" s="41"/>
      <c r="BB165" s="41"/>
      <c r="BC165" s="41"/>
      <c r="BD165" s="41"/>
    </row>
    <row r="166" spans="1:258" s="64" customFormat="1" ht="69.900000000000006" customHeight="1">
      <c r="A166" s="468" t="s">
        <v>25</v>
      </c>
      <c r="B166" s="574"/>
      <c r="C166" s="574"/>
      <c r="D166" s="574"/>
      <c r="E166" s="574"/>
      <c r="F166" s="574"/>
      <c r="G166" s="574"/>
      <c r="H166" s="574"/>
      <c r="I166" s="574"/>
      <c r="J166" s="574"/>
      <c r="K166" s="606"/>
      <c r="L166" s="376"/>
      <c r="M166" s="574"/>
      <c r="N166" s="574"/>
      <c r="O166" s="574"/>
      <c r="P166" s="575"/>
      <c r="Q166" s="122"/>
      <c r="R166" s="138"/>
      <c r="S166" s="162"/>
    </row>
    <row r="167" spans="1:258" s="67" customFormat="1" ht="75" customHeight="1">
      <c r="A167" s="456"/>
      <c r="B167" s="457"/>
      <c r="C167" s="457"/>
      <c r="D167" s="457"/>
      <c r="E167" s="457"/>
      <c r="F167" s="457"/>
      <c r="G167" s="457"/>
      <c r="H167" s="457"/>
      <c r="I167" s="457"/>
      <c r="J167" s="457"/>
      <c r="K167" s="457"/>
      <c r="L167" s="458"/>
      <c r="M167" s="457"/>
      <c r="N167" s="457"/>
      <c r="O167" s="457"/>
      <c r="P167" s="459"/>
      <c r="Q167" s="139"/>
      <c r="R167" s="138"/>
      <c r="S167" s="141"/>
      <c r="T167" s="64"/>
    </row>
    <row r="168" spans="1:258" s="67" customFormat="1" ht="75" customHeight="1" thickBot="1">
      <c r="A168" s="471"/>
      <c r="B168" s="472"/>
      <c r="C168" s="472"/>
      <c r="D168" s="472"/>
      <c r="E168" s="472"/>
      <c r="F168" s="472"/>
      <c r="G168" s="472"/>
      <c r="H168" s="472"/>
      <c r="I168" s="472"/>
      <c r="J168" s="472"/>
      <c r="K168" s="472"/>
      <c r="L168" s="473"/>
      <c r="M168" s="472"/>
      <c r="N168" s="472"/>
      <c r="O168" s="472"/>
      <c r="P168" s="474"/>
      <c r="Q168" s="139"/>
      <c r="R168" s="138"/>
      <c r="S168" s="141"/>
      <c r="T168" s="64"/>
    </row>
    <row r="169" spans="1:258" s="64" customFormat="1" ht="69.900000000000006" customHeight="1" thickBot="1">
      <c r="A169" s="443" t="s">
        <v>442</v>
      </c>
      <c r="B169" s="475"/>
      <c r="C169" s="475"/>
      <c r="D169" s="475"/>
      <c r="E169" s="475"/>
      <c r="F169" s="475"/>
      <c r="G169" s="475"/>
      <c r="H169" s="475"/>
      <c r="I169" s="475"/>
      <c r="J169" s="475"/>
      <c r="K169" s="475"/>
      <c r="L169" s="445"/>
      <c r="M169" s="475"/>
      <c r="N169" s="475"/>
      <c r="O169" s="475"/>
      <c r="P169" s="476"/>
      <c r="Q169" s="139"/>
      <c r="R169" s="138"/>
      <c r="S169" s="210" t="s">
        <v>443</v>
      </c>
      <c r="T169" s="76"/>
      <c r="U169" s="76"/>
      <c r="V169" s="76"/>
      <c r="W169" s="76"/>
      <c r="X169" s="76"/>
      <c r="Y169" s="76"/>
      <c r="Z169" s="76"/>
      <c r="AA169" s="76"/>
      <c r="AB169" s="76"/>
      <c r="AC169" s="76"/>
      <c r="AD169" s="76"/>
      <c r="AE169" s="76"/>
      <c r="AF169" s="76"/>
      <c r="AG169" s="76"/>
      <c r="AH169" s="76"/>
      <c r="AI169" s="76"/>
      <c r="AJ169" s="76"/>
      <c r="AK169" s="76"/>
      <c r="AL169" s="76"/>
      <c r="AM169" s="76"/>
      <c r="AN169" s="76"/>
      <c r="AO169" s="76"/>
      <c r="AP169" s="76"/>
      <c r="AQ169" s="76"/>
      <c r="AR169" s="76"/>
      <c r="AS169" s="76"/>
      <c r="AT169" s="76"/>
      <c r="AU169" s="76"/>
      <c r="AV169" s="76"/>
      <c r="AW169" s="76"/>
      <c r="AX169" s="76"/>
      <c r="AY169" s="76"/>
      <c r="AZ169" s="76"/>
      <c r="BA169" s="76"/>
      <c r="BB169" s="76"/>
      <c r="BC169" s="76"/>
      <c r="BD169" s="76"/>
    </row>
    <row r="170" spans="1:258" s="67" customFormat="1" ht="199.95" customHeight="1" thickTop="1" thickBot="1">
      <c r="A170" s="485" t="s">
        <v>444</v>
      </c>
      <c r="B170" s="598"/>
      <c r="C170" s="598"/>
      <c r="D170" s="598"/>
      <c r="E170" s="598"/>
      <c r="F170" s="598"/>
      <c r="G170" s="598"/>
      <c r="H170" s="598"/>
      <c r="I170" s="598"/>
      <c r="J170" s="598"/>
      <c r="K170" s="598"/>
      <c r="L170" s="352"/>
      <c r="M170" s="638"/>
      <c r="N170" s="80" t="s">
        <v>24</v>
      </c>
      <c r="O170" s="68" t="s">
        <v>20</v>
      </c>
      <c r="P170" s="69" t="s">
        <v>21</v>
      </c>
      <c r="Q170" s="139"/>
      <c r="R170" s="138"/>
      <c r="S170" s="137"/>
      <c r="T170" s="76"/>
      <c r="U170" s="77"/>
      <c r="V170" s="77"/>
      <c r="W170" s="77"/>
      <c r="X170" s="76"/>
      <c r="Y170" s="76"/>
      <c r="Z170" s="76"/>
      <c r="AA170" s="76"/>
      <c r="AB170" s="76"/>
      <c r="AC170" s="76"/>
      <c r="AD170" s="76"/>
      <c r="AE170" s="76"/>
      <c r="AF170" s="76"/>
      <c r="AG170" s="76"/>
      <c r="AH170" s="76"/>
      <c r="AI170" s="76"/>
      <c r="AJ170" s="76"/>
      <c r="AK170" s="76"/>
      <c r="AL170" s="76"/>
      <c r="AM170" s="76"/>
      <c r="AN170" s="77"/>
      <c r="AO170" s="77"/>
      <c r="AP170" s="77"/>
      <c r="AQ170" s="77"/>
      <c r="AR170" s="77"/>
      <c r="AS170" s="77"/>
      <c r="AT170" s="77"/>
      <c r="AU170" s="77"/>
      <c r="AV170" s="77"/>
      <c r="AW170" s="77"/>
      <c r="AX170" s="77"/>
      <c r="AY170" s="77"/>
      <c r="AZ170" s="77"/>
      <c r="BA170" s="77"/>
      <c r="BB170" s="77"/>
      <c r="BC170" s="77"/>
      <c r="BD170" s="77"/>
    </row>
    <row r="171" spans="1:258" s="67" customFormat="1" ht="241.95" customHeight="1" thickTop="1" thickBot="1">
      <c r="A171" s="467" t="s">
        <v>445</v>
      </c>
      <c r="B171" s="610"/>
      <c r="C171" s="610"/>
      <c r="D171" s="610"/>
      <c r="E171" s="610"/>
      <c r="F171" s="610"/>
      <c r="G171" s="610"/>
      <c r="H171" s="610"/>
      <c r="I171" s="610"/>
      <c r="J171" s="610"/>
      <c r="K171" s="610"/>
      <c r="L171" s="349"/>
      <c r="M171" s="661"/>
      <c r="N171" s="87" t="s">
        <v>24</v>
      </c>
      <c r="O171" s="75" t="s">
        <v>20</v>
      </c>
      <c r="P171" s="136" t="s">
        <v>21</v>
      </c>
      <c r="Q171" s="139"/>
      <c r="R171" s="138"/>
      <c r="S171" s="137"/>
      <c r="T171" s="76"/>
      <c r="U171" s="77"/>
      <c r="V171" s="77"/>
      <c r="W171" s="77"/>
      <c r="X171" s="76"/>
      <c r="Y171" s="76"/>
      <c r="Z171" s="76"/>
      <c r="AA171" s="76"/>
      <c r="AB171" s="76"/>
      <c r="AC171" s="76"/>
      <c r="AD171" s="76"/>
      <c r="AE171" s="76"/>
      <c r="AF171" s="76"/>
      <c r="AG171" s="76"/>
      <c r="AH171" s="76"/>
      <c r="AI171" s="76"/>
      <c r="AJ171" s="76"/>
      <c r="AK171" s="76"/>
      <c r="AL171" s="76"/>
      <c r="AM171" s="76"/>
      <c r="AN171" s="77"/>
      <c r="AO171" s="77"/>
      <c r="AP171" s="77"/>
      <c r="AQ171" s="77"/>
      <c r="AR171" s="77"/>
      <c r="AS171" s="77"/>
      <c r="AT171" s="77"/>
      <c r="AU171" s="77"/>
      <c r="AV171" s="77"/>
      <c r="AW171" s="77"/>
      <c r="AX171" s="77"/>
      <c r="AY171" s="77"/>
      <c r="AZ171" s="77"/>
      <c r="BA171" s="77"/>
      <c r="BB171" s="77"/>
      <c r="BC171" s="77"/>
      <c r="BD171" s="77"/>
    </row>
    <row r="172" spans="1:258" s="64" customFormat="1" ht="69.900000000000006" customHeight="1" thickTop="1">
      <c r="A172" s="468" t="s">
        <v>25</v>
      </c>
      <c r="B172" s="574"/>
      <c r="C172" s="574"/>
      <c r="D172" s="574"/>
      <c r="E172" s="574"/>
      <c r="F172" s="574"/>
      <c r="G172" s="574"/>
      <c r="H172" s="574"/>
      <c r="I172" s="574"/>
      <c r="J172" s="574"/>
      <c r="K172" s="574"/>
      <c r="L172" s="454"/>
      <c r="M172" s="574"/>
      <c r="N172" s="574"/>
      <c r="O172" s="574"/>
      <c r="P172" s="575"/>
      <c r="Q172" s="122"/>
      <c r="R172" s="138"/>
      <c r="S172" s="162"/>
    </row>
    <row r="173" spans="1:258" s="67" customFormat="1" ht="75" customHeight="1">
      <c r="A173" s="456"/>
      <c r="B173" s="457"/>
      <c r="C173" s="457"/>
      <c r="D173" s="457"/>
      <c r="E173" s="457"/>
      <c r="F173" s="457"/>
      <c r="G173" s="457"/>
      <c r="H173" s="457"/>
      <c r="I173" s="457"/>
      <c r="J173" s="457"/>
      <c r="K173" s="457"/>
      <c r="L173" s="458"/>
      <c r="M173" s="457"/>
      <c r="N173" s="457"/>
      <c r="O173" s="457"/>
      <c r="P173" s="459"/>
      <c r="Q173" s="139"/>
      <c r="R173" s="138"/>
      <c r="S173" s="141"/>
      <c r="T173" s="64"/>
    </row>
    <row r="174" spans="1:258" s="67" customFormat="1" ht="75" customHeight="1" thickBot="1">
      <c r="A174" s="471"/>
      <c r="B174" s="472"/>
      <c r="C174" s="472"/>
      <c r="D174" s="472"/>
      <c r="E174" s="472"/>
      <c r="F174" s="472"/>
      <c r="G174" s="472"/>
      <c r="H174" s="472"/>
      <c r="I174" s="472"/>
      <c r="J174" s="472"/>
      <c r="K174" s="472"/>
      <c r="L174" s="473"/>
      <c r="M174" s="472"/>
      <c r="N174" s="472"/>
      <c r="O174" s="472"/>
      <c r="P174" s="474"/>
      <c r="Q174" s="139"/>
      <c r="R174" s="138"/>
      <c r="S174" s="141"/>
      <c r="T174" s="64"/>
    </row>
    <row r="175" spans="1:258" s="64" customFormat="1" ht="69.900000000000006" customHeight="1" thickBot="1">
      <c r="A175" s="436" t="s">
        <v>308</v>
      </c>
      <c r="B175" s="437"/>
      <c r="C175" s="437"/>
      <c r="D175" s="437"/>
      <c r="E175" s="437"/>
      <c r="F175" s="437"/>
      <c r="G175" s="437"/>
      <c r="H175" s="437"/>
      <c r="I175" s="437"/>
      <c r="J175" s="437"/>
      <c r="K175" s="437"/>
      <c r="L175" s="437"/>
      <c r="M175" s="437"/>
      <c r="N175" s="437"/>
      <c r="O175" s="437"/>
      <c r="P175" s="438"/>
      <c r="Q175" s="139"/>
      <c r="R175" s="138"/>
      <c r="S175" s="78"/>
      <c r="T175" s="76"/>
      <c r="U175" s="76"/>
      <c r="V175" s="76"/>
      <c r="W175" s="76"/>
      <c r="X175" s="77"/>
      <c r="Y175" s="77"/>
      <c r="Z175" s="77"/>
      <c r="AA175" s="77"/>
      <c r="AB175" s="77"/>
      <c r="AC175" s="77"/>
      <c r="AD175" s="77"/>
      <c r="AE175" s="77"/>
      <c r="AF175" s="77"/>
      <c r="AG175" s="77"/>
      <c r="AH175" s="77"/>
      <c r="AI175" s="77"/>
      <c r="AJ175" s="77"/>
      <c r="AK175" s="77"/>
      <c r="AL175" s="77"/>
      <c r="AM175" s="77"/>
      <c r="AN175" s="76"/>
      <c r="AO175" s="76"/>
      <c r="AP175" s="76"/>
      <c r="AQ175" s="76"/>
      <c r="AR175" s="76"/>
      <c r="AS175" s="76"/>
      <c r="AT175" s="76"/>
      <c r="AU175" s="76"/>
      <c r="AV175" s="76"/>
      <c r="AW175" s="76"/>
      <c r="AX175" s="76"/>
      <c r="AY175" s="76"/>
      <c r="AZ175" s="76"/>
      <c r="BA175" s="76"/>
      <c r="BB175" s="76"/>
      <c r="BC175" s="76"/>
      <c r="BD175" s="76"/>
    </row>
    <row r="176" spans="1:258" s="64" customFormat="1" ht="69.900000000000006" customHeight="1" thickBot="1">
      <c r="A176" s="443" t="s">
        <v>446</v>
      </c>
      <c r="B176" s="475"/>
      <c r="C176" s="475"/>
      <c r="D176" s="475"/>
      <c r="E176" s="475"/>
      <c r="F176" s="475"/>
      <c r="G176" s="475"/>
      <c r="H176" s="475"/>
      <c r="I176" s="475"/>
      <c r="J176" s="475"/>
      <c r="K176" s="475"/>
      <c r="L176" s="445"/>
      <c r="M176" s="475"/>
      <c r="N176" s="475"/>
      <c r="O176" s="475"/>
      <c r="P176" s="476"/>
      <c r="Q176" s="139"/>
      <c r="R176" s="138"/>
      <c r="S176" s="78"/>
      <c r="T176" s="76"/>
      <c r="U176" s="76"/>
      <c r="V176" s="76"/>
      <c r="W176" s="76"/>
      <c r="X176" s="76"/>
      <c r="Y176" s="76"/>
      <c r="Z176" s="76"/>
      <c r="AA176" s="76"/>
      <c r="AB176" s="76"/>
      <c r="AC176" s="76"/>
      <c r="AD176" s="76"/>
      <c r="AE176" s="76"/>
      <c r="AF176" s="76"/>
      <c r="AG176" s="76"/>
      <c r="AH176" s="76"/>
      <c r="AI176" s="76"/>
      <c r="AJ176" s="76"/>
      <c r="AK176" s="76"/>
      <c r="AL176" s="76"/>
      <c r="AM176" s="76"/>
      <c r="AN176" s="76"/>
      <c r="AO176" s="76"/>
      <c r="AP176" s="76"/>
      <c r="AQ176" s="76"/>
      <c r="AR176" s="76"/>
      <c r="AS176" s="76"/>
      <c r="AT176" s="76"/>
      <c r="AU176" s="76"/>
      <c r="AV176" s="76"/>
      <c r="AW176" s="76"/>
      <c r="AX176" s="76"/>
      <c r="AY176" s="76"/>
      <c r="AZ176" s="76"/>
      <c r="BA176" s="76"/>
      <c r="BB176" s="76"/>
      <c r="BC176" s="76"/>
      <c r="BD176" s="76"/>
    </row>
    <row r="177" spans="1:258" s="67" customFormat="1" ht="242.4" customHeight="1" thickTop="1" thickBot="1">
      <c r="A177" s="544" t="s">
        <v>447</v>
      </c>
      <c r="B177" s="649"/>
      <c r="C177" s="649"/>
      <c r="D177" s="649"/>
      <c r="E177" s="649"/>
      <c r="F177" s="649"/>
      <c r="G177" s="649"/>
      <c r="H177" s="649"/>
      <c r="I177" s="649"/>
      <c r="J177" s="649"/>
      <c r="K177" s="649"/>
      <c r="L177" s="546"/>
      <c r="M177" s="649"/>
      <c r="N177" s="650"/>
      <c r="O177" s="95" t="s">
        <v>20</v>
      </c>
      <c r="P177" s="96" t="s">
        <v>21</v>
      </c>
      <c r="Q177" s="139"/>
      <c r="R177" s="138"/>
      <c r="S177" s="137"/>
      <c r="T177" s="99"/>
      <c r="U177" s="77"/>
      <c r="V177" s="77"/>
      <c r="W177" s="77"/>
      <c r="X177" s="76"/>
      <c r="Y177" s="76"/>
      <c r="Z177" s="76"/>
      <c r="AA177" s="76"/>
      <c r="AB177" s="76"/>
      <c r="AC177" s="76"/>
      <c r="AD177" s="76"/>
      <c r="AE177" s="76"/>
      <c r="AF177" s="76"/>
      <c r="AG177" s="76"/>
      <c r="AH177" s="76"/>
      <c r="AI177" s="76"/>
      <c r="AJ177" s="76"/>
      <c r="AK177" s="76"/>
      <c r="AL177" s="76"/>
      <c r="AM177" s="76"/>
      <c r="AN177" s="77"/>
      <c r="AO177" s="77"/>
      <c r="AP177" s="77"/>
      <c r="AQ177" s="77"/>
      <c r="AR177" s="77"/>
      <c r="AS177" s="77"/>
      <c r="AT177" s="77"/>
      <c r="AU177" s="77"/>
      <c r="AV177" s="77"/>
      <c r="AW177" s="77"/>
      <c r="AX177" s="77"/>
      <c r="AY177" s="77"/>
      <c r="AZ177" s="77"/>
      <c r="BA177" s="77"/>
      <c r="BB177" s="77"/>
      <c r="BC177" s="77"/>
      <c r="BD177" s="77"/>
    </row>
    <row r="178" spans="1:258" s="64" customFormat="1" ht="69.900000000000006" customHeight="1" thickTop="1">
      <c r="A178" s="559" t="s">
        <v>25</v>
      </c>
      <c r="B178" s="606"/>
      <c r="C178" s="606"/>
      <c r="D178" s="606"/>
      <c r="E178" s="606"/>
      <c r="F178" s="606"/>
      <c r="G178" s="606"/>
      <c r="H178" s="606"/>
      <c r="I178" s="606"/>
      <c r="J178" s="606"/>
      <c r="K178" s="606"/>
      <c r="L178" s="376"/>
      <c r="M178" s="606"/>
      <c r="N178" s="606"/>
      <c r="O178" s="606"/>
      <c r="P178" s="637"/>
      <c r="Q178" s="122"/>
      <c r="R178" s="138"/>
      <c r="S178" s="162"/>
    </row>
    <row r="179" spans="1:258" s="67" customFormat="1" ht="75" customHeight="1">
      <c r="A179" s="456"/>
      <c r="B179" s="457"/>
      <c r="C179" s="457"/>
      <c r="D179" s="457"/>
      <c r="E179" s="457"/>
      <c r="F179" s="457"/>
      <c r="G179" s="457"/>
      <c r="H179" s="457"/>
      <c r="I179" s="457"/>
      <c r="J179" s="457"/>
      <c r="K179" s="457"/>
      <c r="L179" s="458"/>
      <c r="M179" s="457"/>
      <c r="N179" s="457"/>
      <c r="O179" s="457"/>
      <c r="P179" s="459"/>
      <c r="Q179" s="139"/>
      <c r="R179" s="138"/>
      <c r="S179" s="141"/>
      <c r="T179" s="64"/>
    </row>
    <row r="180" spans="1:258" s="67" customFormat="1" ht="75" customHeight="1" thickBot="1">
      <c r="A180" s="471"/>
      <c r="B180" s="472"/>
      <c r="C180" s="472"/>
      <c r="D180" s="472"/>
      <c r="E180" s="472"/>
      <c r="F180" s="472"/>
      <c r="G180" s="472"/>
      <c r="H180" s="472"/>
      <c r="I180" s="472"/>
      <c r="J180" s="472"/>
      <c r="K180" s="472"/>
      <c r="L180" s="473"/>
      <c r="M180" s="472"/>
      <c r="N180" s="472"/>
      <c r="O180" s="472"/>
      <c r="P180" s="474"/>
      <c r="Q180" s="139"/>
      <c r="R180" s="138"/>
      <c r="S180" s="141"/>
      <c r="T180" s="64"/>
    </row>
    <row r="181" spans="1:258" s="64" customFormat="1" ht="69.900000000000006" customHeight="1" thickBot="1">
      <c r="A181" s="443" t="s">
        <v>448</v>
      </c>
      <c r="B181" s="475"/>
      <c r="C181" s="475"/>
      <c r="D181" s="475"/>
      <c r="E181" s="475"/>
      <c r="F181" s="475"/>
      <c r="G181" s="475"/>
      <c r="H181" s="475"/>
      <c r="I181" s="475"/>
      <c r="J181" s="475"/>
      <c r="K181" s="475"/>
      <c r="L181" s="445"/>
      <c r="M181" s="475"/>
      <c r="N181" s="475"/>
      <c r="O181" s="475"/>
      <c r="P181" s="476"/>
      <c r="Q181" s="139"/>
      <c r="R181" s="138"/>
      <c r="S181" s="78"/>
      <c r="T181" s="76"/>
      <c r="U181" s="76"/>
      <c r="V181" s="76"/>
      <c r="W181" s="76"/>
      <c r="X181" s="77"/>
      <c r="Y181" s="77"/>
      <c r="Z181" s="77"/>
      <c r="AA181" s="77"/>
      <c r="AB181" s="77"/>
      <c r="AC181" s="77"/>
      <c r="AD181" s="77"/>
      <c r="AE181" s="77"/>
      <c r="AF181" s="77"/>
      <c r="AG181" s="77"/>
      <c r="AH181" s="77"/>
      <c r="AI181" s="77"/>
      <c r="AJ181" s="77"/>
      <c r="AK181" s="77"/>
      <c r="AL181" s="77"/>
      <c r="AM181" s="77"/>
      <c r="AN181" s="76"/>
      <c r="AO181" s="76"/>
      <c r="AP181" s="76"/>
      <c r="AQ181" s="76"/>
      <c r="AR181" s="76"/>
      <c r="AS181" s="76"/>
      <c r="AT181" s="76"/>
      <c r="AU181" s="76"/>
      <c r="AV181" s="76"/>
      <c r="AW181" s="76"/>
      <c r="AX181" s="76"/>
      <c r="AY181" s="76"/>
      <c r="AZ181" s="76"/>
      <c r="BA181" s="76"/>
      <c r="BB181" s="76"/>
      <c r="BC181" s="76"/>
      <c r="BD181" s="76"/>
    </row>
    <row r="182" spans="1:258" s="67" customFormat="1" ht="263.39999999999998" customHeight="1" thickTop="1" thickBot="1">
      <c r="A182" s="739" t="s">
        <v>449</v>
      </c>
      <c r="B182" s="740"/>
      <c r="C182" s="740"/>
      <c r="D182" s="740"/>
      <c r="E182" s="740"/>
      <c r="F182" s="740"/>
      <c r="G182" s="740"/>
      <c r="H182" s="740"/>
      <c r="I182" s="740"/>
      <c r="J182" s="740"/>
      <c r="K182" s="740"/>
      <c r="L182" s="740"/>
      <c r="M182" s="740"/>
      <c r="N182" s="741"/>
      <c r="O182" s="198" t="s">
        <v>20</v>
      </c>
      <c r="P182" s="199" t="s">
        <v>21</v>
      </c>
      <c r="Q182" s="139"/>
      <c r="R182" s="138"/>
      <c r="S182" s="137"/>
      <c r="T182" s="99"/>
      <c r="U182" s="77"/>
      <c r="V182" s="77"/>
      <c r="W182" s="77"/>
      <c r="X182" s="77"/>
      <c r="Y182" s="77"/>
      <c r="Z182" s="77"/>
      <c r="AA182" s="77"/>
      <c r="AB182" s="77"/>
      <c r="AC182" s="77"/>
      <c r="AD182" s="77"/>
      <c r="AE182" s="77"/>
      <c r="AF182" s="77"/>
      <c r="AG182" s="77"/>
      <c r="AH182" s="77"/>
      <c r="AI182" s="77"/>
      <c r="AJ182" s="77"/>
      <c r="AK182" s="77"/>
      <c r="AL182" s="77"/>
      <c r="AM182" s="77"/>
      <c r="AN182" s="77"/>
      <c r="AO182" s="77"/>
      <c r="AP182" s="77"/>
      <c r="AQ182" s="77"/>
      <c r="AR182" s="77"/>
      <c r="AS182" s="77"/>
      <c r="AT182" s="77"/>
      <c r="AU182" s="77"/>
      <c r="AV182" s="77"/>
      <c r="AW182" s="77"/>
      <c r="AX182" s="77"/>
      <c r="AY182" s="77"/>
      <c r="AZ182" s="77"/>
      <c r="BA182" s="77"/>
      <c r="BB182" s="77"/>
      <c r="BC182" s="77"/>
      <c r="BD182" s="77"/>
    </row>
    <row r="183" spans="1:258" s="67" customFormat="1" ht="201.6" customHeight="1" thickTop="1" thickBot="1">
      <c r="A183" s="450" t="s">
        <v>450</v>
      </c>
      <c r="B183" s="349"/>
      <c r="C183" s="349"/>
      <c r="D183" s="349"/>
      <c r="E183" s="349"/>
      <c r="F183" s="349"/>
      <c r="G183" s="349"/>
      <c r="H183" s="349"/>
      <c r="I183" s="349"/>
      <c r="J183" s="349"/>
      <c r="K183" s="349"/>
      <c r="L183" s="349"/>
      <c r="M183" s="349"/>
      <c r="N183" s="732"/>
      <c r="O183" s="200" t="s">
        <v>20</v>
      </c>
      <c r="P183" s="201" t="s">
        <v>21</v>
      </c>
      <c r="Q183" s="139"/>
      <c r="R183" s="138"/>
      <c r="S183" s="137"/>
      <c r="T183" s="76"/>
      <c r="U183" s="77"/>
      <c r="V183" s="77"/>
      <c r="W183" s="77"/>
      <c r="X183" s="77"/>
      <c r="Y183" s="77"/>
      <c r="Z183" s="77"/>
      <c r="AA183" s="77"/>
      <c r="AB183" s="77"/>
      <c r="AC183" s="77"/>
      <c r="AD183" s="77"/>
      <c r="AE183" s="77"/>
      <c r="AF183" s="77"/>
      <c r="AG183" s="77"/>
      <c r="AH183" s="77"/>
      <c r="AI183" s="77"/>
      <c r="AJ183" s="77"/>
      <c r="AK183" s="77"/>
      <c r="AL183" s="77"/>
      <c r="AM183" s="77"/>
      <c r="AN183" s="77"/>
      <c r="AO183" s="77"/>
      <c r="AP183" s="77"/>
      <c r="AQ183" s="77"/>
      <c r="AR183" s="77"/>
      <c r="AS183" s="77"/>
      <c r="AT183" s="77"/>
      <c r="AU183" s="77"/>
      <c r="AV183" s="77"/>
      <c r="AW183" s="77"/>
      <c r="AX183" s="77"/>
      <c r="AY183" s="77"/>
      <c r="AZ183" s="77"/>
      <c r="BA183" s="77"/>
      <c r="BB183" s="77"/>
      <c r="BC183" s="77"/>
      <c r="BD183" s="77"/>
    </row>
    <row r="184" spans="1:258" s="64" customFormat="1" ht="69.599999999999994" customHeight="1" thickTop="1">
      <c r="A184" s="744" t="s">
        <v>52</v>
      </c>
      <c r="B184" s="745"/>
      <c r="C184" s="745"/>
      <c r="D184" s="745"/>
      <c r="E184" s="745"/>
      <c r="F184" s="745"/>
      <c r="G184" s="745"/>
      <c r="H184" s="745"/>
      <c r="I184" s="745"/>
      <c r="J184" s="745"/>
      <c r="K184" s="745"/>
      <c r="L184" s="745"/>
      <c r="M184" s="745"/>
      <c r="N184" s="745"/>
      <c r="O184" s="745"/>
      <c r="P184" s="746"/>
      <c r="Q184" s="122"/>
      <c r="R184" s="138"/>
      <c r="S184" s="162"/>
      <c r="T184" s="99"/>
    </row>
    <row r="185" spans="1:258" s="64" customFormat="1" ht="69.900000000000006" customHeight="1">
      <c r="A185" s="747" t="s">
        <v>314</v>
      </c>
      <c r="B185" s="747"/>
      <c r="C185" s="747"/>
      <c r="D185" s="747"/>
      <c r="E185" s="747"/>
      <c r="F185" s="747"/>
      <c r="G185" s="747"/>
      <c r="H185" s="747"/>
      <c r="I185" s="747"/>
      <c r="J185" s="747"/>
      <c r="K185" s="747"/>
      <c r="L185" s="747"/>
      <c r="M185" s="747"/>
      <c r="N185" s="747"/>
      <c r="O185" s="747"/>
      <c r="P185" s="747"/>
      <c r="Q185" s="161"/>
      <c r="R185" s="133"/>
      <c r="S185" s="162"/>
      <c r="T185" s="52"/>
      <c r="U185" s="52"/>
      <c r="V185" s="52"/>
      <c r="W185" s="52"/>
      <c r="X185" s="52"/>
      <c r="Y185" s="52"/>
      <c r="Z185" s="52"/>
      <c r="AA185" s="52"/>
      <c r="AB185" s="52"/>
      <c r="AC185" s="52"/>
      <c r="AD185" s="52"/>
      <c r="AE185" s="52"/>
      <c r="AF185" s="52"/>
      <c r="AG185" s="52"/>
      <c r="AH185" s="52"/>
      <c r="AI185" s="52"/>
      <c r="AJ185" s="52"/>
      <c r="AK185" s="52"/>
      <c r="AL185" s="52"/>
      <c r="AM185" s="52"/>
      <c r="AN185" s="52"/>
      <c r="AO185" s="52"/>
      <c r="AP185" s="52"/>
      <c r="AQ185" s="52"/>
      <c r="AR185" s="52"/>
      <c r="AS185" s="52"/>
      <c r="AT185" s="52"/>
      <c r="AU185" s="52"/>
      <c r="AV185" s="52"/>
      <c r="AW185" s="52"/>
      <c r="AX185" s="52"/>
      <c r="AY185" s="52"/>
      <c r="AZ185" s="52"/>
      <c r="BA185" s="52"/>
      <c r="BB185" s="52"/>
      <c r="BC185" s="52"/>
      <c r="BD185" s="52"/>
      <c r="BE185" s="52"/>
      <c r="BF185" s="52"/>
      <c r="BG185" s="52"/>
      <c r="BH185" s="52"/>
      <c r="BI185" s="52"/>
      <c r="BJ185" s="52"/>
      <c r="BK185" s="52"/>
      <c r="BL185" s="52"/>
      <c r="BM185" s="52"/>
      <c r="BN185" s="52"/>
      <c r="BO185" s="52"/>
      <c r="BP185" s="52"/>
      <c r="BQ185" s="52"/>
      <c r="BR185" s="52"/>
      <c r="BS185" s="52"/>
      <c r="BT185" s="52"/>
      <c r="BU185" s="52"/>
      <c r="BV185" s="52"/>
      <c r="BW185" s="52"/>
      <c r="BX185" s="52"/>
      <c r="BY185" s="52"/>
      <c r="BZ185" s="52"/>
      <c r="CA185" s="52"/>
      <c r="CB185" s="52"/>
      <c r="CC185" s="52"/>
      <c r="CD185" s="52"/>
      <c r="CE185" s="52"/>
      <c r="CF185" s="52"/>
      <c r="CG185" s="52"/>
      <c r="CH185" s="52"/>
      <c r="CI185" s="52"/>
      <c r="CJ185" s="52"/>
      <c r="CK185" s="52"/>
      <c r="CL185" s="52"/>
      <c r="CM185" s="52"/>
      <c r="CN185" s="52"/>
      <c r="CO185" s="52"/>
      <c r="CP185" s="52"/>
      <c r="CQ185" s="52"/>
      <c r="CR185" s="52"/>
      <c r="CS185" s="52"/>
      <c r="CT185" s="52"/>
      <c r="CU185" s="52"/>
      <c r="CV185" s="52"/>
      <c r="CW185" s="52"/>
      <c r="CX185" s="52"/>
      <c r="CY185" s="52"/>
      <c r="CZ185" s="52"/>
      <c r="DA185" s="52"/>
      <c r="DB185" s="52"/>
      <c r="DC185" s="52"/>
      <c r="DD185" s="52"/>
      <c r="DE185" s="52"/>
      <c r="DF185" s="52"/>
      <c r="DG185" s="52"/>
      <c r="DH185" s="52"/>
      <c r="DI185" s="52"/>
      <c r="DJ185" s="52"/>
      <c r="DK185" s="52"/>
      <c r="DL185" s="52"/>
      <c r="DM185" s="52"/>
      <c r="DN185" s="52"/>
      <c r="DO185" s="52"/>
      <c r="DP185" s="52"/>
      <c r="DQ185" s="52"/>
      <c r="DR185" s="52"/>
      <c r="DS185" s="52"/>
      <c r="DT185" s="52"/>
      <c r="DU185" s="52"/>
      <c r="DV185" s="52"/>
      <c r="DW185" s="52"/>
      <c r="DX185" s="52"/>
      <c r="DY185" s="52"/>
      <c r="DZ185" s="52"/>
      <c r="EA185" s="52"/>
      <c r="EB185" s="52"/>
      <c r="EC185" s="52"/>
      <c r="ED185" s="52"/>
      <c r="EE185" s="52"/>
      <c r="EF185" s="52"/>
      <c r="EG185" s="52"/>
      <c r="EH185" s="52"/>
      <c r="EI185" s="52"/>
      <c r="EJ185" s="52"/>
      <c r="EK185" s="52"/>
      <c r="EL185" s="52"/>
      <c r="EM185" s="52"/>
      <c r="EN185" s="52"/>
      <c r="EO185" s="52"/>
      <c r="EP185" s="52"/>
      <c r="EQ185" s="52"/>
      <c r="ER185" s="52"/>
      <c r="ES185" s="52"/>
      <c r="ET185" s="52"/>
      <c r="EU185" s="52"/>
      <c r="EV185" s="52"/>
      <c r="EW185" s="52"/>
      <c r="EX185" s="52"/>
      <c r="EY185" s="52"/>
      <c r="EZ185" s="52"/>
      <c r="FA185" s="52"/>
      <c r="FB185" s="52"/>
      <c r="FC185" s="52"/>
      <c r="FD185" s="52"/>
      <c r="FE185" s="52"/>
      <c r="FF185" s="52"/>
      <c r="FG185" s="52"/>
      <c r="FH185" s="52"/>
      <c r="FI185" s="52"/>
      <c r="FJ185" s="52"/>
      <c r="FK185" s="52"/>
      <c r="FL185" s="52"/>
      <c r="FM185" s="52"/>
      <c r="FN185" s="52"/>
      <c r="FO185" s="52"/>
      <c r="FP185" s="52"/>
      <c r="FQ185" s="52"/>
      <c r="FR185" s="52"/>
      <c r="FS185" s="52"/>
      <c r="FT185" s="52"/>
      <c r="FU185" s="52"/>
      <c r="FV185" s="52"/>
      <c r="FW185" s="52"/>
      <c r="FX185" s="52"/>
      <c r="FY185" s="52"/>
      <c r="FZ185" s="52"/>
      <c r="GA185" s="52"/>
      <c r="GB185" s="52"/>
      <c r="GC185" s="52"/>
      <c r="GD185" s="52"/>
      <c r="GE185" s="52"/>
      <c r="GF185" s="52"/>
      <c r="GG185" s="52"/>
      <c r="GH185" s="52"/>
      <c r="GI185" s="52"/>
      <c r="GJ185" s="52"/>
      <c r="GK185" s="52"/>
      <c r="GL185" s="52"/>
      <c r="GM185" s="52"/>
      <c r="GN185" s="52"/>
      <c r="GO185" s="52"/>
      <c r="GP185" s="52"/>
      <c r="GQ185" s="52"/>
      <c r="GR185" s="52"/>
      <c r="GS185" s="52"/>
      <c r="GT185" s="52"/>
      <c r="GU185" s="52"/>
      <c r="GV185" s="52"/>
      <c r="GW185" s="52"/>
      <c r="GX185" s="52"/>
      <c r="GY185" s="52"/>
      <c r="GZ185" s="52"/>
      <c r="HA185" s="52"/>
      <c r="HB185" s="52"/>
      <c r="HC185" s="52"/>
      <c r="HD185" s="52"/>
      <c r="HE185" s="52"/>
      <c r="HF185" s="52"/>
      <c r="HG185" s="52"/>
      <c r="HH185" s="52"/>
      <c r="HI185" s="52"/>
      <c r="HJ185" s="52"/>
      <c r="HK185" s="52"/>
      <c r="HL185" s="52"/>
      <c r="HM185" s="52"/>
      <c r="HN185" s="52"/>
      <c r="HO185" s="52"/>
      <c r="HP185" s="52"/>
      <c r="HQ185" s="52"/>
      <c r="HR185" s="52"/>
      <c r="HS185" s="52"/>
      <c r="HT185" s="52"/>
      <c r="HU185" s="52"/>
      <c r="HV185" s="52"/>
      <c r="HW185" s="52"/>
      <c r="HX185" s="52"/>
      <c r="HY185" s="52"/>
      <c r="HZ185" s="52"/>
      <c r="IA185" s="52"/>
      <c r="IB185" s="52"/>
      <c r="IC185" s="52"/>
      <c r="ID185" s="52"/>
      <c r="IE185" s="52"/>
      <c r="IF185" s="52"/>
      <c r="IG185" s="52"/>
      <c r="IH185" s="52"/>
      <c r="II185" s="52"/>
      <c r="IJ185" s="52"/>
      <c r="IK185" s="52"/>
      <c r="IL185" s="52"/>
      <c r="IM185" s="52"/>
      <c r="IN185" s="52"/>
      <c r="IO185" s="52"/>
      <c r="IP185" s="52"/>
      <c r="IQ185" s="52"/>
      <c r="IR185" s="52"/>
      <c r="IS185" s="52"/>
      <c r="IT185" s="52"/>
      <c r="IU185" s="52"/>
      <c r="IV185" s="52"/>
      <c r="IW185" s="52"/>
      <c r="IX185" s="52"/>
    </row>
    <row r="186" spans="1:258" s="67" customFormat="1" ht="69" customHeight="1">
      <c r="A186" s="658" t="s">
        <v>315</v>
      </c>
      <c r="B186" s="659"/>
      <c r="C186" s="659"/>
      <c r="D186" s="659"/>
      <c r="E186" s="659"/>
      <c r="F186" s="659"/>
      <c r="G186" s="659"/>
      <c r="H186" s="659"/>
      <c r="I186" s="659"/>
      <c r="J186" s="659"/>
      <c r="K186" s="659"/>
      <c r="L186" s="659"/>
      <c r="M186" s="659"/>
      <c r="N186" s="659"/>
      <c r="O186" s="659"/>
      <c r="P186" s="660"/>
      <c r="Q186" s="139"/>
      <c r="R186" s="138"/>
      <c r="S186" s="78"/>
      <c r="T186" s="76"/>
      <c r="U186" s="77"/>
      <c r="V186" s="77"/>
      <c r="W186" s="77"/>
      <c r="X186" s="77"/>
      <c r="Y186" s="77"/>
      <c r="Z186" s="77"/>
      <c r="AA186" s="77"/>
      <c r="AB186" s="77"/>
      <c r="AC186" s="77"/>
      <c r="AD186" s="77"/>
      <c r="AE186" s="77"/>
      <c r="AF186" s="77"/>
      <c r="AG186" s="77"/>
      <c r="AH186" s="77"/>
      <c r="AI186" s="77"/>
      <c r="AJ186" s="77"/>
      <c r="AK186" s="77"/>
      <c r="AL186" s="77"/>
      <c r="AM186" s="77"/>
      <c r="AN186" s="77"/>
      <c r="AO186" s="77"/>
      <c r="AP186" s="77"/>
      <c r="AQ186" s="77"/>
      <c r="AR186" s="77"/>
      <c r="AS186" s="77"/>
      <c r="AT186" s="77"/>
      <c r="AU186" s="77"/>
      <c r="AV186" s="77"/>
      <c r="AW186" s="77"/>
      <c r="AX186" s="77"/>
      <c r="AY186" s="77"/>
      <c r="AZ186" s="77"/>
      <c r="BA186" s="77"/>
      <c r="BB186" s="77"/>
      <c r="BC186" s="77"/>
      <c r="BD186" s="77"/>
    </row>
    <row r="187" spans="1:258" s="67" customFormat="1" ht="69.599999999999994" customHeight="1">
      <c r="A187" s="556" t="s">
        <v>85</v>
      </c>
      <c r="B187" s="557"/>
      <c r="C187" s="557"/>
      <c r="D187" s="557"/>
      <c r="E187" s="557"/>
      <c r="F187" s="557"/>
      <c r="G187" s="557"/>
      <c r="H187" s="557"/>
      <c r="I187" s="557"/>
      <c r="J187" s="557"/>
      <c r="K187" s="557"/>
      <c r="L187" s="557"/>
      <c r="M187" s="557"/>
      <c r="N187" s="557"/>
      <c r="O187" s="557"/>
      <c r="P187" s="558"/>
      <c r="Q187" s="139"/>
      <c r="R187" s="138"/>
      <c r="S187" s="78"/>
      <c r="T187" s="76"/>
      <c r="U187" s="77"/>
      <c r="V187" s="77"/>
      <c r="W187" s="77"/>
      <c r="X187" s="77"/>
      <c r="Y187" s="77"/>
      <c r="Z187" s="77"/>
      <c r="AA187" s="77"/>
      <c r="AB187" s="77"/>
      <c r="AC187" s="77"/>
      <c r="AD187" s="77"/>
      <c r="AE187" s="77"/>
      <c r="AF187" s="77"/>
      <c r="AG187" s="77"/>
      <c r="AH187" s="77"/>
      <c r="AI187" s="77"/>
      <c r="AJ187" s="77"/>
      <c r="AK187" s="77"/>
      <c r="AL187" s="77"/>
      <c r="AM187" s="77"/>
      <c r="AN187" s="77"/>
      <c r="AO187" s="77"/>
      <c r="AP187" s="77"/>
      <c r="AQ187" s="77"/>
      <c r="AR187" s="77"/>
      <c r="AS187" s="77"/>
      <c r="AT187" s="77"/>
      <c r="AU187" s="77"/>
      <c r="AV187" s="77"/>
      <c r="AW187" s="77"/>
      <c r="AX187" s="77"/>
      <c r="AY187" s="77"/>
      <c r="AZ187" s="77"/>
      <c r="BA187" s="77"/>
      <c r="BB187" s="77"/>
      <c r="BC187" s="77"/>
      <c r="BD187" s="77"/>
    </row>
    <row r="188" spans="1:258" s="67" customFormat="1" ht="69" customHeight="1" thickBot="1">
      <c r="A188" s="655" t="s">
        <v>316</v>
      </c>
      <c r="B188" s="656"/>
      <c r="C188" s="656"/>
      <c r="D188" s="656"/>
      <c r="E188" s="656"/>
      <c r="F188" s="656"/>
      <c r="G188" s="656"/>
      <c r="H188" s="656"/>
      <c r="I188" s="656"/>
      <c r="J188" s="656"/>
      <c r="K188" s="657"/>
      <c r="L188" s="748"/>
      <c r="M188" s="749"/>
      <c r="N188" s="749"/>
      <c r="O188" s="749"/>
      <c r="P188" s="750"/>
      <c r="Q188" s="139"/>
      <c r="R188" s="138"/>
      <c r="S188" s="91"/>
      <c r="T188" s="92"/>
      <c r="U188" s="93"/>
      <c r="V188" s="93"/>
      <c r="W188" s="93"/>
      <c r="X188" s="93"/>
      <c r="Y188" s="93"/>
      <c r="Z188" s="93"/>
      <c r="AA188" s="93"/>
      <c r="AB188" s="93"/>
      <c r="AC188" s="93"/>
      <c r="AD188" s="93"/>
      <c r="AE188" s="93"/>
      <c r="AF188" s="93"/>
      <c r="AG188" s="93"/>
      <c r="AH188" s="93"/>
      <c r="AI188" s="93"/>
      <c r="AJ188" s="93"/>
      <c r="AK188" s="93"/>
      <c r="AL188" s="93"/>
      <c r="AM188" s="93"/>
      <c r="AN188" s="93"/>
      <c r="AO188" s="93"/>
      <c r="AP188" s="93"/>
      <c r="AQ188" s="93"/>
      <c r="AR188" s="93"/>
      <c r="AS188" s="93"/>
      <c r="AT188" s="93"/>
      <c r="AU188" s="93"/>
      <c r="AV188" s="93"/>
      <c r="AW188" s="93"/>
      <c r="AX188" s="93"/>
      <c r="AY188" s="93"/>
      <c r="AZ188" s="93"/>
      <c r="BA188" s="93"/>
      <c r="BB188" s="93"/>
      <c r="BC188" s="93"/>
      <c r="BD188" s="93"/>
    </row>
    <row r="189" spans="1:258" s="67" customFormat="1" ht="201.6" customHeight="1" thickTop="1" thickBot="1">
      <c r="A189" s="447" t="s">
        <v>451</v>
      </c>
      <c r="B189" s="352"/>
      <c r="C189" s="352"/>
      <c r="D189" s="352"/>
      <c r="E189" s="352"/>
      <c r="F189" s="352"/>
      <c r="G189" s="352"/>
      <c r="H189" s="352"/>
      <c r="I189" s="352"/>
      <c r="J189" s="352"/>
      <c r="K189" s="352"/>
      <c r="L189" s="352"/>
      <c r="M189" s="352"/>
      <c r="N189" s="689"/>
      <c r="O189" s="68" t="s">
        <v>20</v>
      </c>
      <c r="P189" s="69" t="s">
        <v>21</v>
      </c>
      <c r="Q189" s="139"/>
      <c r="R189" s="138"/>
      <c r="S189" s="137"/>
      <c r="T189" s="76"/>
      <c r="U189" s="77"/>
      <c r="V189" s="77"/>
      <c r="W189" s="77"/>
      <c r="X189" s="77"/>
      <c r="Y189" s="77"/>
      <c r="Z189" s="77"/>
      <c r="AA189" s="77"/>
      <c r="AB189" s="77"/>
      <c r="AC189" s="77"/>
      <c r="AD189" s="77"/>
      <c r="AE189" s="77"/>
      <c r="AF189" s="77"/>
      <c r="AG189" s="77"/>
      <c r="AH189" s="77"/>
      <c r="AI189" s="77"/>
      <c r="AJ189" s="77"/>
      <c r="AK189" s="77"/>
      <c r="AL189" s="77"/>
      <c r="AM189" s="77"/>
      <c r="AN189" s="77"/>
      <c r="AO189" s="77"/>
      <c r="AP189" s="77"/>
      <c r="AQ189" s="77"/>
      <c r="AR189" s="77"/>
      <c r="AS189" s="77"/>
      <c r="AT189" s="77"/>
      <c r="AU189" s="77"/>
      <c r="AV189" s="77"/>
      <c r="AW189" s="77"/>
      <c r="AX189" s="77"/>
      <c r="AY189" s="77"/>
      <c r="AZ189" s="77"/>
      <c r="BA189" s="77"/>
      <c r="BB189" s="77"/>
      <c r="BC189" s="77"/>
      <c r="BD189" s="77"/>
    </row>
    <row r="190" spans="1:258" s="64" customFormat="1" ht="69.599999999999994" customHeight="1" thickTop="1">
      <c r="A190" s="503" t="s">
        <v>52</v>
      </c>
      <c r="B190" s="577"/>
      <c r="C190" s="577"/>
      <c r="D190" s="577"/>
      <c r="E190" s="577"/>
      <c r="F190" s="577"/>
      <c r="G190" s="577"/>
      <c r="H190" s="577"/>
      <c r="I190" s="577"/>
      <c r="J190" s="577"/>
      <c r="K190" s="577"/>
      <c r="L190" s="505"/>
      <c r="M190" s="577"/>
      <c r="N190" s="577"/>
      <c r="O190" s="577"/>
      <c r="P190" s="578"/>
      <c r="Q190" s="122"/>
      <c r="R190" s="138"/>
      <c r="S190" s="162"/>
    </row>
    <row r="191" spans="1:258" s="64" customFormat="1" ht="69.599999999999994" customHeight="1">
      <c r="A191" s="507" t="s">
        <v>64</v>
      </c>
      <c r="B191" s="508"/>
      <c r="C191" s="508"/>
      <c r="D191" s="508"/>
      <c r="E191" s="508"/>
      <c r="F191" s="508"/>
      <c r="G191" s="508"/>
      <c r="H191" s="508"/>
      <c r="I191" s="508"/>
      <c r="J191" s="508"/>
      <c r="K191" s="508"/>
      <c r="L191" s="508"/>
      <c r="M191" s="508"/>
      <c r="N191" s="508"/>
      <c r="O191" s="508"/>
      <c r="P191" s="509"/>
      <c r="Q191" s="161"/>
      <c r="R191" s="133"/>
      <c r="S191" s="162"/>
      <c r="T191" s="52"/>
      <c r="U191" s="52"/>
      <c r="V191" s="52"/>
      <c r="W191" s="52"/>
      <c r="X191" s="52"/>
      <c r="Y191" s="52"/>
      <c r="Z191" s="52"/>
      <c r="AA191" s="52"/>
      <c r="AB191" s="52"/>
      <c r="AC191" s="52"/>
      <c r="AD191" s="52"/>
      <c r="AE191" s="52"/>
      <c r="AF191" s="52"/>
      <c r="AG191" s="52"/>
      <c r="AH191" s="52"/>
      <c r="AI191" s="52"/>
      <c r="AJ191" s="52"/>
      <c r="AK191" s="52"/>
      <c r="AL191" s="52"/>
      <c r="AM191" s="52"/>
      <c r="AN191" s="52"/>
      <c r="AO191" s="52"/>
      <c r="AP191" s="52"/>
      <c r="AQ191" s="52"/>
      <c r="AR191" s="52"/>
      <c r="AS191" s="52"/>
      <c r="AT191" s="52"/>
      <c r="AU191" s="52"/>
      <c r="AV191" s="52"/>
      <c r="AW191" s="52"/>
      <c r="AX191" s="52"/>
      <c r="AY191" s="52"/>
      <c r="AZ191" s="52"/>
      <c r="BA191" s="52"/>
      <c r="BB191" s="52"/>
      <c r="BC191" s="52"/>
      <c r="BD191" s="52"/>
      <c r="BE191" s="52"/>
      <c r="BF191" s="52"/>
      <c r="BG191" s="52"/>
      <c r="BH191" s="52"/>
      <c r="BI191" s="52"/>
      <c r="BJ191" s="52"/>
      <c r="BK191" s="52"/>
      <c r="BL191" s="52"/>
      <c r="BM191" s="52"/>
      <c r="BN191" s="52"/>
      <c r="BO191" s="52"/>
      <c r="BP191" s="52"/>
      <c r="BQ191" s="52"/>
      <c r="BR191" s="52"/>
      <c r="BS191" s="52"/>
      <c r="BT191" s="52"/>
      <c r="BU191" s="52"/>
      <c r="BV191" s="52"/>
      <c r="BW191" s="52"/>
      <c r="BX191" s="52"/>
      <c r="BY191" s="52"/>
      <c r="BZ191" s="52"/>
      <c r="CA191" s="52"/>
      <c r="CB191" s="52"/>
      <c r="CC191" s="52"/>
      <c r="CD191" s="52"/>
      <c r="CE191" s="52"/>
      <c r="CF191" s="52"/>
      <c r="CG191" s="52"/>
      <c r="CH191" s="52"/>
      <c r="CI191" s="52"/>
      <c r="CJ191" s="52"/>
      <c r="CK191" s="52"/>
      <c r="CL191" s="52"/>
      <c r="CM191" s="52"/>
      <c r="CN191" s="52"/>
      <c r="CO191" s="52"/>
      <c r="CP191" s="52"/>
      <c r="CQ191" s="52"/>
      <c r="CR191" s="52"/>
      <c r="CS191" s="52"/>
      <c r="CT191" s="52"/>
      <c r="CU191" s="52"/>
      <c r="CV191" s="52"/>
      <c r="CW191" s="52"/>
      <c r="CX191" s="52"/>
      <c r="CY191" s="52"/>
      <c r="CZ191" s="52"/>
      <c r="DA191" s="52"/>
      <c r="DB191" s="52"/>
      <c r="DC191" s="52"/>
      <c r="DD191" s="52"/>
      <c r="DE191" s="52"/>
      <c r="DF191" s="52"/>
      <c r="DG191" s="52"/>
      <c r="DH191" s="52"/>
      <c r="DI191" s="52"/>
      <c r="DJ191" s="52"/>
      <c r="DK191" s="52"/>
      <c r="DL191" s="52"/>
      <c r="DM191" s="52"/>
      <c r="DN191" s="52"/>
      <c r="DO191" s="52"/>
      <c r="DP191" s="52"/>
      <c r="DQ191" s="52"/>
      <c r="DR191" s="52"/>
      <c r="DS191" s="52"/>
      <c r="DT191" s="52"/>
      <c r="DU191" s="52"/>
      <c r="DV191" s="52"/>
      <c r="DW191" s="52"/>
      <c r="DX191" s="52"/>
      <c r="DY191" s="52"/>
      <c r="DZ191" s="52"/>
      <c r="EA191" s="52"/>
      <c r="EB191" s="52"/>
      <c r="EC191" s="52"/>
      <c r="ED191" s="52"/>
      <c r="EE191" s="52"/>
      <c r="EF191" s="52"/>
      <c r="EG191" s="52"/>
      <c r="EH191" s="52"/>
      <c r="EI191" s="52"/>
      <c r="EJ191" s="52"/>
      <c r="EK191" s="52"/>
      <c r="EL191" s="52"/>
      <c r="EM191" s="52"/>
      <c r="EN191" s="52"/>
      <c r="EO191" s="52"/>
      <c r="EP191" s="52"/>
      <c r="EQ191" s="52"/>
      <c r="ER191" s="52"/>
      <c r="ES191" s="52"/>
      <c r="ET191" s="52"/>
      <c r="EU191" s="52"/>
      <c r="EV191" s="52"/>
      <c r="EW191" s="52"/>
      <c r="EX191" s="52"/>
      <c r="EY191" s="52"/>
      <c r="EZ191" s="52"/>
      <c r="FA191" s="52"/>
      <c r="FB191" s="52"/>
      <c r="FC191" s="52"/>
      <c r="FD191" s="52"/>
      <c r="FE191" s="52"/>
      <c r="FF191" s="52"/>
      <c r="FG191" s="52"/>
      <c r="FH191" s="52"/>
      <c r="FI191" s="52"/>
      <c r="FJ191" s="52"/>
      <c r="FK191" s="52"/>
      <c r="FL191" s="52"/>
      <c r="FM191" s="52"/>
      <c r="FN191" s="52"/>
      <c r="FO191" s="52"/>
      <c r="FP191" s="52"/>
      <c r="FQ191" s="52"/>
      <c r="FR191" s="52"/>
      <c r="FS191" s="52"/>
      <c r="FT191" s="52"/>
      <c r="FU191" s="52"/>
      <c r="FV191" s="52"/>
      <c r="FW191" s="52"/>
      <c r="FX191" s="52"/>
      <c r="FY191" s="52"/>
      <c r="FZ191" s="52"/>
      <c r="GA191" s="52"/>
      <c r="GB191" s="52"/>
      <c r="GC191" s="52"/>
      <c r="GD191" s="52"/>
      <c r="GE191" s="52"/>
      <c r="GF191" s="52"/>
      <c r="GG191" s="52"/>
      <c r="GH191" s="52"/>
      <c r="GI191" s="52"/>
      <c r="GJ191" s="52"/>
      <c r="GK191" s="52"/>
      <c r="GL191" s="52"/>
      <c r="GM191" s="52"/>
      <c r="GN191" s="52"/>
      <c r="GO191" s="52"/>
      <c r="GP191" s="52"/>
      <c r="GQ191" s="52"/>
      <c r="GR191" s="52"/>
      <c r="GS191" s="52"/>
      <c r="GT191" s="52"/>
      <c r="GU191" s="52"/>
      <c r="GV191" s="52"/>
      <c r="GW191" s="52"/>
      <c r="GX191" s="52"/>
      <c r="GY191" s="52"/>
      <c r="GZ191" s="52"/>
      <c r="HA191" s="52"/>
      <c r="HB191" s="52"/>
      <c r="HC191" s="52"/>
      <c r="HD191" s="52"/>
      <c r="HE191" s="52"/>
      <c r="HF191" s="52"/>
      <c r="HG191" s="52"/>
      <c r="HH191" s="52"/>
      <c r="HI191" s="52"/>
      <c r="HJ191" s="52"/>
      <c r="HK191" s="52"/>
      <c r="HL191" s="52"/>
      <c r="HM191" s="52"/>
      <c r="HN191" s="52"/>
      <c r="HO191" s="52"/>
      <c r="HP191" s="52"/>
      <c r="HQ191" s="52"/>
      <c r="HR191" s="52"/>
      <c r="HS191" s="52"/>
      <c r="HT191" s="52"/>
      <c r="HU191" s="52"/>
      <c r="HV191" s="52"/>
      <c r="HW191" s="52"/>
      <c r="HX191" s="52"/>
      <c r="HY191" s="52"/>
      <c r="HZ191" s="52"/>
      <c r="IA191" s="52"/>
      <c r="IB191" s="52"/>
      <c r="IC191" s="52"/>
      <c r="ID191" s="52"/>
      <c r="IE191" s="52"/>
      <c r="IF191" s="52"/>
      <c r="IG191" s="52"/>
      <c r="IH191" s="52"/>
      <c r="II191" s="52"/>
      <c r="IJ191" s="52"/>
      <c r="IK191" s="52"/>
      <c r="IL191" s="52"/>
      <c r="IM191" s="52"/>
      <c r="IN191" s="52"/>
      <c r="IO191" s="52"/>
      <c r="IP191" s="52"/>
      <c r="IQ191" s="52"/>
      <c r="IR191" s="52"/>
      <c r="IS191" s="52"/>
      <c r="IT191" s="52"/>
      <c r="IU191" s="52"/>
      <c r="IV191" s="52"/>
      <c r="IW191" s="52"/>
      <c r="IX191" s="52"/>
    </row>
    <row r="192" spans="1:258" s="67" customFormat="1" ht="69.599999999999994" customHeight="1">
      <c r="A192" s="658" t="s">
        <v>452</v>
      </c>
      <c r="B192" s="659"/>
      <c r="C192" s="659"/>
      <c r="D192" s="659"/>
      <c r="E192" s="659"/>
      <c r="F192" s="659"/>
      <c r="G192" s="659"/>
      <c r="H192" s="659"/>
      <c r="I192" s="659"/>
      <c r="J192" s="659"/>
      <c r="K192" s="659"/>
      <c r="L192" s="659"/>
      <c r="M192" s="659"/>
      <c r="N192" s="659"/>
      <c r="O192" s="659"/>
      <c r="P192" s="660"/>
      <c r="Q192" s="139"/>
      <c r="R192" s="138"/>
      <c r="S192" s="78"/>
      <c r="T192" s="104"/>
      <c r="U192" s="77"/>
      <c r="V192" s="77"/>
      <c r="W192" s="77"/>
      <c r="X192" s="77"/>
      <c r="Y192" s="77"/>
      <c r="Z192" s="77"/>
      <c r="AA192" s="77"/>
      <c r="AB192" s="77"/>
      <c r="AC192" s="77"/>
      <c r="AD192" s="77"/>
      <c r="AE192" s="77"/>
      <c r="AF192" s="77"/>
      <c r="AG192" s="77"/>
      <c r="AH192" s="77"/>
      <c r="AI192" s="77"/>
      <c r="AJ192" s="77"/>
      <c r="AK192" s="77"/>
      <c r="AL192" s="77"/>
      <c r="AM192" s="77"/>
      <c r="AN192" s="77"/>
      <c r="AO192" s="77"/>
      <c r="AP192" s="77"/>
      <c r="AQ192" s="77"/>
      <c r="AR192" s="77"/>
      <c r="AS192" s="77"/>
      <c r="AT192" s="77"/>
      <c r="AU192" s="77"/>
      <c r="AV192" s="77"/>
      <c r="AW192" s="77"/>
      <c r="AX192" s="77"/>
      <c r="AY192" s="77"/>
      <c r="AZ192" s="77"/>
      <c r="BA192" s="77"/>
      <c r="BB192" s="77"/>
      <c r="BC192" s="77"/>
      <c r="BD192" s="77"/>
    </row>
    <row r="193" spans="1:56" s="67" customFormat="1" ht="69.599999999999994" customHeight="1" thickBot="1">
      <c r="A193" s="642" t="s">
        <v>148</v>
      </c>
      <c r="B193" s="643"/>
      <c r="C193" s="643"/>
      <c r="D193" s="643"/>
      <c r="E193" s="643"/>
      <c r="F193" s="643"/>
      <c r="G193" s="643"/>
      <c r="H193" s="643"/>
      <c r="I193" s="643"/>
      <c r="J193" s="643"/>
      <c r="K193" s="643"/>
      <c r="L193" s="643"/>
      <c r="M193" s="643"/>
      <c r="N193" s="643"/>
      <c r="O193" s="643"/>
      <c r="P193" s="644"/>
      <c r="Q193" s="139"/>
      <c r="R193" s="138"/>
      <c r="S193" s="78"/>
      <c r="T193" s="104"/>
      <c r="U193" s="77"/>
      <c r="V193" s="77"/>
      <c r="W193" s="77"/>
      <c r="X193" s="77"/>
      <c r="Y193" s="77"/>
      <c r="Z193" s="77"/>
      <c r="AA193" s="77"/>
      <c r="AB193" s="77"/>
      <c r="AC193" s="77"/>
      <c r="AD193" s="77"/>
      <c r="AE193" s="77"/>
      <c r="AF193" s="77"/>
      <c r="AG193" s="77"/>
      <c r="AH193" s="77"/>
      <c r="AI193" s="77"/>
      <c r="AJ193" s="77"/>
      <c r="AK193" s="77"/>
      <c r="AL193" s="77"/>
      <c r="AM193" s="77"/>
      <c r="AN193" s="77"/>
      <c r="AO193" s="77"/>
      <c r="AP193" s="77"/>
      <c r="AQ193" s="77"/>
      <c r="AR193" s="77"/>
      <c r="AS193" s="77"/>
      <c r="AT193" s="77"/>
      <c r="AU193" s="77"/>
      <c r="AV193" s="77"/>
      <c r="AW193" s="77"/>
      <c r="AX193" s="77"/>
      <c r="AY193" s="77"/>
      <c r="AZ193" s="77"/>
      <c r="BA193" s="77"/>
      <c r="BB193" s="77"/>
      <c r="BC193" s="77"/>
      <c r="BD193" s="77"/>
    </row>
    <row r="194" spans="1:56" s="67" customFormat="1" ht="132" customHeight="1" thickTop="1" thickBot="1">
      <c r="A194" s="742" t="s">
        <v>453</v>
      </c>
      <c r="B194" s="307"/>
      <c r="C194" s="307"/>
      <c r="D194" s="307"/>
      <c r="E194" s="307"/>
      <c r="F194" s="307"/>
      <c r="G194" s="307"/>
      <c r="H194" s="307"/>
      <c r="I194" s="307"/>
      <c r="J194" s="307"/>
      <c r="K194" s="307"/>
      <c r="L194" s="307"/>
      <c r="M194" s="307"/>
      <c r="N194" s="743"/>
      <c r="O194" s="120" t="s">
        <v>20</v>
      </c>
      <c r="P194" s="121" t="s">
        <v>21</v>
      </c>
      <c r="Q194" s="139"/>
      <c r="R194" s="138"/>
      <c r="S194" s="137"/>
      <c r="T194" s="76"/>
      <c r="U194" s="77"/>
      <c r="V194" s="77"/>
      <c r="W194" s="77"/>
      <c r="X194" s="77"/>
      <c r="Y194" s="77"/>
      <c r="Z194" s="77"/>
      <c r="AA194" s="77"/>
      <c r="AB194" s="77"/>
      <c r="AC194" s="77"/>
      <c r="AD194" s="77"/>
      <c r="AE194" s="77"/>
      <c r="AF194" s="77"/>
      <c r="AG194" s="77"/>
      <c r="AH194" s="77"/>
      <c r="AI194" s="77"/>
      <c r="AJ194" s="77"/>
      <c r="AK194" s="77"/>
      <c r="AL194" s="77"/>
      <c r="AM194" s="77"/>
      <c r="AN194" s="77"/>
      <c r="AO194" s="77"/>
      <c r="AP194" s="77"/>
      <c r="AQ194" s="77"/>
      <c r="AR194" s="77"/>
      <c r="AS194" s="77"/>
      <c r="AT194" s="77"/>
      <c r="AU194" s="77"/>
      <c r="AV194" s="77"/>
      <c r="AW194" s="77"/>
      <c r="AX194" s="77"/>
      <c r="AY194" s="77"/>
      <c r="AZ194" s="77"/>
      <c r="BA194" s="77"/>
      <c r="BB194" s="77"/>
      <c r="BC194" s="77"/>
      <c r="BD194" s="77"/>
    </row>
    <row r="195" spans="1:56" s="64" customFormat="1" ht="69.900000000000006" customHeight="1" thickTop="1">
      <c r="A195" s="468" t="s">
        <v>25</v>
      </c>
      <c r="B195" s="574"/>
      <c r="C195" s="574"/>
      <c r="D195" s="574"/>
      <c r="E195" s="574"/>
      <c r="F195" s="574"/>
      <c r="G195" s="574"/>
      <c r="H195" s="574"/>
      <c r="I195" s="574"/>
      <c r="J195" s="574"/>
      <c r="K195" s="574"/>
      <c r="L195" s="454"/>
      <c r="M195" s="574"/>
      <c r="N195" s="574"/>
      <c r="O195" s="574"/>
      <c r="P195" s="575"/>
      <c r="Q195" s="122"/>
      <c r="R195" s="138"/>
      <c r="S195" s="162"/>
    </row>
    <row r="196" spans="1:56" s="67" customFormat="1" ht="75" customHeight="1">
      <c r="A196" s="456"/>
      <c r="B196" s="457"/>
      <c r="C196" s="457"/>
      <c r="D196" s="457"/>
      <c r="E196" s="457"/>
      <c r="F196" s="457"/>
      <c r="G196" s="457"/>
      <c r="H196" s="457"/>
      <c r="I196" s="457"/>
      <c r="J196" s="457"/>
      <c r="K196" s="457"/>
      <c r="L196" s="458"/>
      <c r="M196" s="457"/>
      <c r="N196" s="457"/>
      <c r="O196" s="457"/>
      <c r="P196" s="459"/>
      <c r="Q196" s="139"/>
      <c r="R196" s="138"/>
      <c r="S196" s="141"/>
      <c r="T196" s="64"/>
    </row>
    <row r="197" spans="1:56" s="67" customFormat="1" ht="75" customHeight="1" thickBot="1">
      <c r="A197" s="751"/>
      <c r="B197" s="752"/>
      <c r="C197" s="752"/>
      <c r="D197" s="752"/>
      <c r="E197" s="752"/>
      <c r="F197" s="752"/>
      <c r="G197" s="752"/>
      <c r="H197" s="752"/>
      <c r="I197" s="752"/>
      <c r="J197" s="752"/>
      <c r="K197" s="752"/>
      <c r="L197" s="753"/>
      <c r="M197" s="752"/>
      <c r="N197" s="752"/>
      <c r="O197" s="752"/>
      <c r="P197" s="754"/>
      <c r="Q197" s="139"/>
      <c r="R197" s="138"/>
      <c r="S197" s="141"/>
      <c r="T197" s="64"/>
    </row>
    <row r="198" spans="1:56" s="64" customFormat="1" ht="69.900000000000006" customHeight="1" thickTop="1" thickBot="1">
      <c r="A198" s="755" t="s">
        <v>454</v>
      </c>
      <c r="B198" s="756"/>
      <c r="C198" s="756"/>
      <c r="D198" s="756"/>
      <c r="E198" s="756"/>
      <c r="F198" s="756"/>
      <c r="G198" s="756"/>
      <c r="H198" s="756"/>
      <c r="I198" s="756"/>
      <c r="J198" s="756"/>
      <c r="K198" s="756"/>
      <c r="L198" s="757"/>
      <c r="M198" s="756"/>
      <c r="N198" s="756"/>
      <c r="O198" s="756"/>
      <c r="P198" s="758"/>
      <c r="Q198" s="139"/>
      <c r="R198" s="138"/>
      <c r="S198" s="78"/>
      <c r="T198" s="76"/>
      <c r="U198" s="76"/>
      <c r="V198" s="76"/>
      <c r="W198" s="76"/>
      <c r="X198" s="77"/>
      <c r="Y198" s="77"/>
      <c r="Z198" s="77"/>
      <c r="AA198" s="77"/>
      <c r="AB198" s="77"/>
      <c r="AC198" s="77"/>
      <c r="AD198" s="77"/>
      <c r="AE198" s="77"/>
      <c r="AF198" s="77"/>
      <c r="AG198" s="77"/>
      <c r="AH198" s="77"/>
      <c r="AI198" s="77"/>
      <c r="AJ198" s="77"/>
      <c r="AK198" s="77"/>
      <c r="AL198" s="77"/>
      <c r="AM198" s="77"/>
      <c r="AN198" s="76"/>
      <c r="AO198" s="76"/>
      <c r="AP198" s="76"/>
      <c r="AQ198" s="76"/>
      <c r="AR198" s="76"/>
      <c r="AS198" s="76"/>
      <c r="AT198" s="76"/>
      <c r="AU198" s="76"/>
      <c r="AV198" s="76"/>
      <c r="AW198" s="76"/>
      <c r="AX198" s="76"/>
      <c r="AY198" s="76"/>
      <c r="AZ198" s="76"/>
      <c r="BA198" s="76"/>
      <c r="BB198" s="76"/>
      <c r="BC198" s="76"/>
      <c r="BD198" s="76"/>
    </row>
    <row r="199" spans="1:56" s="67" customFormat="1" ht="140.1" customHeight="1" thickTop="1" thickBot="1">
      <c r="A199" s="485" t="s">
        <v>455</v>
      </c>
      <c r="B199" s="598"/>
      <c r="C199" s="598"/>
      <c r="D199" s="598"/>
      <c r="E199" s="598"/>
      <c r="F199" s="598"/>
      <c r="G199" s="598"/>
      <c r="H199" s="598"/>
      <c r="I199" s="598"/>
      <c r="J199" s="598"/>
      <c r="K199" s="598"/>
      <c r="L199" s="352"/>
      <c r="M199" s="598"/>
      <c r="N199" s="638"/>
      <c r="O199" s="68" t="s">
        <v>20</v>
      </c>
      <c r="P199" s="69" t="s">
        <v>21</v>
      </c>
      <c r="Q199" s="139"/>
      <c r="R199" s="138"/>
      <c r="S199" s="137"/>
      <c r="T199" s="76"/>
      <c r="U199" s="77"/>
      <c r="V199" s="77"/>
      <c r="W199" s="77"/>
      <c r="X199" s="76"/>
      <c r="Y199" s="76"/>
      <c r="Z199" s="76"/>
      <c r="AA199" s="76"/>
      <c r="AB199" s="76"/>
      <c r="AC199" s="76"/>
      <c r="AD199" s="76"/>
      <c r="AE199" s="76"/>
      <c r="AF199" s="76"/>
      <c r="AG199" s="76"/>
      <c r="AH199" s="76"/>
      <c r="AI199" s="76"/>
      <c r="AJ199" s="76"/>
      <c r="AK199" s="76"/>
      <c r="AL199" s="76"/>
      <c r="AM199" s="76"/>
      <c r="AN199" s="77"/>
      <c r="AO199" s="77"/>
      <c r="AP199" s="77"/>
      <c r="AQ199" s="77"/>
      <c r="AR199" s="77"/>
      <c r="AS199" s="77"/>
      <c r="AT199" s="77"/>
      <c r="AU199" s="77"/>
      <c r="AV199" s="77"/>
      <c r="AW199" s="77"/>
      <c r="AX199" s="77"/>
      <c r="AY199" s="77"/>
      <c r="AZ199" s="77"/>
      <c r="BA199" s="77"/>
      <c r="BB199" s="77"/>
      <c r="BC199" s="77"/>
      <c r="BD199" s="77"/>
    </row>
    <row r="200" spans="1:56" s="64" customFormat="1" ht="69.900000000000006" customHeight="1" thickTop="1">
      <c r="A200" s="468" t="s">
        <v>25</v>
      </c>
      <c r="B200" s="574"/>
      <c r="C200" s="574"/>
      <c r="D200" s="574"/>
      <c r="E200" s="574"/>
      <c r="F200" s="574"/>
      <c r="G200" s="574"/>
      <c r="H200" s="574"/>
      <c r="I200" s="574"/>
      <c r="J200" s="574"/>
      <c r="K200" s="574"/>
      <c r="L200" s="454"/>
      <c r="M200" s="574"/>
      <c r="N200" s="574"/>
      <c r="O200" s="574"/>
      <c r="P200" s="575"/>
      <c r="Q200" s="122"/>
      <c r="R200" s="138"/>
      <c r="S200" s="162"/>
    </row>
    <row r="201" spans="1:56" s="67" customFormat="1" ht="75" customHeight="1">
      <c r="A201" s="456"/>
      <c r="B201" s="457"/>
      <c r="C201" s="457"/>
      <c r="D201" s="457"/>
      <c r="E201" s="457"/>
      <c r="F201" s="457"/>
      <c r="G201" s="457"/>
      <c r="H201" s="457"/>
      <c r="I201" s="457"/>
      <c r="J201" s="457"/>
      <c r="K201" s="457"/>
      <c r="L201" s="458"/>
      <c r="M201" s="457"/>
      <c r="N201" s="457"/>
      <c r="O201" s="457"/>
      <c r="P201" s="459"/>
      <c r="Q201" s="139"/>
      <c r="R201" s="138"/>
      <c r="S201" s="141"/>
      <c r="T201" s="64"/>
    </row>
    <row r="202" spans="1:56" s="67" customFormat="1" ht="75" customHeight="1" thickBot="1">
      <c r="A202" s="471"/>
      <c r="B202" s="472"/>
      <c r="C202" s="472"/>
      <c r="D202" s="472"/>
      <c r="E202" s="472"/>
      <c r="F202" s="472"/>
      <c r="G202" s="472"/>
      <c r="H202" s="472"/>
      <c r="I202" s="472"/>
      <c r="J202" s="472"/>
      <c r="K202" s="472"/>
      <c r="L202" s="473"/>
      <c r="M202" s="472"/>
      <c r="N202" s="472"/>
      <c r="O202" s="472"/>
      <c r="P202" s="474"/>
      <c r="Q202" s="139"/>
      <c r="R202" s="138"/>
      <c r="S202" s="141"/>
      <c r="T202" s="64"/>
    </row>
    <row r="203" spans="1:56" s="64" customFormat="1" ht="69.900000000000006" customHeight="1" thickBot="1">
      <c r="A203" s="443" t="s">
        <v>456</v>
      </c>
      <c r="B203" s="475"/>
      <c r="C203" s="475"/>
      <c r="D203" s="475"/>
      <c r="E203" s="475"/>
      <c r="F203" s="475"/>
      <c r="G203" s="475"/>
      <c r="H203" s="475"/>
      <c r="I203" s="475"/>
      <c r="J203" s="475"/>
      <c r="K203" s="475"/>
      <c r="L203" s="445"/>
      <c r="M203" s="475"/>
      <c r="N203" s="475"/>
      <c r="O203" s="475"/>
      <c r="P203" s="476"/>
      <c r="Q203" s="139"/>
      <c r="R203" s="138"/>
      <c r="S203" s="78"/>
      <c r="T203" s="76"/>
      <c r="U203" s="76"/>
      <c r="V203" s="76"/>
      <c r="W203" s="76"/>
      <c r="X203" s="77"/>
      <c r="Y203" s="77"/>
      <c r="Z203" s="77"/>
      <c r="AA203" s="77"/>
      <c r="AB203" s="77"/>
      <c r="AC203" s="77"/>
      <c r="AD203" s="77"/>
      <c r="AE203" s="77"/>
      <c r="AF203" s="77"/>
      <c r="AG203" s="77"/>
      <c r="AH203" s="77"/>
      <c r="AI203" s="77"/>
      <c r="AJ203" s="77"/>
      <c r="AK203" s="77"/>
      <c r="AL203" s="77"/>
      <c r="AM203" s="77"/>
      <c r="AN203" s="76"/>
      <c r="AO203" s="76"/>
      <c r="AP203" s="76"/>
      <c r="AQ203" s="76"/>
      <c r="AR203" s="76"/>
      <c r="AS203" s="76"/>
      <c r="AT203" s="76"/>
      <c r="AU203" s="76"/>
      <c r="AV203" s="76"/>
      <c r="AW203" s="76"/>
      <c r="AX203" s="76"/>
      <c r="AY203" s="76"/>
      <c r="AZ203" s="76"/>
      <c r="BA203" s="76"/>
      <c r="BB203" s="76"/>
      <c r="BC203" s="76"/>
      <c r="BD203" s="76"/>
    </row>
    <row r="204" spans="1:56" s="67" customFormat="1" ht="132" customHeight="1" thickTop="1" thickBot="1">
      <c r="A204" s="477" t="s">
        <v>457</v>
      </c>
      <c r="B204" s="379"/>
      <c r="C204" s="379"/>
      <c r="D204" s="379"/>
      <c r="E204" s="379"/>
      <c r="F204" s="379"/>
      <c r="G204" s="379"/>
      <c r="H204" s="379"/>
      <c r="I204" s="379"/>
      <c r="J204" s="379"/>
      <c r="K204" s="379"/>
      <c r="L204" s="379"/>
      <c r="M204" s="379"/>
      <c r="N204" s="576"/>
      <c r="O204" s="75" t="s">
        <v>20</v>
      </c>
      <c r="P204" s="136" t="s">
        <v>21</v>
      </c>
      <c r="Q204" s="139"/>
      <c r="R204" s="138"/>
      <c r="S204" s="137"/>
      <c r="T204" s="76"/>
      <c r="U204" s="77"/>
      <c r="V204" s="77"/>
      <c r="W204" s="77"/>
      <c r="X204" s="77"/>
      <c r="Y204" s="77"/>
      <c r="Z204" s="77"/>
      <c r="AA204" s="77"/>
      <c r="AB204" s="77"/>
      <c r="AC204" s="77"/>
      <c r="AD204" s="77"/>
      <c r="AE204" s="77"/>
      <c r="AF204" s="77"/>
      <c r="AG204" s="77"/>
      <c r="AH204" s="77"/>
      <c r="AI204" s="77"/>
      <c r="AJ204" s="77"/>
      <c r="AK204" s="77"/>
      <c r="AL204" s="77"/>
      <c r="AM204" s="77"/>
      <c r="AN204" s="77"/>
      <c r="AO204" s="77"/>
      <c r="AP204" s="77"/>
      <c r="AQ204" s="77"/>
      <c r="AR204" s="77"/>
      <c r="AS204" s="77"/>
      <c r="AT204" s="77"/>
      <c r="AU204" s="77"/>
      <c r="AV204" s="77"/>
      <c r="AW204" s="77"/>
      <c r="AX204" s="77"/>
      <c r="AY204" s="77"/>
      <c r="AZ204" s="77"/>
      <c r="BA204" s="77"/>
      <c r="BB204" s="77"/>
      <c r="BC204" s="77"/>
      <c r="BD204" s="77"/>
    </row>
    <row r="205" spans="1:56" s="64" customFormat="1" ht="69.900000000000006" customHeight="1" thickTop="1">
      <c r="A205" s="468" t="s">
        <v>25</v>
      </c>
      <c r="B205" s="574"/>
      <c r="C205" s="574"/>
      <c r="D205" s="574"/>
      <c r="E205" s="574"/>
      <c r="F205" s="574"/>
      <c r="G205" s="574"/>
      <c r="H205" s="574"/>
      <c r="I205" s="574"/>
      <c r="J205" s="574"/>
      <c r="K205" s="574"/>
      <c r="L205" s="454"/>
      <c r="M205" s="574"/>
      <c r="N205" s="574"/>
      <c r="O205" s="574"/>
      <c r="P205" s="575"/>
      <c r="Q205" s="122"/>
      <c r="R205" s="138"/>
      <c r="S205" s="162"/>
    </row>
    <row r="206" spans="1:56" s="67" customFormat="1" ht="75" customHeight="1">
      <c r="A206" s="456"/>
      <c r="B206" s="457"/>
      <c r="C206" s="457"/>
      <c r="D206" s="457"/>
      <c r="E206" s="457"/>
      <c r="F206" s="457"/>
      <c r="G206" s="457"/>
      <c r="H206" s="457"/>
      <c r="I206" s="457"/>
      <c r="J206" s="457"/>
      <c r="K206" s="457"/>
      <c r="L206" s="458"/>
      <c r="M206" s="457"/>
      <c r="N206" s="457"/>
      <c r="O206" s="457"/>
      <c r="P206" s="459"/>
      <c r="Q206" s="139"/>
      <c r="R206" s="138"/>
      <c r="S206" s="141"/>
      <c r="T206" s="64"/>
    </row>
    <row r="207" spans="1:56" s="67" customFormat="1" ht="75" customHeight="1" thickBot="1">
      <c r="A207" s="471"/>
      <c r="B207" s="472"/>
      <c r="C207" s="472"/>
      <c r="D207" s="472"/>
      <c r="E207" s="472"/>
      <c r="F207" s="472"/>
      <c r="G207" s="472"/>
      <c r="H207" s="472"/>
      <c r="I207" s="472"/>
      <c r="J207" s="472"/>
      <c r="K207" s="472"/>
      <c r="L207" s="473"/>
      <c r="M207" s="472"/>
      <c r="N207" s="472"/>
      <c r="O207" s="472"/>
      <c r="P207" s="474"/>
      <c r="Q207" s="139"/>
      <c r="R207" s="138"/>
      <c r="S207" s="141"/>
      <c r="T207" s="64"/>
    </row>
    <row r="208" spans="1:56" s="64" customFormat="1" ht="69.900000000000006" customHeight="1" thickBot="1">
      <c r="A208" s="443" t="s">
        <v>458</v>
      </c>
      <c r="B208" s="475"/>
      <c r="C208" s="475"/>
      <c r="D208" s="475"/>
      <c r="E208" s="475"/>
      <c r="F208" s="475"/>
      <c r="G208" s="475"/>
      <c r="H208" s="475"/>
      <c r="I208" s="475"/>
      <c r="J208" s="475"/>
      <c r="K208" s="475"/>
      <c r="L208" s="445"/>
      <c r="M208" s="475"/>
      <c r="N208" s="475"/>
      <c r="O208" s="475"/>
      <c r="P208" s="476"/>
      <c r="Q208" s="139"/>
      <c r="R208" s="138"/>
      <c r="S208" s="210" t="s">
        <v>459</v>
      </c>
      <c r="T208" s="76"/>
      <c r="U208" s="76"/>
      <c r="V208" s="76"/>
      <c r="W208" s="76"/>
      <c r="X208" s="77"/>
      <c r="Y208" s="77"/>
      <c r="Z208" s="77"/>
      <c r="AA208" s="77"/>
      <c r="AB208" s="77"/>
      <c r="AC208" s="77"/>
      <c r="AD208" s="77"/>
      <c r="AE208" s="77"/>
      <c r="AF208" s="77"/>
      <c r="AG208" s="77"/>
      <c r="AH208" s="77"/>
      <c r="AI208" s="77"/>
      <c r="AJ208" s="77"/>
      <c r="AK208" s="77"/>
      <c r="AL208" s="77"/>
      <c r="AM208" s="77"/>
      <c r="AN208" s="76"/>
      <c r="AO208" s="76"/>
      <c r="AP208" s="76"/>
      <c r="AQ208" s="76"/>
      <c r="AR208" s="76"/>
      <c r="AS208" s="76"/>
      <c r="AT208" s="76"/>
      <c r="AU208" s="76"/>
      <c r="AV208" s="76"/>
      <c r="AW208" s="76"/>
      <c r="AX208" s="76"/>
      <c r="AY208" s="76"/>
      <c r="AZ208" s="76"/>
      <c r="BA208" s="76"/>
      <c r="BB208" s="76"/>
      <c r="BC208" s="76"/>
      <c r="BD208" s="76"/>
    </row>
    <row r="209" spans="1:258" s="67" customFormat="1" ht="132" customHeight="1" thickTop="1" thickBot="1">
      <c r="A209" s="663" t="s">
        <v>460</v>
      </c>
      <c r="B209" s="664"/>
      <c r="C209" s="664"/>
      <c r="D209" s="664"/>
      <c r="E209" s="664"/>
      <c r="F209" s="664"/>
      <c r="G209" s="664"/>
      <c r="H209" s="664"/>
      <c r="I209" s="664"/>
      <c r="J209" s="664"/>
      <c r="K209" s="664"/>
      <c r="L209" s="664"/>
      <c r="M209" s="664"/>
      <c r="N209" s="665"/>
      <c r="O209" s="75" t="s">
        <v>20</v>
      </c>
      <c r="P209" s="136" t="s">
        <v>21</v>
      </c>
      <c r="Q209" s="139"/>
      <c r="R209" s="138"/>
      <c r="S209" s="137"/>
      <c r="T209" s="76"/>
      <c r="U209" s="77"/>
      <c r="V209" s="77"/>
      <c r="W209" s="77"/>
      <c r="X209" s="77"/>
      <c r="Y209" s="77"/>
      <c r="Z209" s="77"/>
      <c r="AA209" s="77"/>
      <c r="AB209" s="77"/>
      <c r="AC209" s="77"/>
      <c r="AD209" s="77"/>
      <c r="AE209" s="77"/>
      <c r="AF209" s="77"/>
      <c r="AG209" s="77"/>
      <c r="AH209" s="77"/>
      <c r="AI209" s="77"/>
      <c r="AJ209" s="77"/>
      <c r="AK209" s="77"/>
      <c r="AL209" s="77"/>
      <c r="AM209" s="77"/>
      <c r="AN209" s="77"/>
      <c r="AO209" s="77"/>
      <c r="AP209" s="77"/>
      <c r="AQ209" s="77"/>
      <c r="AR209" s="77"/>
      <c r="AS209" s="77"/>
      <c r="AT209" s="77"/>
      <c r="AU209" s="77"/>
      <c r="AV209" s="77"/>
      <c r="AW209" s="77"/>
      <c r="AX209" s="77"/>
      <c r="AY209" s="77"/>
      <c r="AZ209" s="77"/>
      <c r="BA209" s="77"/>
      <c r="BB209" s="77"/>
      <c r="BC209" s="77"/>
      <c r="BD209" s="77"/>
    </row>
    <row r="210" spans="1:258" s="64" customFormat="1" ht="69.900000000000006" customHeight="1" thickTop="1">
      <c r="A210" s="503" t="s">
        <v>108</v>
      </c>
      <c r="B210" s="577"/>
      <c r="C210" s="577"/>
      <c r="D210" s="577"/>
      <c r="E210" s="577"/>
      <c r="F210" s="577"/>
      <c r="G210" s="577"/>
      <c r="H210" s="577"/>
      <c r="I210" s="577"/>
      <c r="J210" s="577"/>
      <c r="K210" s="577"/>
      <c r="L210" s="505"/>
      <c r="M210" s="577"/>
      <c r="N210" s="577"/>
      <c r="O210" s="577"/>
      <c r="P210" s="578"/>
      <c r="Q210" s="122"/>
      <c r="R210" s="138"/>
      <c r="S210" s="162"/>
      <c r="T210" s="193"/>
    </row>
    <row r="211" spans="1:258" s="64" customFormat="1" ht="69.900000000000006" customHeight="1">
      <c r="A211" s="507" t="s">
        <v>461</v>
      </c>
      <c r="B211" s="508"/>
      <c r="C211" s="508"/>
      <c r="D211" s="508"/>
      <c r="E211" s="508"/>
      <c r="F211" s="508"/>
      <c r="G211" s="508"/>
      <c r="H211" s="508"/>
      <c r="I211" s="508"/>
      <c r="J211" s="508"/>
      <c r="K211" s="508"/>
      <c r="L211" s="508"/>
      <c r="M211" s="508"/>
      <c r="N211" s="508"/>
      <c r="O211" s="508"/>
      <c r="P211" s="509"/>
      <c r="Q211" s="122"/>
      <c r="R211" s="138"/>
      <c r="S211" s="162"/>
    </row>
    <row r="212" spans="1:258" s="67" customFormat="1" ht="70.2" customHeight="1">
      <c r="A212" s="510" t="s">
        <v>150</v>
      </c>
      <c r="B212" s="511"/>
      <c r="C212" s="511"/>
      <c r="D212" s="511"/>
      <c r="E212" s="511"/>
      <c r="F212" s="511"/>
      <c r="G212" s="511"/>
      <c r="H212" s="511"/>
      <c r="I212" s="512"/>
      <c r="J212" s="596"/>
      <c r="K212" s="596"/>
      <c r="L212" s="596"/>
      <c r="M212" s="596"/>
      <c r="N212" s="596"/>
      <c r="O212" s="596"/>
      <c r="P212" s="662"/>
      <c r="Q212" s="139"/>
      <c r="R212" s="138"/>
      <c r="S212" s="78"/>
      <c r="T212" s="76"/>
      <c r="U212" s="77"/>
      <c r="V212" s="77"/>
      <c r="W212" s="77"/>
      <c r="X212" s="77"/>
      <c r="Y212" s="77"/>
      <c r="Z212" s="77"/>
      <c r="AA212" s="77"/>
      <c r="AB212" s="77"/>
      <c r="AC212" s="77"/>
      <c r="AD212" s="77"/>
      <c r="AE212" s="77"/>
      <c r="AF212" s="77"/>
      <c r="AG212" s="77"/>
      <c r="AH212" s="77"/>
      <c r="AI212" s="77"/>
      <c r="AJ212" s="77"/>
      <c r="AK212" s="77"/>
      <c r="AL212" s="77"/>
      <c r="AM212" s="77"/>
      <c r="AN212" s="77"/>
      <c r="AO212" s="77"/>
      <c r="AP212" s="77"/>
      <c r="AQ212" s="77"/>
      <c r="AR212" s="77"/>
      <c r="AS212" s="77"/>
      <c r="AT212" s="77"/>
      <c r="AU212" s="77"/>
      <c r="AV212" s="77"/>
      <c r="AW212" s="77"/>
      <c r="AX212" s="77"/>
      <c r="AY212" s="77"/>
      <c r="AZ212" s="77"/>
      <c r="BA212" s="77"/>
      <c r="BB212" s="77"/>
      <c r="BC212" s="77"/>
      <c r="BD212" s="77"/>
    </row>
    <row r="213" spans="1:258" s="67" customFormat="1" ht="70.2" customHeight="1">
      <c r="A213" s="528" t="s">
        <v>332</v>
      </c>
      <c r="B213" s="529"/>
      <c r="C213" s="529"/>
      <c r="D213" s="529"/>
      <c r="E213" s="529"/>
      <c r="F213" s="529"/>
      <c r="G213" s="529"/>
      <c r="H213" s="529"/>
      <c r="I213" s="530"/>
      <c r="J213" s="449" t="s">
        <v>152</v>
      </c>
      <c r="K213" s="537"/>
      <c r="L213" s="537"/>
      <c r="M213" s="537"/>
      <c r="N213" s="537"/>
      <c r="O213" s="537"/>
      <c r="P213" s="538"/>
      <c r="Q213" s="139"/>
      <c r="R213" s="138"/>
      <c r="S213" s="78"/>
      <c r="T213" s="76"/>
      <c r="U213" s="77"/>
      <c r="V213" s="77"/>
      <c r="W213" s="77"/>
      <c r="X213" s="77"/>
      <c r="Y213" s="77"/>
      <c r="Z213" s="77"/>
      <c r="AA213" s="77"/>
      <c r="AB213" s="77"/>
      <c r="AC213" s="77"/>
      <c r="AD213" s="77"/>
      <c r="AE213" s="77"/>
      <c r="AF213" s="77"/>
      <c r="AG213" s="77"/>
      <c r="AH213" s="77"/>
      <c r="AI213" s="77"/>
      <c r="AJ213" s="77"/>
      <c r="AK213" s="77"/>
      <c r="AL213" s="77"/>
      <c r="AM213" s="77"/>
      <c r="AN213" s="77"/>
      <c r="AO213" s="77"/>
      <c r="AP213" s="77"/>
      <c r="AQ213" s="77"/>
      <c r="AR213" s="77"/>
      <c r="AS213" s="77"/>
      <c r="AT213" s="77"/>
      <c r="AU213" s="77"/>
      <c r="AV213" s="77"/>
      <c r="AW213" s="77"/>
      <c r="AX213" s="77"/>
      <c r="AY213" s="77"/>
      <c r="AZ213" s="77"/>
      <c r="BA213" s="77"/>
      <c r="BB213" s="77"/>
      <c r="BC213" s="77"/>
      <c r="BD213" s="77"/>
    </row>
    <row r="214" spans="1:258" s="67" customFormat="1" ht="70.2" customHeight="1">
      <c r="A214" s="534"/>
      <c r="B214" s="535"/>
      <c r="C214" s="535"/>
      <c r="D214" s="535"/>
      <c r="E214" s="535"/>
      <c r="F214" s="535"/>
      <c r="G214" s="535"/>
      <c r="H214" s="535"/>
      <c r="I214" s="536"/>
      <c r="J214" s="598" t="s">
        <v>153</v>
      </c>
      <c r="K214" s="638"/>
      <c r="L214" s="108" t="s">
        <v>154</v>
      </c>
      <c r="M214" s="449"/>
      <c r="N214" s="537"/>
      <c r="O214" s="537"/>
      <c r="P214" s="538"/>
      <c r="Q214" s="139"/>
      <c r="R214" s="138"/>
      <c r="S214" s="78"/>
      <c r="T214" s="76"/>
      <c r="U214" s="77"/>
      <c r="V214" s="77"/>
      <c r="W214" s="77"/>
      <c r="X214" s="77"/>
      <c r="Y214" s="77"/>
      <c r="Z214" s="77"/>
      <c r="AA214" s="77"/>
      <c r="AB214" s="77"/>
      <c r="AC214" s="77"/>
      <c r="AD214" s="77"/>
      <c r="AE214" s="77"/>
      <c r="AF214" s="77"/>
      <c r="AG214" s="77"/>
      <c r="AH214" s="77"/>
      <c r="AI214" s="77"/>
      <c r="AJ214" s="77"/>
      <c r="AK214" s="77"/>
      <c r="AL214" s="77"/>
      <c r="AM214" s="77"/>
      <c r="AN214" s="77"/>
      <c r="AO214" s="77"/>
      <c r="AP214" s="77"/>
      <c r="AQ214" s="77"/>
      <c r="AR214" s="77"/>
      <c r="AS214" s="77"/>
      <c r="AT214" s="77"/>
      <c r="AU214" s="77"/>
      <c r="AV214" s="77"/>
      <c r="AW214" s="77"/>
      <c r="AX214" s="77"/>
      <c r="AY214" s="77"/>
      <c r="AZ214" s="77"/>
      <c r="BA214" s="77"/>
      <c r="BB214" s="77"/>
      <c r="BC214" s="77"/>
      <c r="BD214" s="77"/>
    </row>
    <row r="215" spans="1:258" s="67" customFormat="1" ht="70.2" customHeight="1">
      <c r="A215" s="531" t="s">
        <v>333</v>
      </c>
      <c r="B215" s="532"/>
      <c r="C215" s="532"/>
      <c r="D215" s="532"/>
      <c r="E215" s="532"/>
      <c r="F215" s="532"/>
      <c r="G215" s="532"/>
      <c r="H215" s="532"/>
      <c r="I215" s="533"/>
      <c r="J215" s="449" t="s">
        <v>160</v>
      </c>
      <c r="K215" s="537"/>
      <c r="L215" s="537"/>
      <c r="M215" s="537"/>
      <c r="N215" s="537"/>
      <c r="O215" s="537"/>
      <c r="P215" s="538"/>
      <c r="Q215" s="134"/>
      <c r="R215" s="133"/>
      <c r="S215" s="39"/>
      <c r="T215" s="40"/>
      <c r="U215" s="41"/>
      <c r="V215" s="41"/>
      <c r="W215" s="41"/>
      <c r="X215" s="41"/>
      <c r="Y215" s="41"/>
      <c r="Z215" s="41"/>
      <c r="AA215" s="41"/>
      <c r="AB215" s="41"/>
      <c r="AC215" s="41"/>
      <c r="AD215" s="41"/>
      <c r="AE215" s="41"/>
      <c r="AF215" s="41"/>
      <c r="AG215" s="41"/>
      <c r="AH215" s="41"/>
      <c r="AI215" s="41"/>
      <c r="AJ215" s="41"/>
      <c r="AK215" s="41"/>
      <c r="AL215" s="41"/>
      <c r="AM215" s="41"/>
      <c r="AN215" s="41"/>
      <c r="AO215" s="41"/>
      <c r="AP215" s="41"/>
      <c r="AQ215" s="41"/>
      <c r="AR215" s="41"/>
      <c r="AS215" s="41"/>
      <c r="AT215" s="41"/>
      <c r="AU215" s="41"/>
      <c r="AV215" s="41"/>
      <c r="AW215" s="41"/>
      <c r="AX215" s="41"/>
      <c r="AY215" s="41"/>
      <c r="AZ215" s="41"/>
      <c r="BA215" s="41"/>
      <c r="BB215" s="41"/>
      <c r="BC215" s="41"/>
      <c r="BD215" s="41"/>
      <c r="BE215" s="42"/>
      <c r="BF215" s="42"/>
      <c r="BG215" s="42"/>
      <c r="BH215" s="42"/>
      <c r="BI215" s="42"/>
      <c r="BJ215" s="42"/>
      <c r="BK215" s="42"/>
      <c r="BL215" s="42"/>
      <c r="BM215" s="42"/>
      <c r="BN215" s="42"/>
      <c r="BO215" s="42"/>
      <c r="BP215" s="42"/>
      <c r="BQ215" s="42"/>
      <c r="BR215" s="42"/>
      <c r="BS215" s="42"/>
      <c r="BT215" s="42"/>
      <c r="BU215" s="42"/>
      <c r="BV215" s="42"/>
      <c r="BW215" s="42"/>
      <c r="BX215" s="42"/>
      <c r="BY215" s="42"/>
      <c r="BZ215" s="42"/>
      <c r="CA215" s="42"/>
      <c r="CB215" s="42"/>
      <c r="CC215" s="42"/>
      <c r="CD215" s="42"/>
      <c r="CE215" s="42"/>
      <c r="CF215" s="42"/>
      <c r="CG215" s="42"/>
      <c r="CH215" s="42"/>
      <c r="CI215" s="42"/>
      <c r="CJ215" s="42"/>
      <c r="CK215" s="42"/>
      <c r="CL215" s="42"/>
      <c r="CM215" s="42"/>
      <c r="CN215" s="42"/>
      <c r="CO215" s="42"/>
      <c r="CP215" s="42"/>
      <c r="CQ215" s="42"/>
      <c r="CR215" s="42"/>
      <c r="CS215" s="42"/>
      <c r="CT215" s="42"/>
      <c r="CU215" s="42"/>
      <c r="CV215" s="42"/>
      <c r="CW215" s="42"/>
      <c r="CX215" s="42"/>
      <c r="CY215" s="42"/>
      <c r="CZ215" s="42"/>
      <c r="DA215" s="42"/>
      <c r="DB215" s="42"/>
      <c r="DC215" s="42"/>
      <c r="DD215" s="42"/>
      <c r="DE215" s="42"/>
      <c r="DF215" s="42"/>
      <c r="DG215" s="42"/>
      <c r="DH215" s="42"/>
      <c r="DI215" s="42"/>
      <c r="DJ215" s="42"/>
      <c r="DK215" s="42"/>
      <c r="DL215" s="42"/>
      <c r="DM215" s="42"/>
      <c r="DN215" s="42"/>
      <c r="DO215" s="42"/>
      <c r="DP215" s="42"/>
      <c r="DQ215" s="42"/>
      <c r="DR215" s="42"/>
      <c r="DS215" s="42"/>
      <c r="DT215" s="42"/>
      <c r="DU215" s="42"/>
      <c r="DV215" s="42"/>
      <c r="DW215" s="42"/>
      <c r="DX215" s="42"/>
      <c r="DY215" s="42"/>
      <c r="DZ215" s="42"/>
      <c r="EA215" s="42"/>
      <c r="EB215" s="42"/>
      <c r="EC215" s="42"/>
      <c r="ED215" s="42"/>
      <c r="EE215" s="42"/>
      <c r="EF215" s="42"/>
      <c r="EG215" s="42"/>
      <c r="EH215" s="42"/>
      <c r="EI215" s="42"/>
      <c r="EJ215" s="42"/>
      <c r="EK215" s="42"/>
      <c r="EL215" s="42"/>
      <c r="EM215" s="42"/>
      <c r="EN215" s="42"/>
      <c r="EO215" s="42"/>
      <c r="EP215" s="42"/>
      <c r="EQ215" s="42"/>
      <c r="ER215" s="42"/>
      <c r="ES215" s="42"/>
      <c r="ET215" s="42"/>
      <c r="EU215" s="42"/>
      <c r="EV215" s="42"/>
      <c r="EW215" s="42"/>
      <c r="EX215" s="42"/>
      <c r="EY215" s="42"/>
      <c r="EZ215" s="42"/>
      <c r="FA215" s="42"/>
      <c r="FB215" s="42"/>
      <c r="FC215" s="42"/>
      <c r="FD215" s="42"/>
      <c r="FE215" s="42"/>
      <c r="FF215" s="42"/>
      <c r="FG215" s="42"/>
      <c r="FH215" s="42"/>
      <c r="FI215" s="42"/>
      <c r="FJ215" s="42"/>
      <c r="FK215" s="42"/>
      <c r="FL215" s="42"/>
      <c r="FM215" s="42"/>
      <c r="FN215" s="42"/>
      <c r="FO215" s="42"/>
      <c r="FP215" s="42"/>
      <c r="FQ215" s="42"/>
      <c r="FR215" s="42"/>
      <c r="FS215" s="42"/>
      <c r="FT215" s="42"/>
      <c r="FU215" s="42"/>
      <c r="FV215" s="42"/>
      <c r="FW215" s="42"/>
      <c r="FX215" s="42"/>
      <c r="FY215" s="42"/>
      <c r="FZ215" s="42"/>
      <c r="GA215" s="42"/>
      <c r="GB215" s="42"/>
      <c r="GC215" s="42"/>
      <c r="GD215" s="42"/>
      <c r="GE215" s="42"/>
      <c r="GF215" s="42"/>
      <c r="GG215" s="42"/>
      <c r="GH215" s="42"/>
      <c r="GI215" s="42"/>
      <c r="GJ215" s="42"/>
      <c r="GK215" s="42"/>
      <c r="GL215" s="42"/>
      <c r="GM215" s="42"/>
      <c r="GN215" s="42"/>
      <c r="GO215" s="42"/>
      <c r="GP215" s="42"/>
      <c r="GQ215" s="42"/>
      <c r="GR215" s="42"/>
      <c r="GS215" s="42"/>
      <c r="GT215" s="42"/>
      <c r="GU215" s="42"/>
      <c r="GV215" s="42"/>
      <c r="GW215" s="42"/>
      <c r="GX215" s="42"/>
      <c r="GY215" s="42"/>
      <c r="GZ215" s="42"/>
      <c r="HA215" s="42"/>
      <c r="HB215" s="42"/>
      <c r="HC215" s="42"/>
      <c r="HD215" s="42"/>
      <c r="HE215" s="42"/>
      <c r="HF215" s="42"/>
      <c r="HG215" s="42"/>
      <c r="HH215" s="42"/>
      <c r="HI215" s="42"/>
      <c r="HJ215" s="42"/>
      <c r="HK215" s="42"/>
      <c r="HL215" s="42"/>
      <c r="HM215" s="42"/>
      <c r="HN215" s="42"/>
      <c r="HO215" s="42"/>
      <c r="HP215" s="42"/>
      <c r="HQ215" s="42"/>
      <c r="HR215" s="42"/>
      <c r="HS215" s="42"/>
      <c r="HT215" s="42"/>
      <c r="HU215" s="42"/>
      <c r="HV215" s="42"/>
      <c r="HW215" s="42"/>
      <c r="HX215" s="42"/>
      <c r="HY215" s="42"/>
      <c r="HZ215" s="42"/>
      <c r="IA215" s="42"/>
      <c r="IB215" s="42"/>
      <c r="IC215" s="42"/>
      <c r="ID215" s="42"/>
      <c r="IE215" s="42"/>
      <c r="IF215" s="42"/>
      <c r="IG215" s="42"/>
      <c r="IH215" s="42"/>
      <c r="II215" s="42"/>
      <c r="IJ215" s="42"/>
      <c r="IK215" s="42"/>
      <c r="IL215" s="42"/>
      <c r="IM215" s="42"/>
      <c r="IN215" s="42"/>
      <c r="IO215" s="42"/>
      <c r="IP215" s="42"/>
      <c r="IQ215" s="42"/>
      <c r="IR215" s="42"/>
      <c r="IS215" s="42"/>
      <c r="IT215" s="42"/>
      <c r="IU215" s="42"/>
      <c r="IV215" s="42"/>
      <c r="IW215" s="42"/>
      <c r="IX215" s="42"/>
    </row>
    <row r="216" spans="1:258" s="67" customFormat="1" ht="70.2" customHeight="1">
      <c r="A216" s="534"/>
      <c r="B216" s="535"/>
      <c r="C216" s="535"/>
      <c r="D216" s="535"/>
      <c r="E216" s="535"/>
      <c r="F216" s="535"/>
      <c r="G216" s="535"/>
      <c r="H216" s="535"/>
      <c r="I216" s="536"/>
      <c r="J216" s="598" t="s">
        <v>161</v>
      </c>
      <c r="K216" s="638"/>
      <c r="L216" s="108" t="s">
        <v>154</v>
      </c>
      <c r="M216" s="449"/>
      <c r="N216" s="537"/>
      <c r="O216" s="537"/>
      <c r="P216" s="538"/>
      <c r="Q216" s="134"/>
      <c r="R216" s="133"/>
      <c r="S216" s="39"/>
      <c r="T216" s="40"/>
      <c r="U216" s="41"/>
      <c r="V216" s="41"/>
      <c r="W216" s="41"/>
      <c r="X216" s="41"/>
      <c r="Y216" s="41"/>
      <c r="Z216" s="41"/>
      <c r="AA216" s="41"/>
      <c r="AB216" s="41"/>
      <c r="AC216" s="41"/>
      <c r="AD216" s="41"/>
      <c r="AE216" s="41"/>
      <c r="AF216" s="41"/>
      <c r="AG216" s="41"/>
      <c r="AH216" s="41"/>
      <c r="AI216" s="41"/>
      <c r="AJ216" s="41"/>
      <c r="AK216" s="41"/>
      <c r="AL216" s="41"/>
      <c r="AM216" s="41"/>
      <c r="AN216" s="41"/>
      <c r="AO216" s="41"/>
      <c r="AP216" s="41"/>
      <c r="AQ216" s="41"/>
      <c r="AR216" s="41"/>
      <c r="AS216" s="41"/>
      <c r="AT216" s="41"/>
      <c r="AU216" s="41"/>
      <c r="AV216" s="41"/>
      <c r="AW216" s="41"/>
      <c r="AX216" s="41"/>
      <c r="AY216" s="41"/>
      <c r="AZ216" s="41"/>
      <c r="BA216" s="41"/>
      <c r="BB216" s="41"/>
      <c r="BC216" s="41"/>
      <c r="BD216" s="41"/>
      <c r="BE216" s="42"/>
      <c r="BF216" s="42"/>
      <c r="BG216" s="42"/>
      <c r="BH216" s="42"/>
      <c r="BI216" s="42"/>
      <c r="BJ216" s="42"/>
      <c r="BK216" s="42"/>
      <c r="BL216" s="42"/>
      <c r="BM216" s="42"/>
      <c r="BN216" s="42"/>
      <c r="BO216" s="42"/>
      <c r="BP216" s="42"/>
      <c r="BQ216" s="42"/>
      <c r="BR216" s="42"/>
      <c r="BS216" s="42"/>
      <c r="BT216" s="42"/>
      <c r="BU216" s="42"/>
      <c r="BV216" s="42"/>
      <c r="BW216" s="42"/>
      <c r="BX216" s="42"/>
      <c r="BY216" s="42"/>
      <c r="BZ216" s="42"/>
      <c r="CA216" s="42"/>
      <c r="CB216" s="42"/>
      <c r="CC216" s="42"/>
      <c r="CD216" s="42"/>
      <c r="CE216" s="42"/>
      <c r="CF216" s="42"/>
      <c r="CG216" s="42"/>
      <c r="CH216" s="42"/>
      <c r="CI216" s="42"/>
      <c r="CJ216" s="42"/>
      <c r="CK216" s="42"/>
      <c r="CL216" s="42"/>
      <c r="CM216" s="42"/>
      <c r="CN216" s="42"/>
      <c r="CO216" s="42"/>
      <c r="CP216" s="42"/>
      <c r="CQ216" s="42"/>
      <c r="CR216" s="42"/>
      <c r="CS216" s="42"/>
      <c r="CT216" s="42"/>
      <c r="CU216" s="42"/>
      <c r="CV216" s="42"/>
      <c r="CW216" s="42"/>
      <c r="CX216" s="42"/>
      <c r="CY216" s="42"/>
      <c r="CZ216" s="42"/>
      <c r="DA216" s="42"/>
      <c r="DB216" s="42"/>
      <c r="DC216" s="42"/>
      <c r="DD216" s="42"/>
      <c r="DE216" s="42"/>
      <c r="DF216" s="42"/>
      <c r="DG216" s="42"/>
      <c r="DH216" s="42"/>
      <c r="DI216" s="42"/>
      <c r="DJ216" s="42"/>
      <c r="DK216" s="42"/>
      <c r="DL216" s="42"/>
      <c r="DM216" s="42"/>
      <c r="DN216" s="42"/>
      <c r="DO216" s="42"/>
      <c r="DP216" s="42"/>
      <c r="DQ216" s="42"/>
      <c r="DR216" s="42"/>
      <c r="DS216" s="42"/>
      <c r="DT216" s="42"/>
      <c r="DU216" s="42"/>
      <c r="DV216" s="42"/>
      <c r="DW216" s="42"/>
      <c r="DX216" s="42"/>
      <c r="DY216" s="42"/>
      <c r="DZ216" s="42"/>
      <c r="EA216" s="42"/>
      <c r="EB216" s="42"/>
      <c r="EC216" s="42"/>
      <c r="ED216" s="42"/>
      <c r="EE216" s="42"/>
      <c r="EF216" s="42"/>
      <c r="EG216" s="42"/>
      <c r="EH216" s="42"/>
      <c r="EI216" s="42"/>
      <c r="EJ216" s="42"/>
      <c r="EK216" s="42"/>
      <c r="EL216" s="42"/>
      <c r="EM216" s="42"/>
      <c r="EN216" s="42"/>
      <c r="EO216" s="42"/>
      <c r="EP216" s="42"/>
      <c r="EQ216" s="42"/>
      <c r="ER216" s="42"/>
      <c r="ES216" s="42"/>
      <c r="ET216" s="42"/>
      <c r="EU216" s="42"/>
      <c r="EV216" s="42"/>
      <c r="EW216" s="42"/>
      <c r="EX216" s="42"/>
      <c r="EY216" s="42"/>
      <c r="EZ216" s="42"/>
      <c r="FA216" s="42"/>
      <c r="FB216" s="42"/>
      <c r="FC216" s="42"/>
      <c r="FD216" s="42"/>
      <c r="FE216" s="42"/>
      <c r="FF216" s="42"/>
      <c r="FG216" s="42"/>
      <c r="FH216" s="42"/>
      <c r="FI216" s="42"/>
      <c r="FJ216" s="42"/>
      <c r="FK216" s="42"/>
      <c r="FL216" s="42"/>
      <c r="FM216" s="42"/>
      <c r="FN216" s="42"/>
      <c r="FO216" s="42"/>
      <c r="FP216" s="42"/>
      <c r="FQ216" s="42"/>
      <c r="FR216" s="42"/>
      <c r="FS216" s="42"/>
      <c r="FT216" s="42"/>
      <c r="FU216" s="42"/>
      <c r="FV216" s="42"/>
      <c r="FW216" s="42"/>
      <c r="FX216" s="42"/>
      <c r="FY216" s="42"/>
      <c r="FZ216" s="42"/>
      <c r="GA216" s="42"/>
      <c r="GB216" s="42"/>
      <c r="GC216" s="42"/>
      <c r="GD216" s="42"/>
      <c r="GE216" s="42"/>
      <c r="GF216" s="42"/>
      <c r="GG216" s="42"/>
      <c r="GH216" s="42"/>
      <c r="GI216" s="42"/>
      <c r="GJ216" s="42"/>
      <c r="GK216" s="42"/>
      <c r="GL216" s="42"/>
      <c r="GM216" s="42"/>
      <c r="GN216" s="42"/>
      <c r="GO216" s="42"/>
      <c r="GP216" s="42"/>
      <c r="GQ216" s="42"/>
      <c r="GR216" s="42"/>
      <c r="GS216" s="42"/>
      <c r="GT216" s="42"/>
      <c r="GU216" s="42"/>
      <c r="GV216" s="42"/>
      <c r="GW216" s="42"/>
      <c r="GX216" s="42"/>
      <c r="GY216" s="42"/>
      <c r="GZ216" s="42"/>
      <c r="HA216" s="42"/>
      <c r="HB216" s="42"/>
      <c r="HC216" s="42"/>
      <c r="HD216" s="42"/>
      <c r="HE216" s="42"/>
      <c r="HF216" s="42"/>
      <c r="HG216" s="42"/>
      <c r="HH216" s="42"/>
      <c r="HI216" s="42"/>
      <c r="HJ216" s="42"/>
      <c r="HK216" s="42"/>
      <c r="HL216" s="42"/>
      <c r="HM216" s="42"/>
      <c r="HN216" s="42"/>
      <c r="HO216" s="42"/>
      <c r="HP216" s="42"/>
      <c r="HQ216" s="42"/>
      <c r="HR216" s="42"/>
      <c r="HS216" s="42"/>
      <c r="HT216" s="42"/>
      <c r="HU216" s="42"/>
      <c r="HV216" s="42"/>
      <c r="HW216" s="42"/>
      <c r="HX216" s="42"/>
      <c r="HY216" s="42"/>
      <c r="HZ216" s="42"/>
      <c r="IA216" s="42"/>
      <c r="IB216" s="42"/>
      <c r="IC216" s="42"/>
      <c r="ID216" s="42"/>
      <c r="IE216" s="42"/>
      <c r="IF216" s="42"/>
      <c r="IG216" s="42"/>
      <c r="IH216" s="42"/>
      <c r="II216" s="42"/>
      <c r="IJ216" s="42"/>
      <c r="IK216" s="42"/>
      <c r="IL216" s="42"/>
      <c r="IM216" s="42"/>
      <c r="IN216" s="42"/>
      <c r="IO216" s="42"/>
      <c r="IP216" s="42"/>
      <c r="IQ216" s="42"/>
      <c r="IR216" s="42"/>
      <c r="IS216" s="42"/>
      <c r="IT216" s="42"/>
      <c r="IU216" s="42"/>
      <c r="IV216" s="42"/>
      <c r="IW216" s="42"/>
      <c r="IX216" s="42"/>
    </row>
    <row r="217" spans="1:258" s="67" customFormat="1" ht="70.2" customHeight="1">
      <c r="A217" s="528" t="s">
        <v>157</v>
      </c>
      <c r="B217" s="529"/>
      <c r="C217" s="529"/>
      <c r="D217" s="529"/>
      <c r="E217" s="529"/>
      <c r="F217" s="529"/>
      <c r="G217" s="529"/>
      <c r="H217" s="529"/>
      <c r="I217" s="530"/>
      <c r="J217" s="109" t="s">
        <v>158</v>
      </c>
      <c r="K217" s="449" t="s">
        <v>159</v>
      </c>
      <c r="L217" s="537"/>
      <c r="M217" s="537"/>
      <c r="N217" s="537"/>
      <c r="O217" s="537"/>
      <c r="P217" s="538"/>
      <c r="Q217" s="134"/>
      <c r="R217" s="133"/>
      <c r="S217" s="39"/>
      <c r="T217" s="40"/>
      <c r="U217" s="41"/>
      <c r="V217" s="41"/>
      <c r="W217" s="41"/>
      <c r="X217" s="41"/>
      <c r="Y217" s="41"/>
      <c r="Z217" s="41"/>
      <c r="AA217" s="41"/>
      <c r="AB217" s="41"/>
      <c r="AC217" s="41"/>
      <c r="AD217" s="41"/>
      <c r="AE217" s="41"/>
      <c r="AF217" s="41"/>
      <c r="AG217" s="41"/>
      <c r="AH217" s="41"/>
      <c r="AI217" s="41"/>
      <c r="AJ217" s="41"/>
      <c r="AK217" s="41"/>
      <c r="AL217" s="41"/>
      <c r="AM217" s="41"/>
      <c r="AN217" s="41"/>
      <c r="AO217" s="41"/>
      <c r="AP217" s="41"/>
      <c r="AQ217" s="41"/>
      <c r="AR217" s="41"/>
      <c r="AS217" s="41"/>
      <c r="AT217" s="41"/>
      <c r="AU217" s="41"/>
      <c r="AV217" s="41"/>
      <c r="AW217" s="41"/>
      <c r="AX217" s="41"/>
      <c r="AY217" s="41"/>
      <c r="AZ217" s="41"/>
      <c r="BA217" s="41"/>
      <c r="BB217" s="41"/>
      <c r="BC217" s="41"/>
      <c r="BD217" s="41"/>
      <c r="BE217" s="42"/>
      <c r="BF217" s="42"/>
      <c r="BG217" s="42"/>
      <c r="BH217" s="42"/>
      <c r="BI217" s="42"/>
      <c r="BJ217" s="42"/>
      <c r="BK217" s="42"/>
      <c r="BL217" s="42"/>
      <c r="BM217" s="42"/>
      <c r="BN217" s="42"/>
      <c r="BO217" s="42"/>
      <c r="BP217" s="42"/>
      <c r="BQ217" s="42"/>
      <c r="BR217" s="42"/>
      <c r="BS217" s="42"/>
      <c r="BT217" s="42"/>
      <c r="BU217" s="42"/>
      <c r="BV217" s="42"/>
      <c r="BW217" s="42"/>
      <c r="BX217" s="42"/>
      <c r="BY217" s="42"/>
      <c r="BZ217" s="42"/>
      <c r="CA217" s="42"/>
      <c r="CB217" s="42"/>
      <c r="CC217" s="42"/>
      <c r="CD217" s="42"/>
      <c r="CE217" s="42"/>
      <c r="CF217" s="42"/>
      <c r="CG217" s="42"/>
      <c r="CH217" s="42"/>
      <c r="CI217" s="42"/>
      <c r="CJ217" s="42"/>
      <c r="CK217" s="42"/>
      <c r="CL217" s="42"/>
      <c r="CM217" s="42"/>
      <c r="CN217" s="42"/>
      <c r="CO217" s="42"/>
      <c r="CP217" s="42"/>
      <c r="CQ217" s="42"/>
      <c r="CR217" s="42"/>
      <c r="CS217" s="42"/>
      <c r="CT217" s="42"/>
      <c r="CU217" s="42"/>
      <c r="CV217" s="42"/>
      <c r="CW217" s="42"/>
      <c r="CX217" s="42"/>
      <c r="CY217" s="42"/>
      <c r="CZ217" s="42"/>
      <c r="DA217" s="42"/>
      <c r="DB217" s="42"/>
      <c r="DC217" s="42"/>
      <c r="DD217" s="42"/>
      <c r="DE217" s="42"/>
      <c r="DF217" s="42"/>
      <c r="DG217" s="42"/>
      <c r="DH217" s="42"/>
      <c r="DI217" s="42"/>
      <c r="DJ217" s="42"/>
      <c r="DK217" s="42"/>
      <c r="DL217" s="42"/>
      <c r="DM217" s="42"/>
      <c r="DN217" s="42"/>
      <c r="DO217" s="42"/>
      <c r="DP217" s="42"/>
      <c r="DQ217" s="42"/>
      <c r="DR217" s="42"/>
      <c r="DS217" s="42"/>
      <c r="DT217" s="42"/>
      <c r="DU217" s="42"/>
      <c r="DV217" s="42"/>
      <c r="DW217" s="42"/>
      <c r="DX217" s="42"/>
      <c r="DY217" s="42"/>
      <c r="DZ217" s="42"/>
      <c r="EA217" s="42"/>
      <c r="EB217" s="42"/>
      <c r="EC217" s="42"/>
      <c r="ED217" s="42"/>
      <c r="EE217" s="42"/>
      <c r="EF217" s="42"/>
      <c r="EG217" s="42"/>
      <c r="EH217" s="42"/>
      <c r="EI217" s="42"/>
      <c r="EJ217" s="42"/>
      <c r="EK217" s="42"/>
      <c r="EL217" s="42"/>
      <c r="EM217" s="42"/>
      <c r="EN217" s="42"/>
      <c r="EO217" s="42"/>
      <c r="EP217" s="42"/>
      <c r="EQ217" s="42"/>
      <c r="ER217" s="42"/>
      <c r="ES217" s="42"/>
      <c r="ET217" s="42"/>
      <c r="EU217" s="42"/>
      <c r="EV217" s="42"/>
      <c r="EW217" s="42"/>
      <c r="EX217" s="42"/>
      <c r="EY217" s="42"/>
      <c r="EZ217" s="42"/>
      <c r="FA217" s="42"/>
      <c r="FB217" s="42"/>
      <c r="FC217" s="42"/>
      <c r="FD217" s="42"/>
      <c r="FE217" s="42"/>
      <c r="FF217" s="42"/>
      <c r="FG217" s="42"/>
      <c r="FH217" s="42"/>
      <c r="FI217" s="42"/>
      <c r="FJ217" s="42"/>
      <c r="FK217" s="42"/>
      <c r="FL217" s="42"/>
      <c r="FM217" s="42"/>
      <c r="FN217" s="42"/>
      <c r="FO217" s="42"/>
      <c r="FP217" s="42"/>
      <c r="FQ217" s="42"/>
      <c r="FR217" s="42"/>
      <c r="FS217" s="42"/>
      <c r="FT217" s="42"/>
      <c r="FU217" s="42"/>
      <c r="FV217" s="42"/>
      <c r="FW217" s="42"/>
      <c r="FX217" s="42"/>
      <c r="FY217" s="42"/>
      <c r="FZ217" s="42"/>
      <c r="GA217" s="42"/>
      <c r="GB217" s="42"/>
      <c r="GC217" s="42"/>
      <c r="GD217" s="42"/>
      <c r="GE217" s="42"/>
      <c r="GF217" s="42"/>
      <c r="GG217" s="42"/>
      <c r="GH217" s="42"/>
      <c r="GI217" s="42"/>
      <c r="GJ217" s="42"/>
      <c r="GK217" s="42"/>
      <c r="GL217" s="42"/>
      <c r="GM217" s="42"/>
      <c r="GN217" s="42"/>
      <c r="GO217" s="42"/>
      <c r="GP217" s="42"/>
      <c r="GQ217" s="42"/>
      <c r="GR217" s="42"/>
      <c r="GS217" s="42"/>
      <c r="GT217" s="42"/>
      <c r="GU217" s="42"/>
      <c r="GV217" s="42"/>
      <c r="GW217" s="42"/>
      <c r="GX217" s="42"/>
      <c r="GY217" s="42"/>
      <c r="GZ217" s="42"/>
      <c r="HA217" s="42"/>
      <c r="HB217" s="42"/>
      <c r="HC217" s="42"/>
      <c r="HD217" s="42"/>
      <c r="HE217" s="42"/>
      <c r="HF217" s="42"/>
      <c r="HG217" s="42"/>
      <c r="HH217" s="42"/>
      <c r="HI217" s="42"/>
      <c r="HJ217" s="42"/>
      <c r="HK217" s="42"/>
      <c r="HL217" s="42"/>
      <c r="HM217" s="42"/>
      <c r="HN217" s="42"/>
      <c r="HO217" s="42"/>
      <c r="HP217" s="42"/>
      <c r="HQ217" s="42"/>
      <c r="HR217" s="42"/>
      <c r="HS217" s="42"/>
      <c r="HT217" s="42"/>
      <c r="HU217" s="42"/>
      <c r="HV217" s="42"/>
      <c r="HW217" s="42"/>
      <c r="HX217" s="42"/>
      <c r="HY217" s="42"/>
      <c r="HZ217" s="42"/>
      <c r="IA217" s="42"/>
      <c r="IB217" s="42"/>
      <c r="IC217" s="42"/>
      <c r="ID217" s="42"/>
      <c r="IE217" s="42"/>
      <c r="IF217" s="42"/>
      <c r="IG217" s="42"/>
      <c r="IH217" s="42"/>
      <c r="II217" s="42"/>
      <c r="IJ217" s="42"/>
      <c r="IK217" s="42"/>
      <c r="IL217" s="42"/>
      <c r="IM217" s="42"/>
      <c r="IN217" s="42"/>
      <c r="IO217" s="42"/>
      <c r="IP217" s="42"/>
      <c r="IQ217" s="42"/>
      <c r="IR217" s="42"/>
      <c r="IS217" s="42"/>
      <c r="IT217" s="42"/>
      <c r="IU217" s="42"/>
      <c r="IV217" s="42"/>
      <c r="IW217" s="42"/>
      <c r="IX217" s="42"/>
    </row>
    <row r="218" spans="1:258" s="67" customFormat="1" ht="70.2" customHeight="1">
      <c r="A218" s="531"/>
      <c r="B218" s="532"/>
      <c r="C218" s="532"/>
      <c r="D218" s="532"/>
      <c r="E218" s="532"/>
      <c r="F218" s="532"/>
      <c r="G218" s="532"/>
      <c r="H218" s="532"/>
      <c r="I218" s="533"/>
      <c r="J218" s="449" t="s">
        <v>160</v>
      </c>
      <c r="K218" s="537"/>
      <c r="L218" s="537"/>
      <c r="M218" s="537"/>
      <c r="N218" s="537"/>
      <c r="O218" s="537"/>
      <c r="P218" s="538"/>
      <c r="Q218" s="134"/>
      <c r="R218" s="133"/>
      <c r="S218" s="39"/>
      <c r="T218" s="40"/>
      <c r="U218" s="41"/>
      <c r="V218" s="41"/>
      <c r="W218" s="41"/>
      <c r="X218" s="41"/>
      <c r="Y218" s="41"/>
      <c r="Z218" s="41"/>
      <c r="AA218" s="41"/>
      <c r="AB218" s="41"/>
      <c r="AC218" s="41"/>
      <c r="AD218" s="41"/>
      <c r="AE218" s="41"/>
      <c r="AF218" s="41"/>
      <c r="AG218" s="41"/>
      <c r="AH218" s="41"/>
      <c r="AI218" s="41"/>
      <c r="AJ218" s="41"/>
      <c r="AK218" s="41"/>
      <c r="AL218" s="41"/>
      <c r="AM218" s="41"/>
      <c r="AN218" s="41"/>
      <c r="AO218" s="41"/>
      <c r="AP218" s="41"/>
      <c r="AQ218" s="41"/>
      <c r="AR218" s="41"/>
      <c r="AS218" s="41"/>
      <c r="AT218" s="41"/>
      <c r="AU218" s="41"/>
      <c r="AV218" s="41"/>
      <c r="AW218" s="41"/>
      <c r="AX218" s="41"/>
      <c r="AY218" s="41"/>
      <c r="AZ218" s="41"/>
      <c r="BA218" s="41"/>
      <c r="BB218" s="41"/>
      <c r="BC218" s="41"/>
      <c r="BD218" s="41"/>
      <c r="BE218" s="42"/>
      <c r="BF218" s="42"/>
      <c r="BG218" s="42"/>
      <c r="BH218" s="42"/>
      <c r="BI218" s="42"/>
      <c r="BJ218" s="42"/>
      <c r="BK218" s="42"/>
      <c r="BL218" s="42"/>
      <c r="BM218" s="42"/>
      <c r="BN218" s="42"/>
      <c r="BO218" s="42"/>
      <c r="BP218" s="42"/>
      <c r="BQ218" s="42"/>
      <c r="BR218" s="42"/>
      <c r="BS218" s="42"/>
      <c r="BT218" s="42"/>
      <c r="BU218" s="42"/>
      <c r="BV218" s="42"/>
      <c r="BW218" s="42"/>
      <c r="BX218" s="42"/>
      <c r="BY218" s="42"/>
      <c r="BZ218" s="42"/>
      <c r="CA218" s="42"/>
      <c r="CB218" s="42"/>
      <c r="CC218" s="42"/>
      <c r="CD218" s="42"/>
      <c r="CE218" s="42"/>
      <c r="CF218" s="42"/>
      <c r="CG218" s="42"/>
      <c r="CH218" s="42"/>
      <c r="CI218" s="42"/>
      <c r="CJ218" s="42"/>
      <c r="CK218" s="42"/>
      <c r="CL218" s="42"/>
      <c r="CM218" s="42"/>
      <c r="CN218" s="42"/>
      <c r="CO218" s="42"/>
      <c r="CP218" s="42"/>
      <c r="CQ218" s="42"/>
      <c r="CR218" s="42"/>
      <c r="CS218" s="42"/>
      <c r="CT218" s="42"/>
      <c r="CU218" s="42"/>
      <c r="CV218" s="42"/>
      <c r="CW218" s="42"/>
      <c r="CX218" s="42"/>
      <c r="CY218" s="42"/>
      <c r="CZ218" s="42"/>
      <c r="DA218" s="42"/>
      <c r="DB218" s="42"/>
      <c r="DC218" s="42"/>
      <c r="DD218" s="42"/>
      <c r="DE218" s="42"/>
      <c r="DF218" s="42"/>
      <c r="DG218" s="42"/>
      <c r="DH218" s="42"/>
      <c r="DI218" s="42"/>
      <c r="DJ218" s="42"/>
      <c r="DK218" s="42"/>
      <c r="DL218" s="42"/>
      <c r="DM218" s="42"/>
      <c r="DN218" s="42"/>
      <c r="DO218" s="42"/>
      <c r="DP218" s="42"/>
      <c r="DQ218" s="42"/>
      <c r="DR218" s="42"/>
      <c r="DS218" s="42"/>
      <c r="DT218" s="42"/>
      <c r="DU218" s="42"/>
      <c r="DV218" s="42"/>
      <c r="DW218" s="42"/>
      <c r="DX218" s="42"/>
      <c r="DY218" s="42"/>
      <c r="DZ218" s="42"/>
      <c r="EA218" s="42"/>
      <c r="EB218" s="42"/>
      <c r="EC218" s="42"/>
      <c r="ED218" s="42"/>
      <c r="EE218" s="42"/>
      <c r="EF218" s="42"/>
      <c r="EG218" s="42"/>
      <c r="EH218" s="42"/>
      <c r="EI218" s="42"/>
      <c r="EJ218" s="42"/>
      <c r="EK218" s="42"/>
      <c r="EL218" s="42"/>
      <c r="EM218" s="42"/>
      <c r="EN218" s="42"/>
      <c r="EO218" s="42"/>
      <c r="EP218" s="42"/>
      <c r="EQ218" s="42"/>
      <c r="ER218" s="42"/>
      <c r="ES218" s="42"/>
      <c r="ET218" s="42"/>
      <c r="EU218" s="42"/>
      <c r="EV218" s="42"/>
      <c r="EW218" s="42"/>
      <c r="EX218" s="42"/>
      <c r="EY218" s="42"/>
      <c r="EZ218" s="42"/>
      <c r="FA218" s="42"/>
      <c r="FB218" s="42"/>
      <c r="FC218" s="42"/>
      <c r="FD218" s="42"/>
      <c r="FE218" s="42"/>
      <c r="FF218" s="42"/>
      <c r="FG218" s="42"/>
      <c r="FH218" s="42"/>
      <c r="FI218" s="42"/>
      <c r="FJ218" s="42"/>
      <c r="FK218" s="42"/>
      <c r="FL218" s="42"/>
      <c r="FM218" s="42"/>
      <c r="FN218" s="42"/>
      <c r="FO218" s="42"/>
      <c r="FP218" s="42"/>
      <c r="FQ218" s="42"/>
      <c r="FR218" s="42"/>
      <c r="FS218" s="42"/>
      <c r="FT218" s="42"/>
      <c r="FU218" s="42"/>
      <c r="FV218" s="42"/>
      <c r="FW218" s="42"/>
      <c r="FX218" s="42"/>
      <c r="FY218" s="42"/>
      <c r="FZ218" s="42"/>
      <c r="GA218" s="42"/>
      <c r="GB218" s="42"/>
      <c r="GC218" s="42"/>
      <c r="GD218" s="42"/>
      <c r="GE218" s="42"/>
      <c r="GF218" s="42"/>
      <c r="GG218" s="42"/>
      <c r="GH218" s="42"/>
      <c r="GI218" s="42"/>
      <c r="GJ218" s="42"/>
      <c r="GK218" s="42"/>
      <c r="GL218" s="42"/>
      <c r="GM218" s="42"/>
      <c r="GN218" s="42"/>
      <c r="GO218" s="42"/>
      <c r="GP218" s="42"/>
      <c r="GQ218" s="42"/>
      <c r="GR218" s="42"/>
      <c r="GS218" s="42"/>
      <c r="GT218" s="42"/>
      <c r="GU218" s="42"/>
      <c r="GV218" s="42"/>
      <c r="GW218" s="42"/>
      <c r="GX218" s="42"/>
      <c r="GY218" s="42"/>
      <c r="GZ218" s="42"/>
      <c r="HA218" s="42"/>
      <c r="HB218" s="42"/>
      <c r="HC218" s="42"/>
      <c r="HD218" s="42"/>
      <c r="HE218" s="42"/>
      <c r="HF218" s="42"/>
      <c r="HG218" s="42"/>
      <c r="HH218" s="42"/>
      <c r="HI218" s="42"/>
      <c r="HJ218" s="42"/>
      <c r="HK218" s="42"/>
      <c r="HL218" s="42"/>
      <c r="HM218" s="42"/>
      <c r="HN218" s="42"/>
      <c r="HO218" s="42"/>
      <c r="HP218" s="42"/>
      <c r="HQ218" s="42"/>
      <c r="HR218" s="42"/>
      <c r="HS218" s="42"/>
      <c r="HT218" s="42"/>
      <c r="HU218" s="42"/>
      <c r="HV218" s="42"/>
      <c r="HW218" s="42"/>
      <c r="HX218" s="42"/>
      <c r="HY218" s="42"/>
      <c r="HZ218" s="42"/>
      <c r="IA218" s="42"/>
      <c r="IB218" s="42"/>
      <c r="IC218" s="42"/>
      <c r="ID218" s="42"/>
      <c r="IE218" s="42"/>
      <c r="IF218" s="42"/>
      <c r="IG218" s="42"/>
      <c r="IH218" s="42"/>
      <c r="II218" s="42"/>
      <c r="IJ218" s="42"/>
      <c r="IK218" s="42"/>
      <c r="IL218" s="42"/>
      <c r="IM218" s="42"/>
      <c r="IN218" s="42"/>
      <c r="IO218" s="42"/>
      <c r="IP218" s="42"/>
      <c r="IQ218" s="42"/>
      <c r="IR218" s="42"/>
      <c r="IS218" s="42"/>
      <c r="IT218" s="42"/>
      <c r="IU218" s="42"/>
      <c r="IV218" s="42"/>
      <c r="IW218" s="42"/>
      <c r="IX218" s="42"/>
    </row>
    <row r="219" spans="1:258" s="67" customFormat="1" ht="70.2" customHeight="1">
      <c r="A219" s="534"/>
      <c r="B219" s="535"/>
      <c r="C219" s="535"/>
      <c r="D219" s="535"/>
      <c r="E219" s="535"/>
      <c r="F219" s="535"/>
      <c r="G219" s="535"/>
      <c r="H219" s="535"/>
      <c r="I219" s="536"/>
      <c r="J219" s="598" t="s">
        <v>161</v>
      </c>
      <c r="K219" s="638"/>
      <c r="L219" s="108" t="s">
        <v>154</v>
      </c>
      <c r="M219" s="449"/>
      <c r="N219" s="537"/>
      <c r="O219" s="537"/>
      <c r="P219" s="538"/>
      <c r="Q219" s="134"/>
      <c r="R219" s="133"/>
      <c r="S219" s="39"/>
      <c r="T219" s="40"/>
      <c r="U219" s="41"/>
      <c r="V219" s="41"/>
      <c r="W219" s="41"/>
      <c r="X219" s="41"/>
      <c r="Y219" s="41"/>
      <c r="Z219" s="41"/>
      <c r="AA219" s="41"/>
      <c r="AB219" s="41"/>
      <c r="AC219" s="41"/>
      <c r="AD219" s="41"/>
      <c r="AE219" s="41"/>
      <c r="AF219" s="41"/>
      <c r="AG219" s="41"/>
      <c r="AH219" s="41"/>
      <c r="AI219" s="41"/>
      <c r="AJ219" s="41"/>
      <c r="AK219" s="41"/>
      <c r="AL219" s="41"/>
      <c r="AM219" s="41"/>
      <c r="AN219" s="41"/>
      <c r="AO219" s="41"/>
      <c r="AP219" s="41"/>
      <c r="AQ219" s="41"/>
      <c r="AR219" s="41"/>
      <c r="AS219" s="41"/>
      <c r="AT219" s="41"/>
      <c r="AU219" s="41"/>
      <c r="AV219" s="41"/>
      <c r="AW219" s="41"/>
      <c r="AX219" s="41"/>
      <c r="AY219" s="41"/>
      <c r="AZ219" s="41"/>
      <c r="BA219" s="41"/>
      <c r="BB219" s="41"/>
      <c r="BC219" s="41"/>
      <c r="BD219" s="41"/>
      <c r="BE219" s="42"/>
      <c r="BF219" s="42"/>
      <c r="BG219" s="42"/>
      <c r="BH219" s="42"/>
      <c r="BI219" s="42"/>
      <c r="BJ219" s="42"/>
      <c r="BK219" s="42"/>
      <c r="BL219" s="42"/>
      <c r="BM219" s="42"/>
      <c r="BN219" s="42"/>
      <c r="BO219" s="42"/>
      <c r="BP219" s="42"/>
      <c r="BQ219" s="42"/>
      <c r="BR219" s="42"/>
      <c r="BS219" s="42"/>
      <c r="BT219" s="42"/>
      <c r="BU219" s="42"/>
      <c r="BV219" s="42"/>
      <c r="BW219" s="42"/>
      <c r="BX219" s="42"/>
      <c r="BY219" s="42"/>
      <c r="BZ219" s="42"/>
      <c r="CA219" s="42"/>
      <c r="CB219" s="42"/>
      <c r="CC219" s="42"/>
      <c r="CD219" s="42"/>
      <c r="CE219" s="42"/>
      <c r="CF219" s="42"/>
      <c r="CG219" s="42"/>
      <c r="CH219" s="42"/>
      <c r="CI219" s="42"/>
      <c r="CJ219" s="42"/>
      <c r="CK219" s="42"/>
      <c r="CL219" s="42"/>
      <c r="CM219" s="42"/>
      <c r="CN219" s="42"/>
      <c r="CO219" s="42"/>
      <c r="CP219" s="42"/>
      <c r="CQ219" s="42"/>
      <c r="CR219" s="42"/>
      <c r="CS219" s="42"/>
      <c r="CT219" s="42"/>
      <c r="CU219" s="42"/>
      <c r="CV219" s="42"/>
      <c r="CW219" s="42"/>
      <c r="CX219" s="42"/>
      <c r="CY219" s="42"/>
      <c r="CZ219" s="42"/>
      <c r="DA219" s="42"/>
      <c r="DB219" s="42"/>
      <c r="DC219" s="42"/>
      <c r="DD219" s="42"/>
      <c r="DE219" s="42"/>
      <c r="DF219" s="42"/>
      <c r="DG219" s="42"/>
      <c r="DH219" s="42"/>
      <c r="DI219" s="42"/>
      <c r="DJ219" s="42"/>
      <c r="DK219" s="42"/>
      <c r="DL219" s="42"/>
      <c r="DM219" s="42"/>
      <c r="DN219" s="42"/>
      <c r="DO219" s="42"/>
      <c r="DP219" s="42"/>
      <c r="DQ219" s="42"/>
      <c r="DR219" s="42"/>
      <c r="DS219" s="42"/>
      <c r="DT219" s="42"/>
      <c r="DU219" s="42"/>
      <c r="DV219" s="42"/>
      <c r="DW219" s="42"/>
      <c r="DX219" s="42"/>
      <c r="DY219" s="42"/>
      <c r="DZ219" s="42"/>
      <c r="EA219" s="42"/>
      <c r="EB219" s="42"/>
      <c r="EC219" s="42"/>
      <c r="ED219" s="42"/>
      <c r="EE219" s="42"/>
      <c r="EF219" s="42"/>
      <c r="EG219" s="42"/>
      <c r="EH219" s="42"/>
      <c r="EI219" s="42"/>
      <c r="EJ219" s="42"/>
      <c r="EK219" s="42"/>
      <c r="EL219" s="42"/>
      <c r="EM219" s="42"/>
      <c r="EN219" s="42"/>
      <c r="EO219" s="42"/>
      <c r="EP219" s="42"/>
      <c r="EQ219" s="42"/>
      <c r="ER219" s="42"/>
      <c r="ES219" s="42"/>
      <c r="ET219" s="42"/>
      <c r="EU219" s="42"/>
      <c r="EV219" s="42"/>
      <c r="EW219" s="42"/>
      <c r="EX219" s="42"/>
      <c r="EY219" s="42"/>
      <c r="EZ219" s="42"/>
      <c r="FA219" s="42"/>
      <c r="FB219" s="42"/>
      <c r="FC219" s="42"/>
      <c r="FD219" s="42"/>
      <c r="FE219" s="42"/>
      <c r="FF219" s="42"/>
      <c r="FG219" s="42"/>
      <c r="FH219" s="42"/>
      <c r="FI219" s="42"/>
      <c r="FJ219" s="42"/>
      <c r="FK219" s="42"/>
      <c r="FL219" s="42"/>
      <c r="FM219" s="42"/>
      <c r="FN219" s="42"/>
      <c r="FO219" s="42"/>
      <c r="FP219" s="42"/>
      <c r="FQ219" s="42"/>
      <c r="FR219" s="42"/>
      <c r="FS219" s="42"/>
      <c r="FT219" s="42"/>
      <c r="FU219" s="42"/>
      <c r="FV219" s="42"/>
      <c r="FW219" s="42"/>
      <c r="FX219" s="42"/>
      <c r="FY219" s="42"/>
      <c r="FZ219" s="42"/>
      <c r="GA219" s="42"/>
      <c r="GB219" s="42"/>
      <c r="GC219" s="42"/>
      <c r="GD219" s="42"/>
      <c r="GE219" s="42"/>
      <c r="GF219" s="42"/>
      <c r="GG219" s="42"/>
      <c r="GH219" s="42"/>
      <c r="GI219" s="42"/>
      <c r="GJ219" s="42"/>
      <c r="GK219" s="42"/>
      <c r="GL219" s="42"/>
      <c r="GM219" s="42"/>
      <c r="GN219" s="42"/>
      <c r="GO219" s="42"/>
      <c r="GP219" s="42"/>
      <c r="GQ219" s="42"/>
      <c r="GR219" s="42"/>
      <c r="GS219" s="42"/>
      <c r="GT219" s="42"/>
      <c r="GU219" s="42"/>
      <c r="GV219" s="42"/>
      <c r="GW219" s="42"/>
      <c r="GX219" s="42"/>
      <c r="GY219" s="42"/>
      <c r="GZ219" s="42"/>
      <c r="HA219" s="42"/>
      <c r="HB219" s="42"/>
      <c r="HC219" s="42"/>
      <c r="HD219" s="42"/>
      <c r="HE219" s="42"/>
      <c r="HF219" s="42"/>
      <c r="HG219" s="42"/>
      <c r="HH219" s="42"/>
      <c r="HI219" s="42"/>
      <c r="HJ219" s="42"/>
      <c r="HK219" s="42"/>
      <c r="HL219" s="42"/>
      <c r="HM219" s="42"/>
      <c r="HN219" s="42"/>
      <c r="HO219" s="42"/>
      <c r="HP219" s="42"/>
      <c r="HQ219" s="42"/>
      <c r="HR219" s="42"/>
      <c r="HS219" s="42"/>
      <c r="HT219" s="42"/>
      <c r="HU219" s="42"/>
      <c r="HV219" s="42"/>
      <c r="HW219" s="42"/>
      <c r="HX219" s="42"/>
      <c r="HY219" s="42"/>
      <c r="HZ219" s="42"/>
      <c r="IA219" s="42"/>
      <c r="IB219" s="42"/>
      <c r="IC219" s="42"/>
      <c r="ID219" s="42"/>
      <c r="IE219" s="42"/>
      <c r="IF219" s="42"/>
      <c r="IG219" s="42"/>
      <c r="IH219" s="42"/>
      <c r="II219" s="42"/>
      <c r="IJ219" s="42"/>
      <c r="IK219" s="42"/>
      <c r="IL219" s="42"/>
      <c r="IM219" s="42"/>
      <c r="IN219" s="42"/>
      <c r="IO219" s="42"/>
      <c r="IP219" s="42"/>
      <c r="IQ219" s="42"/>
      <c r="IR219" s="42"/>
      <c r="IS219" s="42"/>
      <c r="IT219" s="42"/>
      <c r="IU219" s="42"/>
      <c r="IV219" s="42"/>
      <c r="IW219" s="42"/>
      <c r="IX219" s="42"/>
    </row>
    <row r="220" spans="1:258" s="67" customFormat="1" ht="70.2" customHeight="1">
      <c r="A220" s="528" t="s">
        <v>334</v>
      </c>
      <c r="B220" s="529"/>
      <c r="C220" s="529"/>
      <c r="D220" s="529"/>
      <c r="E220" s="529"/>
      <c r="F220" s="529"/>
      <c r="G220" s="529"/>
      <c r="H220" s="529"/>
      <c r="I220" s="530"/>
      <c r="J220" s="109" t="s">
        <v>158</v>
      </c>
      <c r="K220" s="449" t="s">
        <v>159</v>
      </c>
      <c r="L220" s="537"/>
      <c r="M220" s="537"/>
      <c r="N220" s="537"/>
      <c r="O220" s="537"/>
      <c r="P220" s="538"/>
      <c r="Q220" s="134"/>
      <c r="R220" s="133"/>
      <c r="S220" s="39"/>
      <c r="T220" s="40"/>
      <c r="U220" s="41"/>
      <c r="V220" s="41"/>
      <c r="W220" s="41"/>
      <c r="X220" s="41"/>
      <c r="Y220" s="41"/>
      <c r="Z220" s="41"/>
      <c r="AA220" s="41"/>
      <c r="AB220" s="41"/>
      <c r="AC220" s="41"/>
      <c r="AD220" s="41"/>
      <c r="AE220" s="41"/>
      <c r="AF220" s="41"/>
      <c r="AG220" s="41"/>
      <c r="AH220" s="41"/>
      <c r="AI220" s="41"/>
      <c r="AJ220" s="41"/>
      <c r="AK220" s="41"/>
      <c r="AL220" s="41"/>
      <c r="AM220" s="41"/>
      <c r="AN220" s="41"/>
      <c r="AO220" s="41"/>
      <c r="AP220" s="41"/>
      <c r="AQ220" s="41"/>
      <c r="AR220" s="41"/>
      <c r="AS220" s="41"/>
      <c r="AT220" s="41"/>
      <c r="AU220" s="41"/>
      <c r="AV220" s="41"/>
      <c r="AW220" s="41"/>
      <c r="AX220" s="41"/>
      <c r="AY220" s="41"/>
      <c r="AZ220" s="41"/>
      <c r="BA220" s="41"/>
      <c r="BB220" s="41"/>
      <c r="BC220" s="41"/>
      <c r="BD220" s="41"/>
      <c r="BE220" s="42"/>
      <c r="BF220" s="42"/>
      <c r="BG220" s="42"/>
      <c r="BH220" s="42"/>
      <c r="BI220" s="42"/>
      <c r="BJ220" s="42"/>
      <c r="BK220" s="42"/>
      <c r="BL220" s="42"/>
      <c r="BM220" s="42"/>
      <c r="BN220" s="42"/>
      <c r="BO220" s="42"/>
      <c r="BP220" s="42"/>
      <c r="BQ220" s="42"/>
      <c r="BR220" s="42"/>
      <c r="BS220" s="42"/>
      <c r="BT220" s="42"/>
      <c r="BU220" s="42"/>
      <c r="BV220" s="42"/>
      <c r="BW220" s="42"/>
      <c r="BX220" s="42"/>
      <c r="BY220" s="42"/>
      <c r="BZ220" s="42"/>
      <c r="CA220" s="42"/>
      <c r="CB220" s="42"/>
      <c r="CC220" s="42"/>
      <c r="CD220" s="42"/>
      <c r="CE220" s="42"/>
      <c r="CF220" s="42"/>
      <c r="CG220" s="42"/>
      <c r="CH220" s="42"/>
      <c r="CI220" s="42"/>
      <c r="CJ220" s="42"/>
      <c r="CK220" s="42"/>
      <c r="CL220" s="42"/>
      <c r="CM220" s="42"/>
      <c r="CN220" s="42"/>
      <c r="CO220" s="42"/>
      <c r="CP220" s="42"/>
      <c r="CQ220" s="42"/>
      <c r="CR220" s="42"/>
      <c r="CS220" s="42"/>
      <c r="CT220" s="42"/>
      <c r="CU220" s="42"/>
      <c r="CV220" s="42"/>
      <c r="CW220" s="42"/>
      <c r="CX220" s="42"/>
      <c r="CY220" s="42"/>
      <c r="CZ220" s="42"/>
      <c r="DA220" s="42"/>
      <c r="DB220" s="42"/>
      <c r="DC220" s="42"/>
      <c r="DD220" s="42"/>
      <c r="DE220" s="42"/>
      <c r="DF220" s="42"/>
      <c r="DG220" s="42"/>
      <c r="DH220" s="42"/>
      <c r="DI220" s="42"/>
      <c r="DJ220" s="42"/>
      <c r="DK220" s="42"/>
      <c r="DL220" s="42"/>
      <c r="DM220" s="42"/>
      <c r="DN220" s="42"/>
      <c r="DO220" s="42"/>
      <c r="DP220" s="42"/>
      <c r="DQ220" s="42"/>
      <c r="DR220" s="42"/>
      <c r="DS220" s="42"/>
      <c r="DT220" s="42"/>
      <c r="DU220" s="42"/>
      <c r="DV220" s="42"/>
      <c r="DW220" s="42"/>
      <c r="DX220" s="42"/>
      <c r="DY220" s="42"/>
      <c r="DZ220" s="42"/>
      <c r="EA220" s="42"/>
      <c r="EB220" s="42"/>
      <c r="EC220" s="42"/>
      <c r="ED220" s="42"/>
      <c r="EE220" s="42"/>
      <c r="EF220" s="42"/>
      <c r="EG220" s="42"/>
      <c r="EH220" s="42"/>
      <c r="EI220" s="42"/>
      <c r="EJ220" s="42"/>
      <c r="EK220" s="42"/>
      <c r="EL220" s="42"/>
      <c r="EM220" s="42"/>
      <c r="EN220" s="42"/>
      <c r="EO220" s="42"/>
      <c r="EP220" s="42"/>
      <c r="EQ220" s="42"/>
      <c r="ER220" s="42"/>
      <c r="ES220" s="42"/>
      <c r="ET220" s="42"/>
      <c r="EU220" s="42"/>
      <c r="EV220" s="42"/>
      <c r="EW220" s="42"/>
      <c r="EX220" s="42"/>
      <c r="EY220" s="42"/>
      <c r="EZ220" s="42"/>
      <c r="FA220" s="42"/>
      <c r="FB220" s="42"/>
      <c r="FC220" s="42"/>
      <c r="FD220" s="42"/>
      <c r="FE220" s="42"/>
      <c r="FF220" s="42"/>
      <c r="FG220" s="42"/>
      <c r="FH220" s="42"/>
      <c r="FI220" s="42"/>
      <c r="FJ220" s="42"/>
      <c r="FK220" s="42"/>
      <c r="FL220" s="42"/>
      <c r="FM220" s="42"/>
      <c r="FN220" s="42"/>
      <c r="FO220" s="42"/>
      <c r="FP220" s="42"/>
      <c r="FQ220" s="42"/>
      <c r="FR220" s="42"/>
      <c r="FS220" s="42"/>
      <c r="FT220" s="42"/>
      <c r="FU220" s="42"/>
      <c r="FV220" s="42"/>
      <c r="FW220" s="42"/>
      <c r="FX220" s="42"/>
      <c r="FY220" s="42"/>
      <c r="FZ220" s="42"/>
      <c r="GA220" s="42"/>
      <c r="GB220" s="42"/>
      <c r="GC220" s="42"/>
      <c r="GD220" s="42"/>
      <c r="GE220" s="42"/>
      <c r="GF220" s="42"/>
      <c r="GG220" s="42"/>
      <c r="GH220" s="42"/>
      <c r="GI220" s="42"/>
      <c r="GJ220" s="42"/>
      <c r="GK220" s="42"/>
      <c r="GL220" s="42"/>
      <c r="GM220" s="42"/>
      <c r="GN220" s="42"/>
      <c r="GO220" s="42"/>
      <c r="GP220" s="42"/>
      <c r="GQ220" s="42"/>
      <c r="GR220" s="42"/>
      <c r="GS220" s="42"/>
      <c r="GT220" s="42"/>
      <c r="GU220" s="42"/>
      <c r="GV220" s="42"/>
      <c r="GW220" s="42"/>
      <c r="GX220" s="42"/>
      <c r="GY220" s="42"/>
      <c r="GZ220" s="42"/>
      <c r="HA220" s="42"/>
      <c r="HB220" s="42"/>
      <c r="HC220" s="42"/>
      <c r="HD220" s="42"/>
      <c r="HE220" s="42"/>
      <c r="HF220" s="42"/>
      <c r="HG220" s="42"/>
      <c r="HH220" s="42"/>
      <c r="HI220" s="42"/>
      <c r="HJ220" s="42"/>
      <c r="HK220" s="42"/>
      <c r="HL220" s="42"/>
      <c r="HM220" s="42"/>
      <c r="HN220" s="42"/>
      <c r="HO220" s="42"/>
      <c r="HP220" s="42"/>
      <c r="HQ220" s="42"/>
      <c r="HR220" s="42"/>
      <c r="HS220" s="42"/>
      <c r="HT220" s="42"/>
      <c r="HU220" s="42"/>
      <c r="HV220" s="42"/>
      <c r="HW220" s="42"/>
      <c r="HX220" s="42"/>
      <c r="HY220" s="42"/>
      <c r="HZ220" s="42"/>
      <c r="IA220" s="42"/>
      <c r="IB220" s="42"/>
      <c r="IC220" s="42"/>
      <c r="ID220" s="42"/>
      <c r="IE220" s="42"/>
      <c r="IF220" s="42"/>
      <c r="IG220" s="42"/>
      <c r="IH220" s="42"/>
      <c r="II220" s="42"/>
      <c r="IJ220" s="42"/>
      <c r="IK220" s="42"/>
      <c r="IL220" s="42"/>
      <c r="IM220" s="42"/>
      <c r="IN220" s="42"/>
      <c r="IO220" s="42"/>
      <c r="IP220" s="42"/>
      <c r="IQ220" s="42"/>
      <c r="IR220" s="42"/>
      <c r="IS220" s="42"/>
      <c r="IT220" s="42"/>
      <c r="IU220" s="42"/>
      <c r="IV220" s="42"/>
      <c r="IW220" s="42"/>
      <c r="IX220" s="42"/>
    </row>
    <row r="221" spans="1:258" s="67" customFormat="1" ht="70.2" customHeight="1">
      <c r="A221" s="531"/>
      <c r="B221" s="532"/>
      <c r="C221" s="532"/>
      <c r="D221" s="532"/>
      <c r="E221" s="532"/>
      <c r="F221" s="532"/>
      <c r="G221" s="532"/>
      <c r="H221" s="532"/>
      <c r="I221" s="533"/>
      <c r="J221" s="449" t="s">
        <v>160</v>
      </c>
      <c r="K221" s="537"/>
      <c r="L221" s="537"/>
      <c r="M221" s="537"/>
      <c r="N221" s="537"/>
      <c r="O221" s="537"/>
      <c r="P221" s="538"/>
      <c r="Q221" s="134"/>
      <c r="R221" s="133"/>
      <c r="S221" s="39"/>
      <c r="T221" s="40"/>
      <c r="U221" s="41"/>
      <c r="V221" s="41"/>
      <c r="W221" s="41"/>
      <c r="X221" s="41"/>
      <c r="Y221" s="41"/>
      <c r="Z221" s="41"/>
      <c r="AA221" s="41"/>
      <c r="AB221" s="41"/>
      <c r="AC221" s="41"/>
      <c r="AD221" s="41"/>
      <c r="AE221" s="41"/>
      <c r="AF221" s="41"/>
      <c r="AG221" s="41"/>
      <c r="AH221" s="41"/>
      <c r="AI221" s="41"/>
      <c r="AJ221" s="41"/>
      <c r="AK221" s="41"/>
      <c r="AL221" s="41"/>
      <c r="AM221" s="41"/>
      <c r="AN221" s="41"/>
      <c r="AO221" s="41"/>
      <c r="AP221" s="41"/>
      <c r="AQ221" s="41"/>
      <c r="AR221" s="41"/>
      <c r="AS221" s="41"/>
      <c r="AT221" s="41"/>
      <c r="AU221" s="41"/>
      <c r="AV221" s="41"/>
      <c r="AW221" s="41"/>
      <c r="AX221" s="41"/>
      <c r="AY221" s="41"/>
      <c r="AZ221" s="41"/>
      <c r="BA221" s="41"/>
      <c r="BB221" s="41"/>
      <c r="BC221" s="41"/>
      <c r="BD221" s="41"/>
      <c r="BE221" s="42"/>
      <c r="BF221" s="42"/>
      <c r="BG221" s="42"/>
      <c r="BH221" s="42"/>
      <c r="BI221" s="42"/>
      <c r="BJ221" s="42"/>
      <c r="BK221" s="42"/>
      <c r="BL221" s="42"/>
      <c r="BM221" s="42"/>
      <c r="BN221" s="42"/>
      <c r="BO221" s="42"/>
      <c r="BP221" s="42"/>
      <c r="BQ221" s="42"/>
      <c r="BR221" s="42"/>
      <c r="BS221" s="42"/>
      <c r="BT221" s="42"/>
      <c r="BU221" s="42"/>
      <c r="BV221" s="42"/>
      <c r="BW221" s="42"/>
      <c r="BX221" s="42"/>
      <c r="BY221" s="42"/>
      <c r="BZ221" s="42"/>
      <c r="CA221" s="42"/>
      <c r="CB221" s="42"/>
      <c r="CC221" s="42"/>
      <c r="CD221" s="42"/>
      <c r="CE221" s="42"/>
      <c r="CF221" s="42"/>
      <c r="CG221" s="42"/>
      <c r="CH221" s="42"/>
      <c r="CI221" s="42"/>
      <c r="CJ221" s="42"/>
      <c r="CK221" s="42"/>
      <c r="CL221" s="42"/>
      <c r="CM221" s="42"/>
      <c r="CN221" s="42"/>
      <c r="CO221" s="42"/>
      <c r="CP221" s="42"/>
      <c r="CQ221" s="42"/>
      <c r="CR221" s="42"/>
      <c r="CS221" s="42"/>
      <c r="CT221" s="42"/>
      <c r="CU221" s="42"/>
      <c r="CV221" s="42"/>
      <c r="CW221" s="42"/>
      <c r="CX221" s="42"/>
      <c r="CY221" s="42"/>
      <c r="CZ221" s="42"/>
      <c r="DA221" s="42"/>
      <c r="DB221" s="42"/>
      <c r="DC221" s="42"/>
      <c r="DD221" s="42"/>
      <c r="DE221" s="42"/>
      <c r="DF221" s="42"/>
      <c r="DG221" s="42"/>
      <c r="DH221" s="42"/>
      <c r="DI221" s="42"/>
      <c r="DJ221" s="42"/>
      <c r="DK221" s="42"/>
      <c r="DL221" s="42"/>
      <c r="DM221" s="42"/>
      <c r="DN221" s="42"/>
      <c r="DO221" s="42"/>
      <c r="DP221" s="42"/>
      <c r="DQ221" s="42"/>
      <c r="DR221" s="42"/>
      <c r="DS221" s="42"/>
      <c r="DT221" s="42"/>
      <c r="DU221" s="42"/>
      <c r="DV221" s="42"/>
      <c r="DW221" s="42"/>
      <c r="DX221" s="42"/>
      <c r="DY221" s="42"/>
      <c r="DZ221" s="42"/>
      <c r="EA221" s="42"/>
      <c r="EB221" s="42"/>
      <c r="EC221" s="42"/>
      <c r="ED221" s="42"/>
      <c r="EE221" s="42"/>
      <c r="EF221" s="42"/>
      <c r="EG221" s="42"/>
      <c r="EH221" s="42"/>
      <c r="EI221" s="42"/>
      <c r="EJ221" s="42"/>
      <c r="EK221" s="42"/>
      <c r="EL221" s="42"/>
      <c r="EM221" s="42"/>
      <c r="EN221" s="42"/>
      <c r="EO221" s="42"/>
      <c r="EP221" s="42"/>
      <c r="EQ221" s="42"/>
      <c r="ER221" s="42"/>
      <c r="ES221" s="42"/>
      <c r="ET221" s="42"/>
      <c r="EU221" s="42"/>
      <c r="EV221" s="42"/>
      <c r="EW221" s="42"/>
      <c r="EX221" s="42"/>
      <c r="EY221" s="42"/>
      <c r="EZ221" s="42"/>
      <c r="FA221" s="42"/>
      <c r="FB221" s="42"/>
      <c r="FC221" s="42"/>
      <c r="FD221" s="42"/>
      <c r="FE221" s="42"/>
      <c r="FF221" s="42"/>
      <c r="FG221" s="42"/>
      <c r="FH221" s="42"/>
      <c r="FI221" s="42"/>
      <c r="FJ221" s="42"/>
      <c r="FK221" s="42"/>
      <c r="FL221" s="42"/>
      <c r="FM221" s="42"/>
      <c r="FN221" s="42"/>
      <c r="FO221" s="42"/>
      <c r="FP221" s="42"/>
      <c r="FQ221" s="42"/>
      <c r="FR221" s="42"/>
      <c r="FS221" s="42"/>
      <c r="FT221" s="42"/>
      <c r="FU221" s="42"/>
      <c r="FV221" s="42"/>
      <c r="FW221" s="42"/>
      <c r="FX221" s="42"/>
      <c r="FY221" s="42"/>
      <c r="FZ221" s="42"/>
      <c r="GA221" s="42"/>
      <c r="GB221" s="42"/>
      <c r="GC221" s="42"/>
      <c r="GD221" s="42"/>
      <c r="GE221" s="42"/>
      <c r="GF221" s="42"/>
      <c r="GG221" s="42"/>
      <c r="GH221" s="42"/>
      <c r="GI221" s="42"/>
      <c r="GJ221" s="42"/>
      <c r="GK221" s="42"/>
      <c r="GL221" s="42"/>
      <c r="GM221" s="42"/>
      <c r="GN221" s="42"/>
      <c r="GO221" s="42"/>
      <c r="GP221" s="42"/>
      <c r="GQ221" s="42"/>
      <c r="GR221" s="42"/>
      <c r="GS221" s="42"/>
      <c r="GT221" s="42"/>
      <c r="GU221" s="42"/>
      <c r="GV221" s="42"/>
      <c r="GW221" s="42"/>
      <c r="GX221" s="42"/>
      <c r="GY221" s="42"/>
      <c r="GZ221" s="42"/>
      <c r="HA221" s="42"/>
      <c r="HB221" s="42"/>
      <c r="HC221" s="42"/>
      <c r="HD221" s="42"/>
      <c r="HE221" s="42"/>
      <c r="HF221" s="42"/>
      <c r="HG221" s="42"/>
      <c r="HH221" s="42"/>
      <c r="HI221" s="42"/>
      <c r="HJ221" s="42"/>
      <c r="HK221" s="42"/>
      <c r="HL221" s="42"/>
      <c r="HM221" s="42"/>
      <c r="HN221" s="42"/>
      <c r="HO221" s="42"/>
      <c r="HP221" s="42"/>
      <c r="HQ221" s="42"/>
      <c r="HR221" s="42"/>
      <c r="HS221" s="42"/>
      <c r="HT221" s="42"/>
      <c r="HU221" s="42"/>
      <c r="HV221" s="42"/>
      <c r="HW221" s="42"/>
      <c r="HX221" s="42"/>
      <c r="HY221" s="42"/>
      <c r="HZ221" s="42"/>
      <c r="IA221" s="42"/>
      <c r="IB221" s="42"/>
      <c r="IC221" s="42"/>
      <c r="ID221" s="42"/>
      <c r="IE221" s="42"/>
      <c r="IF221" s="42"/>
      <c r="IG221" s="42"/>
      <c r="IH221" s="42"/>
      <c r="II221" s="42"/>
      <c r="IJ221" s="42"/>
      <c r="IK221" s="42"/>
      <c r="IL221" s="42"/>
      <c r="IM221" s="42"/>
      <c r="IN221" s="42"/>
      <c r="IO221" s="42"/>
      <c r="IP221" s="42"/>
      <c r="IQ221" s="42"/>
      <c r="IR221" s="42"/>
      <c r="IS221" s="42"/>
      <c r="IT221" s="42"/>
      <c r="IU221" s="42"/>
      <c r="IV221" s="42"/>
      <c r="IW221" s="42"/>
      <c r="IX221" s="42"/>
    </row>
    <row r="222" spans="1:258" s="67" customFormat="1" ht="70.2" customHeight="1">
      <c r="A222" s="534"/>
      <c r="B222" s="535"/>
      <c r="C222" s="535"/>
      <c r="D222" s="535"/>
      <c r="E222" s="535"/>
      <c r="F222" s="535"/>
      <c r="G222" s="535"/>
      <c r="H222" s="535"/>
      <c r="I222" s="536"/>
      <c r="J222" s="598" t="s">
        <v>161</v>
      </c>
      <c r="K222" s="638"/>
      <c r="L222" s="108" t="s">
        <v>154</v>
      </c>
      <c r="M222" s="449"/>
      <c r="N222" s="537"/>
      <c r="O222" s="537"/>
      <c r="P222" s="538"/>
      <c r="Q222" s="134"/>
      <c r="R222" s="133"/>
      <c r="S222" s="39"/>
      <c r="T222" s="40"/>
      <c r="U222" s="41"/>
      <c r="V222" s="41"/>
      <c r="W222" s="41"/>
      <c r="X222" s="41"/>
      <c r="Y222" s="41"/>
      <c r="Z222" s="41"/>
      <c r="AA222" s="41"/>
      <c r="AB222" s="41"/>
      <c r="AC222" s="41"/>
      <c r="AD222" s="41"/>
      <c r="AE222" s="41"/>
      <c r="AF222" s="41"/>
      <c r="AG222" s="41"/>
      <c r="AH222" s="41"/>
      <c r="AI222" s="41"/>
      <c r="AJ222" s="41"/>
      <c r="AK222" s="41"/>
      <c r="AL222" s="41"/>
      <c r="AM222" s="41"/>
      <c r="AN222" s="41"/>
      <c r="AO222" s="41"/>
      <c r="AP222" s="41"/>
      <c r="AQ222" s="41"/>
      <c r="AR222" s="41"/>
      <c r="AS222" s="41"/>
      <c r="AT222" s="41"/>
      <c r="AU222" s="41"/>
      <c r="AV222" s="41"/>
      <c r="AW222" s="41"/>
      <c r="AX222" s="41"/>
      <c r="AY222" s="41"/>
      <c r="AZ222" s="41"/>
      <c r="BA222" s="41"/>
      <c r="BB222" s="41"/>
      <c r="BC222" s="41"/>
      <c r="BD222" s="41"/>
      <c r="BE222" s="42"/>
      <c r="BF222" s="42"/>
      <c r="BG222" s="42"/>
      <c r="BH222" s="42"/>
      <c r="BI222" s="42"/>
      <c r="BJ222" s="42"/>
      <c r="BK222" s="42"/>
      <c r="BL222" s="42"/>
      <c r="BM222" s="42"/>
      <c r="BN222" s="42"/>
      <c r="BO222" s="42"/>
      <c r="BP222" s="42"/>
      <c r="BQ222" s="42"/>
      <c r="BR222" s="42"/>
      <c r="BS222" s="42"/>
      <c r="BT222" s="42"/>
      <c r="BU222" s="42"/>
      <c r="BV222" s="42"/>
      <c r="BW222" s="42"/>
      <c r="BX222" s="42"/>
      <c r="BY222" s="42"/>
      <c r="BZ222" s="42"/>
      <c r="CA222" s="42"/>
      <c r="CB222" s="42"/>
      <c r="CC222" s="42"/>
      <c r="CD222" s="42"/>
      <c r="CE222" s="42"/>
      <c r="CF222" s="42"/>
      <c r="CG222" s="42"/>
      <c r="CH222" s="42"/>
      <c r="CI222" s="42"/>
      <c r="CJ222" s="42"/>
      <c r="CK222" s="42"/>
      <c r="CL222" s="42"/>
      <c r="CM222" s="42"/>
      <c r="CN222" s="42"/>
      <c r="CO222" s="42"/>
      <c r="CP222" s="42"/>
      <c r="CQ222" s="42"/>
      <c r="CR222" s="42"/>
      <c r="CS222" s="42"/>
      <c r="CT222" s="42"/>
      <c r="CU222" s="42"/>
      <c r="CV222" s="42"/>
      <c r="CW222" s="42"/>
      <c r="CX222" s="42"/>
      <c r="CY222" s="42"/>
      <c r="CZ222" s="42"/>
      <c r="DA222" s="42"/>
      <c r="DB222" s="42"/>
      <c r="DC222" s="42"/>
      <c r="DD222" s="42"/>
      <c r="DE222" s="42"/>
      <c r="DF222" s="42"/>
      <c r="DG222" s="42"/>
      <c r="DH222" s="42"/>
      <c r="DI222" s="42"/>
      <c r="DJ222" s="42"/>
      <c r="DK222" s="42"/>
      <c r="DL222" s="42"/>
      <c r="DM222" s="42"/>
      <c r="DN222" s="42"/>
      <c r="DO222" s="42"/>
      <c r="DP222" s="42"/>
      <c r="DQ222" s="42"/>
      <c r="DR222" s="42"/>
      <c r="DS222" s="42"/>
      <c r="DT222" s="42"/>
      <c r="DU222" s="42"/>
      <c r="DV222" s="42"/>
      <c r="DW222" s="42"/>
      <c r="DX222" s="42"/>
      <c r="DY222" s="42"/>
      <c r="DZ222" s="42"/>
      <c r="EA222" s="42"/>
      <c r="EB222" s="42"/>
      <c r="EC222" s="42"/>
      <c r="ED222" s="42"/>
      <c r="EE222" s="42"/>
      <c r="EF222" s="42"/>
      <c r="EG222" s="42"/>
      <c r="EH222" s="42"/>
      <c r="EI222" s="42"/>
      <c r="EJ222" s="42"/>
      <c r="EK222" s="42"/>
      <c r="EL222" s="42"/>
      <c r="EM222" s="42"/>
      <c r="EN222" s="42"/>
      <c r="EO222" s="42"/>
      <c r="EP222" s="42"/>
      <c r="EQ222" s="42"/>
      <c r="ER222" s="42"/>
      <c r="ES222" s="42"/>
      <c r="ET222" s="42"/>
      <c r="EU222" s="42"/>
      <c r="EV222" s="42"/>
      <c r="EW222" s="42"/>
      <c r="EX222" s="42"/>
      <c r="EY222" s="42"/>
      <c r="EZ222" s="42"/>
      <c r="FA222" s="42"/>
      <c r="FB222" s="42"/>
      <c r="FC222" s="42"/>
      <c r="FD222" s="42"/>
      <c r="FE222" s="42"/>
      <c r="FF222" s="42"/>
      <c r="FG222" s="42"/>
      <c r="FH222" s="42"/>
      <c r="FI222" s="42"/>
      <c r="FJ222" s="42"/>
      <c r="FK222" s="42"/>
      <c r="FL222" s="42"/>
      <c r="FM222" s="42"/>
      <c r="FN222" s="42"/>
      <c r="FO222" s="42"/>
      <c r="FP222" s="42"/>
      <c r="FQ222" s="42"/>
      <c r="FR222" s="42"/>
      <c r="FS222" s="42"/>
      <c r="FT222" s="42"/>
      <c r="FU222" s="42"/>
      <c r="FV222" s="42"/>
      <c r="FW222" s="42"/>
      <c r="FX222" s="42"/>
      <c r="FY222" s="42"/>
      <c r="FZ222" s="42"/>
      <c r="GA222" s="42"/>
      <c r="GB222" s="42"/>
      <c r="GC222" s="42"/>
      <c r="GD222" s="42"/>
      <c r="GE222" s="42"/>
      <c r="GF222" s="42"/>
      <c r="GG222" s="42"/>
      <c r="GH222" s="42"/>
      <c r="GI222" s="42"/>
      <c r="GJ222" s="42"/>
      <c r="GK222" s="42"/>
      <c r="GL222" s="42"/>
      <c r="GM222" s="42"/>
      <c r="GN222" s="42"/>
      <c r="GO222" s="42"/>
      <c r="GP222" s="42"/>
      <c r="GQ222" s="42"/>
      <c r="GR222" s="42"/>
      <c r="GS222" s="42"/>
      <c r="GT222" s="42"/>
      <c r="GU222" s="42"/>
      <c r="GV222" s="42"/>
      <c r="GW222" s="42"/>
      <c r="GX222" s="42"/>
      <c r="GY222" s="42"/>
      <c r="GZ222" s="42"/>
      <c r="HA222" s="42"/>
      <c r="HB222" s="42"/>
      <c r="HC222" s="42"/>
      <c r="HD222" s="42"/>
      <c r="HE222" s="42"/>
      <c r="HF222" s="42"/>
      <c r="HG222" s="42"/>
      <c r="HH222" s="42"/>
      <c r="HI222" s="42"/>
      <c r="HJ222" s="42"/>
      <c r="HK222" s="42"/>
      <c r="HL222" s="42"/>
      <c r="HM222" s="42"/>
      <c r="HN222" s="42"/>
      <c r="HO222" s="42"/>
      <c r="HP222" s="42"/>
      <c r="HQ222" s="42"/>
      <c r="HR222" s="42"/>
      <c r="HS222" s="42"/>
      <c r="HT222" s="42"/>
      <c r="HU222" s="42"/>
      <c r="HV222" s="42"/>
      <c r="HW222" s="42"/>
      <c r="HX222" s="42"/>
      <c r="HY222" s="42"/>
      <c r="HZ222" s="42"/>
      <c r="IA222" s="42"/>
      <c r="IB222" s="42"/>
      <c r="IC222" s="42"/>
      <c r="ID222" s="42"/>
      <c r="IE222" s="42"/>
      <c r="IF222" s="42"/>
      <c r="IG222" s="42"/>
      <c r="IH222" s="42"/>
      <c r="II222" s="42"/>
      <c r="IJ222" s="42"/>
      <c r="IK222" s="42"/>
      <c r="IL222" s="42"/>
      <c r="IM222" s="42"/>
      <c r="IN222" s="42"/>
      <c r="IO222" s="42"/>
      <c r="IP222" s="42"/>
      <c r="IQ222" s="42"/>
      <c r="IR222" s="42"/>
      <c r="IS222" s="42"/>
      <c r="IT222" s="42"/>
      <c r="IU222" s="42"/>
      <c r="IV222" s="42"/>
      <c r="IW222" s="42"/>
      <c r="IX222" s="42"/>
    </row>
    <row r="223" spans="1:258" s="67" customFormat="1" ht="70.2" customHeight="1">
      <c r="A223" s="528" t="s">
        <v>462</v>
      </c>
      <c r="B223" s="529"/>
      <c r="C223" s="529"/>
      <c r="D223" s="529"/>
      <c r="E223" s="529"/>
      <c r="F223" s="529"/>
      <c r="G223" s="529"/>
      <c r="H223" s="529"/>
      <c r="I223" s="530"/>
      <c r="J223" s="449" t="s">
        <v>336</v>
      </c>
      <c r="K223" s="537"/>
      <c r="L223" s="537"/>
      <c r="M223" s="537"/>
      <c r="N223" s="537"/>
      <c r="O223" s="537"/>
      <c r="P223" s="538"/>
      <c r="Q223" s="134"/>
      <c r="R223" s="133"/>
      <c r="S223" s="39"/>
      <c r="T223" s="40"/>
      <c r="U223" s="41"/>
      <c r="V223" s="41"/>
      <c r="W223" s="41"/>
      <c r="X223" s="41"/>
      <c r="Y223" s="41"/>
      <c r="Z223" s="41"/>
      <c r="AA223" s="41"/>
      <c r="AB223" s="41"/>
      <c r="AC223" s="41"/>
      <c r="AD223" s="41"/>
      <c r="AE223" s="41"/>
      <c r="AF223" s="41"/>
      <c r="AG223" s="41"/>
      <c r="AH223" s="41"/>
      <c r="AI223" s="41"/>
      <c r="AJ223" s="41"/>
      <c r="AK223" s="41"/>
      <c r="AL223" s="41"/>
      <c r="AM223" s="41"/>
      <c r="AN223" s="41"/>
      <c r="AO223" s="41"/>
      <c r="AP223" s="41"/>
      <c r="AQ223" s="41"/>
      <c r="AR223" s="41"/>
      <c r="AS223" s="41"/>
      <c r="AT223" s="41"/>
      <c r="AU223" s="41"/>
      <c r="AV223" s="41"/>
      <c r="AW223" s="41"/>
      <c r="AX223" s="41"/>
      <c r="AY223" s="41"/>
      <c r="AZ223" s="41"/>
      <c r="BA223" s="41"/>
      <c r="BB223" s="41"/>
      <c r="BC223" s="41"/>
      <c r="BD223" s="41"/>
      <c r="BE223" s="42"/>
      <c r="BF223" s="42"/>
      <c r="BG223" s="42"/>
      <c r="BH223" s="42"/>
      <c r="BI223" s="42"/>
      <c r="BJ223" s="42"/>
      <c r="BK223" s="42"/>
      <c r="BL223" s="42"/>
      <c r="BM223" s="42"/>
      <c r="BN223" s="42"/>
      <c r="BO223" s="42"/>
      <c r="BP223" s="42"/>
      <c r="BQ223" s="42"/>
      <c r="BR223" s="42"/>
      <c r="BS223" s="42"/>
      <c r="BT223" s="42"/>
      <c r="BU223" s="42"/>
      <c r="BV223" s="42"/>
      <c r="BW223" s="42"/>
      <c r="BX223" s="42"/>
      <c r="BY223" s="42"/>
      <c r="BZ223" s="42"/>
      <c r="CA223" s="42"/>
      <c r="CB223" s="42"/>
      <c r="CC223" s="42"/>
      <c r="CD223" s="42"/>
      <c r="CE223" s="42"/>
      <c r="CF223" s="42"/>
      <c r="CG223" s="42"/>
      <c r="CH223" s="42"/>
      <c r="CI223" s="42"/>
      <c r="CJ223" s="42"/>
      <c r="CK223" s="42"/>
      <c r="CL223" s="42"/>
      <c r="CM223" s="42"/>
      <c r="CN223" s="42"/>
      <c r="CO223" s="42"/>
      <c r="CP223" s="42"/>
      <c r="CQ223" s="42"/>
      <c r="CR223" s="42"/>
      <c r="CS223" s="42"/>
      <c r="CT223" s="42"/>
      <c r="CU223" s="42"/>
      <c r="CV223" s="42"/>
      <c r="CW223" s="42"/>
      <c r="CX223" s="42"/>
      <c r="CY223" s="42"/>
      <c r="CZ223" s="42"/>
      <c r="DA223" s="42"/>
      <c r="DB223" s="42"/>
      <c r="DC223" s="42"/>
      <c r="DD223" s="42"/>
      <c r="DE223" s="42"/>
      <c r="DF223" s="42"/>
      <c r="DG223" s="42"/>
      <c r="DH223" s="42"/>
      <c r="DI223" s="42"/>
      <c r="DJ223" s="42"/>
      <c r="DK223" s="42"/>
      <c r="DL223" s="42"/>
      <c r="DM223" s="42"/>
      <c r="DN223" s="42"/>
      <c r="DO223" s="42"/>
      <c r="DP223" s="42"/>
      <c r="DQ223" s="42"/>
      <c r="DR223" s="42"/>
      <c r="DS223" s="42"/>
      <c r="DT223" s="42"/>
      <c r="DU223" s="42"/>
      <c r="DV223" s="42"/>
      <c r="DW223" s="42"/>
      <c r="DX223" s="42"/>
      <c r="DY223" s="42"/>
      <c r="DZ223" s="42"/>
      <c r="EA223" s="42"/>
      <c r="EB223" s="42"/>
      <c r="EC223" s="42"/>
      <c r="ED223" s="42"/>
      <c r="EE223" s="42"/>
      <c r="EF223" s="42"/>
      <c r="EG223" s="42"/>
      <c r="EH223" s="42"/>
      <c r="EI223" s="42"/>
      <c r="EJ223" s="42"/>
      <c r="EK223" s="42"/>
      <c r="EL223" s="42"/>
      <c r="EM223" s="42"/>
      <c r="EN223" s="42"/>
      <c r="EO223" s="42"/>
      <c r="EP223" s="42"/>
      <c r="EQ223" s="42"/>
      <c r="ER223" s="42"/>
      <c r="ES223" s="42"/>
      <c r="ET223" s="42"/>
      <c r="EU223" s="42"/>
      <c r="EV223" s="42"/>
      <c r="EW223" s="42"/>
      <c r="EX223" s="42"/>
      <c r="EY223" s="42"/>
      <c r="EZ223" s="42"/>
      <c r="FA223" s="42"/>
      <c r="FB223" s="42"/>
      <c r="FC223" s="42"/>
      <c r="FD223" s="42"/>
      <c r="FE223" s="42"/>
      <c r="FF223" s="42"/>
      <c r="FG223" s="42"/>
      <c r="FH223" s="42"/>
      <c r="FI223" s="42"/>
      <c r="FJ223" s="42"/>
      <c r="FK223" s="42"/>
      <c r="FL223" s="42"/>
      <c r="FM223" s="42"/>
      <c r="FN223" s="42"/>
      <c r="FO223" s="42"/>
      <c r="FP223" s="42"/>
      <c r="FQ223" s="42"/>
      <c r="FR223" s="42"/>
      <c r="FS223" s="42"/>
      <c r="FT223" s="42"/>
      <c r="FU223" s="42"/>
      <c r="FV223" s="42"/>
      <c r="FW223" s="42"/>
      <c r="FX223" s="42"/>
      <c r="FY223" s="42"/>
      <c r="FZ223" s="42"/>
      <c r="GA223" s="42"/>
      <c r="GB223" s="42"/>
      <c r="GC223" s="42"/>
      <c r="GD223" s="42"/>
      <c r="GE223" s="42"/>
      <c r="GF223" s="42"/>
      <c r="GG223" s="42"/>
      <c r="GH223" s="42"/>
      <c r="GI223" s="42"/>
      <c r="GJ223" s="42"/>
      <c r="GK223" s="42"/>
      <c r="GL223" s="42"/>
      <c r="GM223" s="42"/>
      <c r="GN223" s="42"/>
      <c r="GO223" s="42"/>
      <c r="GP223" s="42"/>
      <c r="GQ223" s="42"/>
      <c r="GR223" s="42"/>
      <c r="GS223" s="42"/>
      <c r="GT223" s="42"/>
      <c r="GU223" s="42"/>
      <c r="GV223" s="42"/>
      <c r="GW223" s="42"/>
      <c r="GX223" s="42"/>
      <c r="GY223" s="42"/>
      <c r="GZ223" s="42"/>
      <c r="HA223" s="42"/>
      <c r="HB223" s="42"/>
      <c r="HC223" s="42"/>
      <c r="HD223" s="42"/>
      <c r="HE223" s="42"/>
      <c r="HF223" s="42"/>
      <c r="HG223" s="42"/>
      <c r="HH223" s="42"/>
      <c r="HI223" s="42"/>
      <c r="HJ223" s="42"/>
      <c r="HK223" s="42"/>
      <c r="HL223" s="42"/>
      <c r="HM223" s="42"/>
      <c r="HN223" s="42"/>
      <c r="HO223" s="42"/>
      <c r="HP223" s="42"/>
      <c r="HQ223" s="42"/>
      <c r="HR223" s="42"/>
      <c r="HS223" s="42"/>
      <c r="HT223" s="42"/>
      <c r="HU223" s="42"/>
      <c r="HV223" s="42"/>
      <c r="HW223" s="42"/>
      <c r="HX223" s="42"/>
      <c r="HY223" s="42"/>
      <c r="HZ223" s="42"/>
      <c r="IA223" s="42"/>
      <c r="IB223" s="42"/>
      <c r="IC223" s="42"/>
      <c r="ID223" s="42"/>
      <c r="IE223" s="42"/>
      <c r="IF223" s="42"/>
      <c r="IG223" s="42"/>
      <c r="IH223" s="42"/>
      <c r="II223" s="42"/>
      <c r="IJ223" s="42"/>
      <c r="IK223" s="42"/>
      <c r="IL223" s="42"/>
      <c r="IM223" s="42"/>
      <c r="IN223" s="42"/>
      <c r="IO223" s="42"/>
      <c r="IP223" s="42"/>
      <c r="IQ223" s="42"/>
      <c r="IR223" s="42"/>
      <c r="IS223" s="42"/>
      <c r="IT223" s="42"/>
      <c r="IU223" s="42"/>
      <c r="IV223" s="42"/>
      <c r="IW223" s="42"/>
      <c r="IX223" s="42"/>
    </row>
    <row r="224" spans="1:258" s="42" customFormat="1" ht="69.900000000000006" customHeight="1">
      <c r="A224" s="534"/>
      <c r="B224" s="535"/>
      <c r="C224" s="535"/>
      <c r="D224" s="535"/>
      <c r="E224" s="535"/>
      <c r="F224" s="535"/>
      <c r="G224" s="535"/>
      <c r="H224" s="535"/>
      <c r="I224" s="536"/>
      <c r="J224" s="598" t="s">
        <v>337</v>
      </c>
      <c r="K224" s="638"/>
      <c r="L224" s="195" t="s">
        <v>338</v>
      </c>
      <c r="M224" s="626" t="s">
        <v>339</v>
      </c>
      <c r="N224" s="627"/>
      <c r="O224" s="627"/>
      <c r="P224" s="628"/>
      <c r="Q224" s="134"/>
      <c r="R224" s="133"/>
      <c r="S224" s="39"/>
      <c r="T224" s="193"/>
      <c r="U224" s="41"/>
      <c r="V224" s="41"/>
      <c r="W224" s="41"/>
      <c r="X224" s="41"/>
      <c r="Y224" s="41"/>
      <c r="Z224" s="41"/>
      <c r="AA224" s="41"/>
      <c r="AB224" s="41"/>
      <c r="AC224" s="41"/>
      <c r="AD224" s="41"/>
      <c r="AE224" s="41"/>
      <c r="AF224" s="41"/>
      <c r="AG224" s="41"/>
      <c r="AH224" s="41"/>
      <c r="AI224" s="41"/>
      <c r="AJ224" s="41"/>
      <c r="AK224" s="41"/>
      <c r="AL224" s="41"/>
      <c r="AM224" s="41"/>
      <c r="AN224" s="41"/>
      <c r="AO224" s="41"/>
      <c r="AP224" s="41"/>
      <c r="AQ224" s="41"/>
      <c r="AR224" s="41"/>
      <c r="AS224" s="41"/>
      <c r="AT224" s="41"/>
      <c r="AU224" s="41"/>
      <c r="AV224" s="41"/>
      <c r="AW224" s="41"/>
      <c r="AX224" s="41"/>
      <c r="AY224" s="41"/>
      <c r="AZ224" s="41"/>
      <c r="BA224" s="41"/>
      <c r="BB224" s="41"/>
      <c r="BC224" s="41"/>
      <c r="BD224" s="41"/>
    </row>
    <row r="225" spans="1:258" s="67" customFormat="1" ht="70.2" customHeight="1">
      <c r="A225" s="539" t="s">
        <v>163</v>
      </c>
      <c r="B225" s="540"/>
      <c r="C225" s="540"/>
      <c r="D225" s="540"/>
      <c r="E225" s="540"/>
      <c r="F225" s="540"/>
      <c r="G225" s="540"/>
      <c r="H225" s="540"/>
      <c r="I225" s="541"/>
      <c r="J225" s="669"/>
      <c r="K225" s="667"/>
      <c r="L225" s="667"/>
      <c r="M225" s="667"/>
      <c r="N225" s="667"/>
      <c r="O225" s="667"/>
      <c r="P225" s="670"/>
      <c r="Q225" s="139"/>
      <c r="R225" s="138"/>
      <c r="S225" s="78"/>
      <c r="T225" s="759"/>
      <c r="U225" s="77"/>
      <c r="V225" s="77"/>
      <c r="W225" s="77"/>
      <c r="X225" s="77"/>
      <c r="Y225" s="77"/>
      <c r="Z225" s="77"/>
      <c r="AA225" s="77"/>
      <c r="AB225" s="77"/>
      <c r="AC225" s="77"/>
      <c r="AD225" s="77"/>
      <c r="AE225" s="77"/>
      <c r="AF225" s="77"/>
      <c r="AG225" s="77"/>
      <c r="AH225" s="77"/>
      <c r="AI225" s="77"/>
      <c r="AJ225" s="77"/>
      <c r="AK225" s="77"/>
      <c r="AL225" s="77"/>
      <c r="AM225" s="77"/>
      <c r="AN225" s="77"/>
      <c r="AO225" s="77"/>
      <c r="AP225" s="77"/>
      <c r="AQ225" s="77"/>
      <c r="AR225" s="77"/>
      <c r="AS225" s="77"/>
      <c r="AT225" s="77"/>
      <c r="AU225" s="77"/>
      <c r="AV225" s="77"/>
      <c r="AW225" s="77"/>
      <c r="AX225" s="77"/>
      <c r="AY225" s="77"/>
      <c r="AZ225" s="77"/>
      <c r="BA225" s="77"/>
      <c r="BB225" s="77"/>
      <c r="BC225" s="77"/>
      <c r="BD225" s="77"/>
    </row>
    <row r="226" spans="1:258" s="64" customFormat="1" ht="69.900000000000006" customHeight="1">
      <c r="A226" s="760" t="s">
        <v>340</v>
      </c>
      <c r="B226" s="508"/>
      <c r="C226" s="508"/>
      <c r="D226" s="508"/>
      <c r="E226" s="508"/>
      <c r="F226" s="508"/>
      <c r="G226" s="508"/>
      <c r="H226" s="508"/>
      <c r="I226" s="508"/>
      <c r="J226" s="508"/>
      <c r="K226" s="508"/>
      <c r="L226" s="508"/>
      <c r="M226" s="508"/>
      <c r="N226" s="508"/>
      <c r="O226" s="508"/>
      <c r="P226" s="509"/>
      <c r="Q226" s="122"/>
      <c r="R226" s="138"/>
      <c r="S226" s="162"/>
      <c r="T226" s="759"/>
    </row>
    <row r="227" spans="1:258" s="64" customFormat="1" ht="69.900000000000006" customHeight="1">
      <c r="A227" s="600" t="s">
        <v>341</v>
      </c>
      <c r="B227" s="601"/>
      <c r="C227" s="601"/>
      <c r="D227" s="601"/>
      <c r="E227" s="601"/>
      <c r="F227" s="601"/>
      <c r="G227" s="601"/>
      <c r="H227" s="601"/>
      <c r="I227" s="601"/>
      <c r="J227" s="601"/>
      <c r="K227" s="601"/>
      <c r="L227" s="601"/>
      <c r="M227" s="601"/>
      <c r="N227" s="601"/>
      <c r="O227" s="601"/>
      <c r="P227" s="602"/>
      <c r="Q227" s="122"/>
      <c r="R227" s="138"/>
      <c r="S227" s="162"/>
      <c r="T227" s="759"/>
    </row>
    <row r="228" spans="1:258" s="67" customFormat="1" ht="69.599999999999994" customHeight="1">
      <c r="A228" s="553" t="s">
        <v>342</v>
      </c>
      <c r="B228" s="554"/>
      <c r="C228" s="554"/>
      <c r="D228" s="554"/>
      <c r="E228" s="554"/>
      <c r="F228" s="554"/>
      <c r="G228" s="554"/>
      <c r="H228" s="554"/>
      <c r="I228" s="554"/>
      <c r="J228" s="554"/>
      <c r="K228" s="554"/>
      <c r="L228" s="554"/>
      <c r="M228" s="554"/>
      <c r="N228" s="554"/>
      <c r="O228" s="554"/>
      <c r="P228" s="555"/>
      <c r="Q228" s="139"/>
      <c r="R228" s="138"/>
      <c r="S228" s="78"/>
      <c r="T228" s="759"/>
      <c r="U228" s="77"/>
      <c r="V228" s="77"/>
      <c r="W228" s="77"/>
      <c r="X228" s="77"/>
      <c r="Y228" s="77"/>
      <c r="Z228" s="77"/>
      <c r="AA228" s="77"/>
      <c r="AB228" s="77"/>
      <c r="AC228" s="77"/>
      <c r="AD228" s="77"/>
      <c r="AE228" s="77"/>
      <c r="AF228" s="77"/>
      <c r="AG228" s="77"/>
      <c r="AH228" s="77"/>
      <c r="AI228" s="77"/>
      <c r="AJ228" s="77"/>
      <c r="AK228" s="77"/>
      <c r="AL228" s="77"/>
      <c r="AM228" s="77"/>
      <c r="AN228" s="77"/>
      <c r="AO228" s="77"/>
      <c r="AP228" s="77"/>
      <c r="AQ228" s="77"/>
      <c r="AR228" s="77"/>
      <c r="AS228" s="77"/>
      <c r="AT228" s="77"/>
      <c r="AU228" s="77"/>
      <c r="AV228" s="77"/>
      <c r="AW228" s="77"/>
      <c r="AX228" s="77"/>
      <c r="AY228" s="77"/>
      <c r="AZ228" s="77"/>
      <c r="BA228" s="77"/>
      <c r="BB228" s="77"/>
      <c r="BC228" s="77"/>
      <c r="BD228" s="77"/>
    </row>
    <row r="229" spans="1:258" s="67" customFormat="1" ht="69.599999999999994" customHeight="1">
      <c r="A229" s="556" t="s">
        <v>85</v>
      </c>
      <c r="B229" s="557"/>
      <c r="C229" s="557"/>
      <c r="D229" s="557"/>
      <c r="E229" s="557"/>
      <c r="F229" s="557"/>
      <c r="G229" s="557"/>
      <c r="H229" s="557"/>
      <c r="I229" s="557"/>
      <c r="J229" s="557"/>
      <c r="K229" s="557"/>
      <c r="L229" s="557"/>
      <c r="M229" s="557"/>
      <c r="N229" s="557"/>
      <c r="O229" s="557"/>
      <c r="P229" s="558"/>
      <c r="Q229" s="139"/>
      <c r="R229" s="138"/>
      <c r="S229" s="78"/>
      <c r="T229" s="76"/>
      <c r="U229" s="77"/>
      <c r="V229" s="77"/>
      <c r="W229" s="77"/>
      <c r="X229" s="77"/>
      <c r="Y229" s="77"/>
      <c r="Z229" s="77"/>
      <c r="AA229" s="77"/>
      <c r="AB229" s="77"/>
      <c r="AC229" s="77"/>
      <c r="AD229" s="77"/>
      <c r="AE229" s="77"/>
      <c r="AF229" s="77"/>
      <c r="AG229" s="77"/>
      <c r="AH229" s="77"/>
      <c r="AI229" s="77"/>
      <c r="AJ229" s="77"/>
      <c r="AK229" s="77"/>
      <c r="AL229" s="77"/>
      <c r="AM229" s="77"/>
      <c r="AN229" s="77"/>
      <c r="AO229" s="77"/>
      <c r="AP229" s="77"/>
      <c r="AQ229" s="77"/>
      <c r="AR229" s="77"/>
      <c r="AS229" s="77"/>
      <c r="AT229" s="77"/>
      <c r="AU229" s="77"/>
      <c r="AV229" s="77"/>
      <c r="AW229" s="77"/>
      <c r="AX229" s="77"/>
      <c r="AY229" s="77"/>
      <c r="AZ229" s="77"/>
      <c r="BA229" s="77"/>
      <c r="BB229" s="77"/>
      <c r="BC229" s="77"/>
      <c r="BD229" s="77"/>
    </row>
    <row r="230" spans="1:258" s="64" customFormat="1" ht="69.900000000000006" customHeight="1">
      <c r="A230" s="600" t="s">
        <v>343</v>
      </c>
      <c r="B230" s="601"/>
      <c r="C230" s="601"/>
      <c r="D230" s="601"/>
      <c r="E230" s="601"/>
      <c r="F230" s="601"/>
      <c r="G230" s="601"/>
      <c r="H230" s="601"/>
      <c r="I230" s="601"/>
      <c r="J230" s="601"/>
      <c r="K230" s="601"/>
      <c r="L230" s="601"/>
      <c r="M230" s="601"/>
      <c r="N230" s="601"/>
      <c r="O230" s="601"/>
      <c r="P230" s="602"/>
      <c r="Q230" s="122"/>
      <c r="R230" s="138"/>
      <c r="S230" s="162"/>
    </row>
    <row r="231" spans="1:258" s="67" customFormat="1" ht="70.2" customHeight="1">
      <c r="A231" s="510" t="s">
        <v>150</v>
      </c>
      <c r="B231" s="511"/>
      <c r="C231" s="511"/>
      <c r="D231" s="511"/>
      <c r="E231" s="511"/>
      <c r="F231" s="511"/>
      <c r="G231" s="511"/>
      <c r="H231" s="511"/>
      <c r="I231" s="512"/>
      <c r="J231" s="596"/>
      <c r="K231" s="596"/>
      <c r="L231" s="596"/>
      <c r="M231" s="596"/>
      <c r="N231" s="596"/>
      <c r="O231" s="596"/>
      <c r="P231" s="662"/>
      <c r="Q231" s="139"/>
      <c r="R231" s="138"/>
      <c r="S231" s="78"/>
      <c r="T231" s="76"/>
      <c r="U231" s="77"/>
      <c r="V231" s="77"/>
      <c r="W231" s="77"/>
      <c r="X231" s="77"/>
      <c r="Y231" s="77"/>
      <c r="Z231" s="77"/>
      <c r="AA231" s="77"/>
      <c r="AB231" s="77"/>
      <c r="AC231" s="77"/>
      <c r="AD231" s="77"/>
      <c r="AE231" s="77"/>
      <c r="AF231" s="77"/>
      <c r="AG231" s="77"/>
      <c r="AH231" s="77"/>
      <c r="AI231" s="77"/>
      <c r="AJ231" s="77"/>
      <c r="AK231" s="77"/>
      <c r="AL231" s="77"/>
      <c r="AM231" s="77"/>
      <c r="AN231" s="77"/>
      <c r="AO231" s="77"/>
      <c r="AP231" s="77"/>
      <c r="AQ231" s="77"/>
      <c r="AR231" s="77"/>
      <c r="AS231" s="77"/>
      <c r="AT231" s="77"/>
      <c r="AU231" s="77"/>
      <c r="AV231" s="77"/>
      <c r="AW231" s="77"/>
      <c r="AX231" s="77"/>
      <c r="AY231" s="77"/>
      <c r="AZ231" s="77"/>
      <c r="BA231" s="77"/>
      <c r="BB231" s="77"/>
      <c r="BC231" s="77"/>
      <c r="BD231" s="77"/>
    </row>
    <row r="232" spans="1:258" s="67" customFormat="1" ht="70.2" customHeight="1">
      <c r="A232" s="528" t="s">
        <v>151</v>
      </c>
      <c r="B232" s="529"/>
      <c r="C232" s="529"/>
      <c r="D232" s="529"/>
      <c r="E232" s="529"/>
      <c r="F232" s="529"/>
      <c r="G232" s="529"/>
      <c r="H232" s="529"/>
      <c r="I232" s="530"/>
      <c r="J232" s="449" t="s">
        <v>152</v>
      </c>
      <c r="K232" s="537"/>
      <c r="L232" s="537"/>
      <c r="M232" s="537"/>
      <c r="N232" s="537"/>
      <c r="O232" s="537"/>
      <c r="P232" s="538"/>
      <c r="Q232" s="139"/>
      <c r="R232" s="138"/>
      <c r="S232" s="78"/>
      <c r="T232" s="76"/>
      <c r="U232" s="77"/>
      <c r="V232" s="77"/>
      <c r="W232" s="77"/>
      <c r="X232" s="77"/>
      <c r="Y232" s="77"/>
      <c r="Z232" s="77"/>
      <c r="AA232" s="77"/>
      <c r="AB232" s="77"/>
      <c r="AC232" s="77"/>
      <c r="AD232" s="77"/>
      <c r="AE232" s="77"/>
      <c r="AF232" s="77"/>
      <c r="AG232" s="77"/>
      <c r="AH232" s="77"/>
      <c r="AI232" s="77"/>
      <c r="AJ232" s="77"/>
      <c r="AK232" s="77"/>
      <c r="AL232" s="77"/>
      <c r="AM232" s="77"/>
      <c r="AN232" s="77"/>
      <c r="AO232" s="77"/>
      <c r="AP232" s="77"/>
      <c r="AQ232" s="77"/>
      <c r="AR232" s="77"/>
      <c r="AS232" s="77"/>
      <c r="AT232" s="77"/>
      <c r="AU232" s="77"/>
      <c r="AV232" s="77"/>
      <c r="AW232" s="77"/>
      <c r="AX232" s="77"/>
      <c r="AY232" s="77"/>
      <c r="AZ232" s="77"/>
      <c r="BA232" s="77"/>
      <c r="BB232" s="77"/>
      <c r="BC232" s="77"/>
      <c r="BD232" s="77"/>
    </row>
    <row r="233" spans="1:258" s="67" customFormat="1" ht="70.2" customHeight="1">
      <c r="A233" s="534"/>
      <c r="B233" s="535"/>
      <c r="C233" s="535"/>
      <c r="D233" s="535"/>
      <c r="E233" s="535"/>
      <c r="F233" s="535"/>
      <c r="G233" s="535"/>
      <c r="H233" s="535"/>
      <c r="I233" s="536"/>
      <c r="J233" s="598" t="s">
        <v>153</v>
      </c>
      <c r="K233" s="638"/>
      <c r="L233" s="108" t="s">
        <v>154</v>
      </c>
      <c r="M233" s="449"/>
      <c r="N233" s="537"/>
      <c r="O233" s="537"/>
      <c r="P233" s="538"/>
      <c r="Q233" s="139"/>
      <c r="R233" s="138"/>
      <c r="S233" s="78"/>
      <c r="T233" s="76"/>
      <c r="U233" s="77"/>
      <c r="V233" s="77"/>
      <c r="W233" s="77"/>
      <c r="X233" s="77"/>
      <c r="Y233" s="77"/>
      <c r="Z233" s="77"/>
      <c r="AA233" s="77"/>
      <c r="AB233" s="77"/>
      <c r="AC233" s="77"/>
      <c r="AD233" s="77"/>
      <c r="AE233" s="77"/>
      <c r="AF233" s="77"/>
      <c r="AG233" s="77"/>
      <c r="AH233" s="77"/>
      <c r="AI233" s="77"/>
      <c r="AJ233" s="77"/>
      <c r="AK233" s="77"/>
      <c r="AL233" s="77"/>
      <c r="AM233" s="77"/>
      <c r="AN233" s="77"/>
      <c r="AO233" s="77"/>
      <c r="AP233" s="77"/>
      <c r="AQ233" s="77"/>
      <c r="AR233" s="77"/>
      <c r="AS233" s="77"/>
      <c r="AT233" s="77"/>
      <c r="AU233" s="77"/>
      <c r="AV233" s="77"/>
      <c r="AW233" s="77"/>
      <c r="AX233" s="77"/>
      <c r="AY233" s="77"/>
      <c r="AZ233" s="77"/>
      <c r="BA233" s="77"/>
      <c r="BB233" s="77"/>
      <c r="BC233" s="77"/>
      <c r="BD233" s="77"/>
    </row>
    <row r="234" spans="1:258" s="67" customFormat="1" ht="70.2" customHeight="1">
      <c r="A234" s="528" t="s">
        <v>157</v>
      </c>
      <c r="B234" s="529"/>
      <c r="C234" s="529"/>
      <c r="D234" s="529"/>
      <c r="E234" s="529"/>
      <c r="F234" s="529"/>
      <c r="G234" s="529"/>
      <c r="H234" s="529"/>
      <c r="I234" s="530"/>
      <c r="J234" s="109" t="s">
        <v>158</v>
      </c>
      <c r="K234" s="449" t="s">
        <v>159</v>
      </c>
      <c r="L234" s="537"/>
      <c r="M234" s="537"/>
      <c r="N234" s="537"/>
      <c r="O234" s="537"/>
      <c r="P234" s="538"/>
      <c r="Q234" s="134"/>
      <c r="R234" s="133"/>
      <c r="S234" s="39"/>
      <c r="T234" s="40"/>
      <c r="U234" s="41"/>
      <c r="V234" s="41"/>
      <c r="W234" s="41"/>
      <c r="X234" s="41"/>
      <c r="Y234" s="41"/>
      <c r="Z234" s="41"/>
      <c r="AA234" s="41"/>
      <c r="AB234" s="41"/>
      <c r="AC234" s="41"/>
      <c r="AD234" s="41"/>
      <c r="AE234" s="41"/>
      <c r="AF234" s="41"/>
      <c r="AG234" s="41"/>
      <c r="AH234" s="41"/>
      <c r="AI234" s="41"/>
      <c r="AJ234" s="41"/>
      <c r="AK234" s="41"/>
      <c r="AL234" s="41"/>
      <c r="AM234" s="41"/>
      <c r="AN234" s="41"/>
      <c r="AO234" s="41"/>
      <c r="AP234" s="41"/>
      <c r="AQ234" s="41"/>
      <c r="AR234" s="41"/>
      <c r="AS234" s="41"/>
      <c r="AT234" s="41"/>
      <c r="AU234" s="41"/>
      <c r="AV234" s="41"/>
      <c r="AW234" s="41"/>
      <c r="AX234" s="41"/>
      <c r="AY234" s="41"/>
      <c r="AZ234" s="41"/>
      <c r="BA234" s="41"/>
      <c r="BB234" s="41"/>
      <c r="BC234" s="41"/>
      <c r="BD234" s="41"/>
      <c r="BE234" s="42"/>
      <c r="BF234" s="42"/>
      <c r="BG234" s="42"/>
      <c r="BH234" s="42"/>
      <c r="BI234" s="42"/>
      <c r="BJ234" s="42"/>
      <c r="BK234" s="42"/>
      <c r="BL234" s="42"/>
      <c r="BM234" s="42"/>
      <c r="BN234" s="42"/>
      <c r="BO234" s="42"/>
      <c r="BP234" s="42"/>
      <c r="BQ234" s="42"/>
      <c r="BR234" s="42"/>
      <c r="BS234" s="42"/>
      <c r="BT234" s="42"/>
      <c r="BU234" s="42"/>
      <c r="BV234" s="42"/>
      <c r="BW234" s="42"/>
      <c r="BX234" s="42"/>
      <c r="BY234" s="42"/>
      <c r="BZ234" s="42"/>
      <c r="CA234" s="42"/>
      <c r="CB234" s="42"/>
      <c r="CC234" s="42"/>
      <c r="CD234" s="42"/>
      <c r="CE234" s="42"/>
      <c r="CF234" s="42"/>
      <c r="CG234" s="42"/>
      <c r="CH234" s="42"/>
      <c r="CI234" s="42"/>
      <c r="CJ234" s="42"/>
      <c r="CK234" s="42"/>
      <c r="CL234" s="42"/>
      <c r="CM234" s="42"/>
      <c r="CN234" s="42"/>
      <c r="CO234" s="42"/>
      <c r="CP234" s="42"/>
      <c r="CQ234" s="42"/>
      <c r="CR234" s="42"/>
      <c r="CS234" s="42"/>
      <c r="CT234" s="42"/>
      <c r="CU234" s="42"/>
      <c r="CV234" s="42"/>
      <c r="CW234" s="42"/>
      <c r="CX234" s="42"/>
      <c r="CY234" s="42"/>
      <c r="CZ234" s="42"/>
      <c r="DA234" s="42"/>
      <c r="DB234" s="42"/>
      <c r="DC234" s="42"/>
      <c r="DD234" s="42"/>
      <c r="DE234" s="42"/>
      <c r="DF234" s="42"/>
      <c r="DG234" s="42"/>
      <c r="DH234" s="42"/>
      <c r="DI234" s="42"/>
      <c r="DJ234" s="42"/>
      <c r="DK234" s="42"/>
      <c r="DL234" s="42"/>
      <c r="DM234" s="42"/>
      <c r="DN234" s="42"/>
      <c r="DO234" s="42"/>
      <c r="DP234" s="42"/>
      <c r="DQ234" s="42"/>
      <c r="DR234" s="42"/>
      <c r="DS234" s="42"/>
      <c r="DT234" s="42"/>
      <c r="DU234" s="42"/>
      <c r="DV234" s="42"/>
      <c r="DW234" s="42"/>
      <c r="DX234" s="42"/>
      <c r="DY234" s="42"/>
      <c r="DZ234" s="42"/>
      <c r="EA234" s="42"/>
      <c r="EB234" s="42"/>
      <c r="EC234" s="42"/>
      <c r="ED234" s="42"/>
      <c r="EE234" s="42"/>
      <c r="EF234" s="42"/>
      <c r="EG234" s="42"/>
      <c r="EH234" s="42"/>
      <c r="EI234" s="42"/>
      <c r="EJ234" s="42"/>
      <c r="EK234" s="42"/>
      <c r="EL234" s="42"/>
      <c r="EM234" s="42"/>
      <c r="EN234" s="42"/>
      <c r="EO234" s="42"/>
      <c r="EP234" s="42"/>
      <c r="EQ234" s="42"/>
      <c r="ER234" s="42"/>
      <c r="ES234" s="42"/>
      <c r="ET234" s="42"/>
      <c r="EU234" s="42"/>
      <c r="EV234" s="42"/>
      <c r="EW234" s="42"/>
      <c r="EX234" s="42"/>
      <c r="EY234" s="42"/>
      <c r="EZ234" s="42"/>
      <c r="FA234" s="42"/>
      <c r="FB234" s="42"/>
      <c r="FC234" s="42"/>
      <c r="FD234" s="42"/>
      <c r="FE234" s="42"/>
      <c r="FF234" s="42"/>
      <c r="FG234" s="42"/>
      <c r="FH234" s="42"/>
      <c r="FI234" s="42"/>
      <c r="FJ234" s="42"/>
      <c r="FK234" s="42"/>
      <c r="FL234" s="42"/>
      <c r="FM234" s="42"/>
      <c r="FN234" s="42"/>
      <c r="FO234" s="42"/>
      <c r="FP234" s="42"/>
      <c r="FQ234" s="42"/>
      <c r="FR234" s="42"/>
      <c r="FS234" s="42"/>
      <c r="FT234" s="42"/>
      <c r="FU234" s="42"/>
      <c r="FV234" s="42"/>
      <c r="FW234" s="42"/>
      <c r="FX234" s="42"/>
      <c r="FY234" s="42"/>
      <c r="FZ234" s="42"/>
      <c r="GA234" s="42"/>
      <c r="GB234" s="42"/>
      <c r="GC234" s="42"/>
      <c r="GD234" s="42"/>
      <c r="GE234" s="42"/>
      <c r="GF234" s="42"/>
      <c r="GG234" s="42"/>
      <c r="GH234" s="42"/>
      <c r="GI234" s="42"/>
      <c r="GJ234" s="42"/>
      <c r="GK234" s="42"/>
      <c r="GL234" s="42"/>
      <c r="GM234" s="42"/>
      <c r="GN234" s="42"/>
      <c r="GO234" s="42"/>
      <c r="GP234" s="42"/>
      <c r="GQ234" s="42"/>
      <c r="GR234" s="42"/>
      <c r="GS234" s="42"/>
      <c r="GT234" s="42"/>
      <c r="GU234" s="42"/>
      <c r="GV234" s="42"/>
      <c r="GW234" s="42"/>
      <c r="GX234" s="42"/>
      <c r="GY234" s="42"/>
      <c r="GZ234" s="42"/>
      <c r="HA234" s="42"/>
      <c r="HB234" s="42"/>
      <c r="HC234" s="42"/>
      <c r="HD234" s="42"/>
      <c r="HE234" s="42"/>
      <c r="HF234" s="42"/>
      <c r="HG234" s="42"/>
      <c r="HH234" s="42"/>
      <c r="HI234" s="42"/>
      <c r="HJ234" s="42"/>
      <c r="HK234" s="42"/>
      <c r="HL234" s="42"/>
      <c r="HM234" s="42"/>
      <c r="HN234" s="42"/>
      <c r="HO234" s="42"/>
      <c r="HP234" s="42"/>
      <c r="HQ234" s="42"/>
      <c r="HR234" s="42"/>
      <c r="HS234" s="42"/>
      <c r="HT234" s="42"/>
      <c r="HU234" s="42"/>
      <c r="HV234" s="42"/>
      <c r="HW234" s="42"/>
      <c r="HX234" s="42"/>
      <c r="HY234" s="42"/>
      <c r="HZ234" s="42"/>
      <c r="IA234" s="42"/>
      <c r="IB234" s="42"/>
      <c r="IC234" s="42"/>
      <c r="ID234" s="42"/>
      <c r="IE234" s="42"/>
      <c r="IF234" s="42"/>
      <c r="IG234" s="42"/>
      <c r="IH234" s="42"/>
      <c r="II234" s="42"/>
      <c r="IJ234" s="42"/>
      <c r="IK234" s="42"/>
      <c r="IL234" s="42"/>
      <c r="IM234" s="42"/>
      <c r="IN234" s="42"/>
      <c r="IO234" s="42"/>
      <c r="IP234" s="42"/>
      <c r="IQ234" s="42"/>
      <c r="IR234" s="42"/>
      <c r="IS234" s="42"/>
      <c r="IT234" s="42"/>
      <c r="IU234" s="42"/>
      <c r="IV234" s="42"/>
      <c r="IW234" s="42"/>
      <c r="IX234" s="42"/>
    </row>
    <row r="235" spans="1:258" s="67" customFormat="1" ht="70.2" customHeight="1">
      <c r="A235" s="531"/>
      <c r="B235" s="532"/>
      <c r="C235" s="532"/>
      <c r="D235" s="532"/>
      <c r="E235" s="532"/>
      <c r="F235" s="532"/>
      <c r="G235" s="532"/>
      <c r="H235" s="532"/>
      <c r="I235" s="533"/>
      <c r="J235" s="449" t="s">
        <v>160</v>
      </c>
      <c r="K235" s="537"/>
      <c r="L235" s="537"/>
      <c r="M235" s="537"/>
      <c r="N235" s="537"/>
      <c r="O235" s="537"/>
      <c r="P235" s="538"/>
      <c r="Q235" s="134"/>
      <c r="R235" s="133"/>
      <c r="S235" s="39"/>
      <c r="T235" s="40"/>
      <c r="U235" s="41"/>
      <c r="V235" s="41"/>
      <c r="W235" s="41"/>
      <c r="X235" s="41"/>
      <c r="Y235" s="41"/>
      <c r="Z235" s="41"/>
      <c r="AA235" s="41"/>
      <c r="AB235" s="41"/>
      <c r="AC235" s="41"/>
      <c r="AD235" s="41"/>
      <c r="AE235" s="41"/>
      <c r="AF235" s="41"/>
      <c r="AG235" s="41"/>
      <c r="AH235" s="41"/>
      <c r="AI235" s="41"/>
      <c r="AJ235" s="41"/>
      <c r="AK235" s="41"/>
      <c r="AL235" s="41"/>
      <c r="AM235" s="41"/>
      <c r="AN235" s="41"/>
      <c r="AO235" s="41"/>
      <c r="AP235" s="41"/>
      <c r="AQ235" s="41"/>
      <c r="AR235" s="41"/>
      <c r="AS235" s="41"/>
      <c r="AT235" s="41"/>
      <c r="AU235" s="41"/>
      <c r="AV235" s="41"/>
      <c r="AW235" s="41"/>
      <c r="AX235" s="41"/>
      <c r="AY235" s="41"/>
      <c r="AZ235" s="41"/>
      <c r="BA235" s="41"/>
      <c r="BB235" s="41"/>
      <c r="BC235" s="41"/>
      <c r="BD235" s="41"/>
      <c r="BE235" s="42"/>
      <c r="BF235" s="42"/>
      <c r="BG235" s="42"/>
      <c r="BH235" s="42"/>
      <c r="BI235" s="42"/>
      <c r="BJ235" s="42"/>
      <c r="BK235" s="42"/>
      <c r="BL235" s="42"/>
      <c r="BM235" s="42"/>
      <c r="BN235" s="42"/>
      <c r="BO235" s="42"/>
      <c r="BP235" s="42"/>
      <c r="BQ235" s="42"/>
      <c r="BR235" s="42"/>
      <c r="BS235" s="42"/>
      <c r="BT235" s="42"/>
      <c r="BU235" s="42"/>
      <c r="BV235" s="42"/>
      <c r="BW235" s="42"/>
      <c r="BX235" s="42"/>
      <c r="BY235" s="42"/>
      <c r="BZ235" s="42"/>
      <c r="CA235" s="42"/>
      <c r="CB235" s="42"/>
      <c r="CC235" s="42"/>
      <c r="CD235" s="42"/>
      <c r="CE235" s="42"/>
      <c r="CF235" s="42"/>
      <c r="CG235" s="42"/>
      <c r="CH235" s="42"/>
      <c r="CI235" s="42"/>
      <c r="CJ235" s="42"/>
      <c r="CK235" s="42"/>
      <c r="CL235" s="42"/>
      <c r="CM235" s="42"/>
      <c r="CN235" s="42"/>
      <c r="CO235" s="42"/>
      <c r="CP235" s="42"/>
      <c r="CQ235" s="42"/>
      <c r="CR235" s="42"/>
      <c r="CS235" s="42"/>
      <c r="CT235" s="42"/>
      <c r="CU235" s="42"/>
      <c r="CV235" s="42"/>
      <c r="CW235" s="42"/>
      <c r="CX235" s="42"/>
      <c r="CY235" s="42"/>
      <c r="CZ235" s="42"/>
      <c r="DA235" s="42"/>
      <c r="DB235" s="42"/>
      <c r="DC235" s="42"/>
      <c r="DD235" s="42"/>
      <c r="DE235" s="42"/>
      <c r="DF235" s="42"/>
      <c r="DG235" s="42"/>
      <c r="DH235" s="42"/>
      <c r="DI235" s="42"/>
      <c r="DJ235" s="42"/>
      <c r="DK235" s="42"/>
      <c r="DL235" s="42"/>
      <c r="DM235" s="42"/>
      <c r="DN235" s="42"/>
      <c r="DO235" s="42"/>
      <c r="DP235" s="42"/>
      <c r="DQ235" s="42"/>
      <c r="DR235" s="42"/>
      <c r="DS235" s="42"/>
      <c r="DT235" s="42"/>
      <c r="DU235" s="42"/>
      <c r="DV235" s="42"/>
      <c r="DW235" s="42"/>
      <c r="DX235" s="42"/>
      <c r="DY235" s="42"/>
      <c r="DZ235" s="42"/>
      <c r="EA235" s="42"/>
      <c r="EB235" s="42"/>
      <c r="EC235" s="42"/>
      <c r="ED235" s="42"/>
      <c r="EE235" s="42"/>
      <c r="EF235" s="42"/>
      <c r="EG235" s="42"/>
      <c r="EH235" s="42"/>
      <c r="EI235" s="42"/>
      <c r="EJ235" s="42"/>
      <c r="EK235" s="42"/>
      <c r="EL235" s="42"/>
      <c r="EM235" s="42"/>
      <c r="EN235" s="42"/>
      <c r="EO235" s="42"/>
      <c r="EP235" s="42"/>
      <c r="EQ235" s="42"/>
      <c r="ER235" s="42"/>
      <c r="ES235" s="42"/>
      <c r="ET235" s="42"/>
      <c r="EU235" s="42"/>
      <c r="EV235" s="42"/>
      <c r="EW235" s="42"/>
      <c r="EX235" s="42"/>
      <c r="EY235" s="42"/>
      <c r="EZ235" s="42"/>
      <c r="FA235" s="42"/>
      <c r="FB235" s="42"/>
      <c r="FC235" s="42"/>
      <c r="FD235" s="42"/>
      <c r="FE235" s="42"/>
      <c r="FF235" s="42"/>
      <c r="FG235" s="42"/>
      <c r="FH235" s="42"/>
      <c r="FI235" s="42"/>
      <c r="FJ235" s="42"/>
      <c r="FK235" s="42"/>
      <c r="FL235" s="42"/>
      <c r="FM235" s="42"/>
      <c r="FN235" s="42"/>
      <c r="FO235" s="42"/>
      <c r="FP235" s="42"/>
      <c r="FQ235" s="42"/>
      <c r="FR235" s="42"/>
      <c r="FS235" s="42"/>
      <c r="FT235" s="42"/>
      <c r="FU235" s="42"/>
      <c r="FV235" s="42"/>
      <c r="FW235" s="42"/>
      <c r="FX235" s="42"/>
      <c r="FY235" s="42"/>
      <c r="FZ235" s="42"/>
      <c r="GA235" s="42"/>
      <c r="GB235" s="42"/>
      <c r="GC235" s="42"/>
      <c r="GD235" s="42"/>
      <c r="GE235" s="42"/>
      <c r="GF235" s="42"/>
      <c r="GG235" s="42"/>
      <c r="GH235" s="42"/>
      <c r="GI235" s="42"/>
      <c r="GJ235" s="42"/>
      <c r="GK235" s="42"/>
      <c r="GL235" s="42"/>
      <c r="GM235" s="42"/>
      <c r="GN235" s="42"/>
      <c r="GO235" s="42"/>
      <c r="GP235" s="42"/>
      <c r="GQ235" s="42"/>
      <c r="GR235" s="42"/>
      <c r="GS235" s="42"/>
      <c r="GT235" s="42"/>
      <c r="GU235" s="42"/>
      <c r="GV235" s="42"/>
      <c r="GW235" s="42"/>
      <c r="GX235" s="42"/>
      <c r="GY235" s="42"/>
      <c r="GZ235" s="42"/>
      <c r="HA235" s="42"/>
      <c r="HB235" s="42"/>
      <c r="HC235" s="42"/>
      <c r="HD235" s="42"/>
      <c r="HE235" s="42"/>
      <c r="HF235" s="42"/>
      <c r="HG235" s="42"/>
      <c r="HH235" s="42"/>
      <c r="HI235" s="42"/>
      <c r="HJ235" s="42"/>
      <c r="HK235" s="42"/>
      <c r="HL235" s="42"/>
      <c r="HM235" s="42"/>
      <c r="HN235" s="42"/>
      <c r="HO235" s="42"/>
      <c r="HP235" s="42"/>
      <c r="HQ235" s="42"/>
      <c r="HR235" s="42"/>
      <c r="HS235" s="42"/>
      <c r="HT235" s="42"/>
      <c r="HU235" s="42"/>
      <c r="HV235" s="42"/>
      <c r="HW235" s="42"/>
      <c r="HX235" s="42"/>
      <c r="HY235" s="42"/>
      <c r="HZ235" s="42"/>
      <c r="IA235" s="42"/>
      <c r="IB235" s="42"/>
      <c r="IC235" s="42"/>
      <c r="ID235" s="42"/>
      <c r="IE235" s="42"/>
      <c r="IF235" s="42"/>
      <c r="IG235" s="42"/>
      <c r="IH235" s="42"/>
      <c r="II235" s="42"/>
      <c r="IJ235" s="42"/>
      <c r="IK235" s="42"/>
      <c r="IL235" s="42"/>
      <c r="IM235" s="42"/>
      <c r="IN235" s="42"/>
      <c r="IO235" s="42"/>
      <c r="IP235" s="42"/>
      <c r="IQ235" s="42"/>
      <c r="IR235" s="42"/>
      <c r="IS235" s="42"/>
      <c r="IT235" s="42"/>
      <c r="IU235" s="42"/>
      <c r="IV235" s="42"/>
      <c r="IW235" s="42"/>
      <c r="IX235" s="42"/>
    </row>
    <row r="236" spans="1:258" s="67" customFormat="1" ht="70.2" customHeight="1">
      <c r="A236" s="534"/>
      <c r="B236" s="535"/>
      <c r="C236" s="535"/>
      <c r="D236" s="535"/>
      <c r="E236" s="535"/>
      <c r="F236" s="535"/>
      <c r="G236" s="535"/>
      <c r="H236" s="535"/>
      <c r="I236" s="536"/>
      <c r="J236" s="598" t="s">
        <v>161</v>
      </c>
      <c r="K236" s="638"/>
      <c r="L236" s="108" t="s">
        <v>154</v>
      </c>
      <c r="M236" s="449"/>
      <c r="N236" s="537"/>
      <c r="O236" s="537"/>
      <c r="P236" s="538"/>
      <c r="Q236" s="134"/>
      <c r="R236" s="133"/>
      <c r="S236" s="39"/>
      <c r="T236" s="40"/>
      <c r="U236" s="41"/>
      <c r="V236" s="41"/>
      <c r="W236" s="41"/>
      <c r="X236" s="41"/>
      <c r="Y236" s="41"/>
      <c r="Z236" s="41"/>
      <c r="AA236" s="41"/>
      <c r="AB236" s="41"/>
      <c r="AC236" s="41"/>
      <c r="AD236" s="41"/>
      <c r="AE236" s="41"/>
      <c r="AF236" s="41"/>
      <c r="AG236" s="41"/>
      <c r="AH236" s="41"/>
      <c r="AI236" s="41"/>
      <c r="AJ236" s="41"/>
      <c r="AK236" s="41"/>
      <c r="AL236" s="41"/>
      <c r="AM236" s="41"/>
      <c r="AN236" s="41"/>
      <c r="AO236" s="41"/>
      <c r="AP236" s="41"/>
      <c r="AQ236" s="41"/>
      <c r="AR236" s="41"/>
      <c r="AS236" s="41"/>
      <c r="AT236" s="41"/>
      <c r="AU236" s="41"/>
      <c r="AV236" s="41"/>
      <c r="AW236" s="41"/>
      <c r="AX236" s="41"/>
      <c r="AY236" s="41"/>
      <c r="AZ236" s="41"/>
      <c r="BA236" s="41"/>
      <c r="BB236" s="41"/>
      <c r="BC236" s="41"/>
      <c r="BD236" s="41"/>
      <c r="BE236" s="42"/>
      <c r="BF236" s="42"/>
      <c r="BG236" s="42"/>
      <c r="BH236" s="42"/>
      <c r="BI236" s="42"/>
      <c r="BJ236" s="42"/>
      <c r="BK236" s="42"/>
      <c r="BL236" s="42"/>
      <c r="BM236" s="42"/>
      <c r="BN236" s="42"/>
      <c r="BO236" s="42"/>
      <c r="BP236" s="42"/>
      <c r="BQ236" s="42"/>
      <c r="BR236" s="42"/>
      <c r="BS236" s="42"/>
      <c r="BT236" s="42"/>
      <c r="BU236" s="42"/>
      <c r="BV236" s="42"/>
      <c r="BW236" s="42"/>
      <c r="BX236" s="42"/>
      <c r="BY236" s="42"/>
      <c r="BZ236" s="42"/>
      <c r="CA236" s="42"/>
      <c r="CB236" s="42"/>
      <c r="CC236" s="42"/>
      <c r="CD236" s="42"/>
      <c r="CE236" s="42"/>
      <c r="CF236" s="42"/>
      <c r="CG236" s="42"/>
      <c r="CH236" s="42"/>
      <c r="CI236" s="42"/>
      <c r="CJ236" s="42"/>
      <c r="CK236" s="42"/>
      <c r="CL236" s="42"/>
      <c r="CM236" s="42"/>
      <c r="CN236" s="42"/>
      <c r="CO236" s="42"/>
      <c r="CP236" s="42"/>
      <c r="CQ236" s="42"/>
      <c r="CR236" s="42"/>
      <c r="CS236" s="42"/>
      <c r="CT236" s="42"/>
      <c r="CU236" s="42"/>
      <c r="CV236" s="42"/>
      <c r="CW236" s="42"/>
      <c r="CX236" s="42"/>
      <c r="CY236" s="42"/>
      <c r="CZ236" s="42"/>
      <c r="DA236" s="42"/>
      <c r="DB236" s="42"/>
      <c r="DC236" s="42"/>
      <c r="DD236" s="42"/>
      <c r="DE236" s="42"/>
      <c r="DF236" s="42"/>
      <c r="DG236" s="42"/>
      <c r="DH236" s="42"/>
      <c r="DI236" s="42"/>
      <c r="DJ236" s="42"/>
      <c r="DK236" s="42"/>
      <c r="DL236" s="42"/>
      <c r="DM236" s="42"/>
      <c r="DN236" s="42"/>
      <c r="DO236" s="42"/>
      <c r="DP236" s="42"/>
      <c r="DQ236" s="42"/>
      <c r="DR236" s="42"/>
      <c r="DS236" s="42"/>
      <c r="DT236" s="42"/>
      <c r="DU236" s="42"/>
      <c r="DV236" s="42"/>
      <c r="DW236" s="42"/>
      <c r="DX236" s="42"/>
      <c r="DY236" s="42"/>
      <c r="DZ236" s="42"/>
      <c r="EA236" s="42"/>
      <c r="EB236" s="42"/>
      <c r="EC236" s="42"/>
      <c r="ED236" s="42"/>
      <c r="EE236" s="42"/>
      <c r="EF236" s="42"/>
      <c r="EG236" s="42"/>
      <c r="EH236" s="42"/>
      <c r="EI236" s="42"/>
      <c r="EJ236" s="42"/>
      <c r="EK236" s="42"/>
      <c r="EL236" s="42"/>
      <c r="EM236" s="42"/>
      <c r="EN236" s="42"/>
      <c r="EO236" s="42"/>
      <c r="EP236" s="42"/>
      <c r="EQ236" s="42"/>
      <c r="ER236" s="42"/>
      <c r="ES236" s="42"/>
      <c r="ET236" s="42"/>
      <c r="EU236" s="42"/>
      <c r="EV236" s="42"/>
      <c r="EW236" s="42"/>
      <c r="EX236" s="42"/>
      <c r="EY236" s="42"/>
      <c r="EZ236" s="42"/>
      <c r="FA236" s="42"/>
      <c r="FB236" s="42"/>
      <c r="FC236" s="42"/>
      <c r="FD236" s="42"/>
      <c r="FE236" s="42"/>
      <c r="FF236" s="42"/>
      <c r="FG236" s="42"/>
      <c r="FH236" s="42"/>
      <c r="FI236" s="42"/>
      <c r="FJ236" s="42"/>
      <c r="FK236" s="42"/>
      <c r="FL236" s="42"/>
      <c r="FM236" s="42"/>
      <c r="FN236" s="42"/>
      <c r="FO236" s="42"/>
      <c r="FP236" s="42"/>
      <c r="FQ236" s="42"/>
      <c r="FR236" s="42"/>
      <c r="FS236" s="42"/>
      <c r="FT236" s="42"/>
      <c r="FU236" s="42"/>
      <c r="FV236" s="42"/>
      <c r="FW236" s="42"/>
      <c r="FX236" s="42"/>
      <c r="FY236" s="42"/>
      <c r="FZ236" s="42"/>
      <c r="GA236" s="42"/>
      <c r="GB236" s="42"/>
      <c r="GC236" s="42"/>
      <c r="GD236" s="42"/>
      <c r="GE236" s="42"/>
      <c r="GF236" s="42"/>
      <c r="GG236" s="42"/>
      <c r="GH236" s="42"/>
      <c r="GI236" s="42"/>
      <c r="GJ236" s="42"/>
      <c r="GK236" s="42"/>
      <c r="GL236" s="42"/>
      <c r="GM236" s="42"/>
      <c r="GN236" s="42"/>
      <c r="GO236" s="42"/>
      <c r="GP236" s="42"/>
      <c r="GQ236" s="42"/>
      <c r="GR236" s="42"/>
      <c r="GS236" s="42"/>
      <c r="GT236" s="42"/>
      <c r="GU236" s="42"/>
      <c r="GV236" s="42"/>
      <c r="GW236" s="42"/>
      <c r="GX236" s="42"/>
      <c r="GY236" s="42"/>
      <c r="GZ236" s="42"/>
      <c r="HA236" s="42"/>
      <c r="HB236" s="42"/>
      <c r="HC236" s="42"/>
      <c r="HD236" s="42"/>
      <c r="HE236" s="42"/>
      <c r="HF236" s="42"/>
      <c r="HG236" s="42"/>
      <c r="HH236" s="42"/>
      <c r="HI236" s="42"/>
      <c r="HJ236" s="42"/>
      <c r="HK236" s="42"/>
      <c r="HL236" s="42"/>
      <c r="HM236" s="42"/>
      <c r="HN236" s="42"/>
      <c r="HO236" s="42"/>
      <c r="HP236" s="42"/>
      <c r="HQ236" s="42"/>
      <c r="HR236" s="42"/>
      <c r="HS236" s="42"/>
      <c r="HT236" s="42"/>
      <c r="HU236" s="42"/>
      <c r="HV236" s="42"/>
      <c r="HW236" s="42"/>
      <c r="HX236" s="42"/>
      <c r="HY236" s="42"/>
      <c r="HZ236" s="42"/>
      <c r="IA236" s="42"/>
      <c r="IB236" s="42"/>
      <c r="IC236" s="42"/>
      <c r="ID236" s="42"/>
      <c r="IE236" s="42"/>
      <c r="IF236" s="42"/>
      <c r="IG236" s="42"/>
      <c r="IH236" s="42"/>
      <c r="II236" s="42"/>
      <c r="IJ236" s="42"/>
      <c r="IK236" s="42"/>
      <c r="IL236" s="42"/>
      <c r="IM236" s="42"/>
      <c r="IN236" s="42"/>
      <c r="IO236" s="42"/>
      <c r="IP236" s="42"/>
      <c r="IQ236" s="42"/>
      <c r="IR236" s="42"/>
      <c r="IS236" s="42"/>
      <c r="IT236" s="42"/>
      <c r="IU236" s="42"/>
      <c r="IV236" s="42"/>
      <c r="IW236" s="42"/>
      <c r="IX236" s="42"/>
    </row>
    <row r="237" spans="1:258" s="67" customFormat="1" ht="70.2" customHeight="1">
      <c r="A237" s="674" t="s">
        <v>162</v>
      </c>
      <c r="B237" s="675"/>
      <c r="C237" s="675"/>
      <c r="D237" s="675"/>
      <c r="E237" s="675"/>
      <c r="F237" s="675"/>
      <c r="G237" s="675"/>
      <c r="H237" s="675"/>
      <c r="I237" s="676"/>
      <c r="J237" s="613"/>
      <c r="K237" s="613"/>
      <c r="L237" s="613"/>
      <c r="M237" s="613"/>
      <c r="N237" s="613"/>
      <c r="O237" s="613"/>
      <c r="P237" s="677"/>
      <c r="Q237" s="134"/>
      <c r="R237" s="133"/>
      <c r="S237" s="39"/>
      <c r="T237" s="40"/>
      <c r="U237" s="41"/>
      <c r="V237" s="41"/>
      <c r="W237" s="41"/>
      <c r="X237" s="41"/>
      <c r="Y237" s="41"/>
      <c r="Z237" s="41"/>
      <c r="AA237" s="41"/>
      <c r="AB237" s="41"/>
      <c r="AC237" s="41"/>
      <c r="AD237" s="41"/>
      <c r="AE237" s="41"/>
      <c r="AF237" s="41"/>
      <c r="AG237" s="41"/>
      <c r="AH237" s="41"/>
      <c r="AI237" s="41"/>
      <c r="AJ237" s="41"/>
      <c r="AK237" s="41"/>
      <c r="AL237" s="41"/>
      <c r="AM237" s="41"/>
      <c r="AN237" s="41"/>
      <c r="AO237" s="41"/>
      <c r="AP237" s="41"/>
      <c r="AQ237" s="41"/>
      <c r="AR237" s="41"/>
      <c r="AS237" s="41"/>
      <c r="AT237" s="41"/>
      <c r="AU237" s="41"/>
      <c r="AV237" s="41"/>
      <c r="AW237" s="41"/>
      <c r="AX237" s="41"/>
      <c r="AY237" s="41"/>
      <c r="AZ237" s="41"/>
      <c r="BA237" s="41"/>
      <c r="BB237" s="41"/>
      <c r="BC237" s="41"/>
      <c r="BD237" s="41"/>
      <c r="BE237" s="42"/>
      <c r="BF237" s="42"/>
      <c r="BG237" s="42"/>
      <c r="BH237" s="42"/>
      <c r="BI237" s="42"/>
      <c r="BJ237" s="42"/>
      <c r="BK237" s="42"/>
      <c r="BL237" s="42"/>
      <c r="BM237" s="42"/>
      <c r="BN237" s="42"/>
      <c r="BO237" s="42"/>
      <c r="BP237" s="42"/>
      <c r="BQ237" s="42"/>
      <c r="BR237" s="42"/>
      <c r="BS237" s="42"/>
      <c r="BT237" s="42"/>
      <c r="BU237" s="42"/>
      <c r="BV237" s="42"/>
      <c r="BW237" s="42"/>
      <c r="BX237" s="42"/>
      <c r="BY237" s="42"/>
      <c r="BZ237" s="42"/>
      <c r="CA237" s="42"/>
      <c r="CB237" s="42"/>
      <c r="CC237" s="42"/>
      <c r="CD237" s="42"/>
      <c r="CE237" s="42"/>
      <c r="CF237" s="42"/>
      <c r="CG237" s="42"/>
      <c r="CH237" s="42"/>
      <c r="CI237" s="42"/>
      <c r="CJ237" s="42"/>
      <c r="CK237" s="42"/>
      <c r="CL237" s="42"/>
      <c r="CM237" s="42"/>
      <c r="CN237" s="42"/>
      <c r="CO237" s="42"/>
      <c r="CP237" s="42"/>
      <c r="CQ237" s="42"/>
      <c r="CR237" s="42"/>
      <c r="CS237" s="42"/>
      <c r="CT237" s="42"/>
      <c r="CU237" s="42"/>
      <c r="CV237" s="42"/>
      <c r="CW237" s="42"/>
      <c r="CX237" s="42"/>
      <c r="CY237" s="42"/>
      <c r="CZ237" s="42"/>
      <c r="DA237" s="42"/>
      <c r="DB237" s="42"/>
      <c r="DC237" s="42"/>
      <c r="DD237" s="42"/>
      <c r="DE237" s="42"/>
      <c r="DF237" s="42"/>
      <c r="DG237" s="42"/>
      <c r="DH237" s="42"/>
      <c r="DI237" s="42"/>
      <c r="DJ237" s="42"/>
      <c r="DK237" s="42"/>
      <c r="DL237" s="42"/>
      <c r="DM237" s="42"/>
      <c r="DN237" s="42"/>
      <c r="DO237" s="42"/>
      <c r="DP237" s="42"/>
      <c r="DQ237" s="42"/>
      <c r="DR237" s="42"/>
      <c r="DS237" s="42"/>
      <c r="DT237" s="42"/>
      <c r="DU237" s="42"/>
      <c r="DV237" s="42"/>
      <c r="DW237" s="42"/>
      <c r="DX237" s="42"/>
      <c r="DY237" s="42"/>
      <c r="DZ237" s="42"/>
      <c r="EA237" s="42"/>
      <c r="EB237" s="42"/>
      <c r="EC237" s="42"/>
      <c r="ED237" s="42"/>
      <c r="EE237" s="42"/>
      <c r="EF237" s="42"/>
      <c r="EG237" s="42"/>
      <c r="EH237" s="42"/>
      <c r="EI237" s="42"/>
      <c r="EJ237" s="42"/>
      <c r="EK237" s="42"/>
      <c r="EL237" s="42"/>
      <c r="EM237" s="42"/>
      <c r="EN237" s="42"/>
      <c r="EO237" s="42"/>
      <c r="EP237" s="42"/>
      <c r="EQ237" s="42"/>
      <c r="ER237" s="42"/>
      <c r="ES237" s="42"/>
      <c r="ET237" s="42"/>
      <c r="EU237" s="42"/>
      <c r="EV237" s="42"/>
      <c r="EW237" s="42"/>
      <c r="EX237" s="42"/>
      <c r="EY237" s="42"/>
      <c r="EZ237" s="42"/>
      <c r="FA237" s="42"/>
      <c r="FB237" s="42"/>
      <c r="FC237" s="42"/>
      <c r="FD237" s="42"/>
      <c r="FE237" s="42"/>
      <c r="FF237" s="42"/>
      <c r="FG237" s="42"/>
      <c r="FH237" s="42"/>
      <c r="FI237" s="42"/>
      <c r="FJ237" s="42"/>
      <c r="FK237" s="42"/>
      <c r="FL237" s="42"/>
      <c r="FM237" s="42"/>
      <c r="FN237" s="42"/>
      <c r="FO237" s="42"/>
      <c r="FP237" s="42"/>
      <c r="FQ237" s="42"/>
      <c r="FR237" s="42"/>
      <c r="FS237" s="42"/>
      <c r="FT237" s="42"/>
      <c r="FU237" s="42"/>
      <c r="FV237" s="42"/>
      <c r="FW237" s="42"/>
      <c r="FX237" s="42"/>
      <c r="FY237" s="42"/>
      <c r="FZ237" s="42"/>
      <c r="GA237" s="42"/>
      <c r="GB237" s="42"/>
      <c r="GC237" s="42"/>
      <c r="GD237" s="42"/>
      <c r="GE237" s="42"/>
      <c r="GF237" s="42"/>
      <c r="GG237" s="42"/>
      <c r="GH237" s="42"/>
      <c r="GI237" s="42"/>
      <c r="GJ237" s="42"/>
      <c r="GK237" s="42"/>
      <c r="GL237" s="42"/>
      <c r="GM237" s="42"/>
      <c r="GN237" s="42"/>
      <c r="GO237" s="42"/>
      <c r="GP237" s="42"/>
      <c r="GQ237" s="42"/>
      <c r="GR237" s="42"/>
      <c r="GS237" s="42"/>
      <c r="GT237" s="42"/>
      <c r="GU237" s="42"/>
      <c r="GV237" s="42"/>
      <c r="GW237" s="42"/>
      <c r="GX237" s="42"/>
      <c r="GY237" s="42"/>
      <c r="GZ237" s="42"/>
      <c r="HA237" s="42"/>
      <c r="HB237" s="42"/>
      <c r="HC237" s="42"/>
      <c r="HD237" s="42"/>
      <c r="HE237" s="42"/>
      <c r="HF237" s="42"/>
      <c r="HG237" s="42"/>
      <c r="HH237" s="42"/>
      <c r="HI237" s="42"/>
      <c r="HJ237" s="42"/>
      <c r="HK237" s="42"/>
      <c r="HL237" s="42"/>
      <c r="HM237" s="42"/>
      <c r="HN237" s="42"/>
      <c r="HO237" s="42"/>
      <c r="HP237" s="42"/>
      <c r="HQ237" s="42"/>
      <c r="HR237" s="42"/>
      <c r="HS237" s="42"/>
      <c r="HT237" s="42"/>
      <c r="HU237" s="42"/>
      <c r="HV237" s="42"/>
      <c r="HW237" s="42"/>
      <c r="HX237" s="42"/>
      <c r="HY237" s="42"/>
      <c r="HZ237" s="42"/>
      <c r="IA237" s="42"/>
      <c r="IB237" s="42"/>
      <c r="IC237" s="42"/>
      <c r="ID237" s="42"/>
      <c r="IE237" s="42"/>
      <c r="IF237" s="42"/>
      <c r="IG237" s="42"/>
      <c r="IH237" s="42"/>
      <c r="II237" s="42"/>
      <c r="IJ237" s="42"/>
      <c r="IK237" s="42"/>
      <c r="IL237" s="42"/>
      <c r="IM237" s="42"/>
      <c r="IN237" s="42"/>
      <c r="IO237" s="42"/>
      <c r="IP237" s="42"/>
      <c r="IQ237" s="42"/>
      <c r="IR237" s="42"/>
      <c r="IS237" s="42"/>
      <c r="IT237" s="42"/>
      <c r="IU237" s="42"/>
      <c r="IV237" s="42"/>
      <c r="IW237" s="42"/>
      <c r="IX237" s="42"/>
    </row>
    <row r="238" spans="1:258" s="67" customFormat="1" ht="70.2" customHeight="1">
      <c r="A238" s="666" t="s">
        <v>163</v>
      </c>
      <c r="B238" s="667"/>
      <c r="C238" s="667"/>
      <c r="D238" s="667"/>
      <c r="E238" s="667"/>
      <c r="F238" s="667"/>
      <c r="G238" s="667"/>
      <c r="H238" s="667"/>
      <c r="I238" s="668"/>
      <c r="J238" s="669"/>
      <c r="K238" s="667"/>
      <c r="L238" s="667"/>
      <c r="M238" s="667"/>
      <c r="N238" s="667"/>
      <c r="O238" s="667"/>
      <c r="P238" s="670"/>
      <c r="Q238" s="139"/>
      <c r="R238" s="138"/>
      <c r="S238" s="78"/>
      <c r="T238" s="76"/>
      <c r="U238" s="77"/>
      <c r="V238" s="77"/>
      <c r="W238" s="77"/>
      <c r="X238" s="77"/>
      <c r="Y238" s="77"/>
      <c r="Z238" s="77"/>
      <c r="AA238" s="77"/>
      <c r="AB238" s="77"/>
      <c r="AC238" s="77"/>
      <c r="AD238" s="77"/>
      <c r="AE238" s="77"/>
      <c r="AF238" s="77"/>
      <c r="AG238" s="77"/>
      <c r="AH238" s="77"/>
      <c r="AI238" s="77"/>
      <c r="AJ238" s="77"/>
      <c r="AK238" s="77"/>
      <c r="AL238" s="77"/>
      <c r="AM238" s="77"/>
      <c r="AN238" s="77"/>
      <c r="AO238" s="77"/>
      <c r="AP238" s="77"/>
      <c r="AQ238" s="77"/>
      <c r="AR238" s="77"/>
      <c r="AS238" s="77"/>
      <c r="AT238" s="77"/>
      <c r="AU238" s="77"/>
      <c r="AV238" s="77"/>
      <c r="AW238" s="77"/>
      <c r="AX238" s="77"/>
      <c r="AY238" s="77"/>
      <c r="AZ238" s="77"/>
      <c r="BA238" s="77"/>
      <c r="BB238" s="77"/>
      <c r="BC238" s="77"/>
      <c r="BD238" s="77"/>
    </row>
    <row r="239" spans="1:258" s="64" customFormat="1" ht="69.900000000000006" customHeight="1">
      <c r="A239" s="600" t="s">
        <v>344</v>
      </c>
      <c r="B239" s="601"/>
      <c r="C239" s="601"/>
      <c r="D239" s="601"/>
      <c r="E239" s="601"/>
      <c r="F239" s="601"/>
      <c r="G239" s="601"/>
      <c r="H239" s="601"/>
      <c r="I239" s="601"/>
      <c r="J239" s="601"/>
      <c r="K239" s="601"/>
      <c r="L239" s="601"/>
      <c r="M239" s="601"/>
      <c r="N239" s="601"/>
      <c r="O239" s="601"/>
      <c r="P239" s="602"/>
      <c r="Q239" s="122"/>
      <c r="R239" s="138"/>
      <c r="S239" s="162"/>
    </row>
    <row r="240" spans="1:258" s="67" customFormat="1" ht="70.2" customHeight="1">
      <c r="A240" s="510" t="s">
        <v>150</v>
      </c>
      <c r="B240" s="511"/>
      <c r="C240" s="511"/>
      <c r="D240" s="511"/>
      <c r="E240" s="511"/>
      <c r="F240" s="511"/>
      <c r="G240" s="511"/>
      <c r="H240" s="511"/>
      <c r="I240" s="512"/>
      <c r="J240" s="596"/>
      <c r="K240" s="596"/>
      <c r="L240" s="596"/>
      <c r="M240" s="596"/>
      <c r="N240" s="596"/>
      <c r="O240" s="596"/>
      <c r="P240" s="662"/>
      <c r="Q240" s="139"/>
      <c r="R240" s="138"/>
      <c r="S240" s="78"/>
      <c r="T240" s="76"/>
      <c r="U240" s="77"/>
      <c r="V240" s="77"/>
      <c r="W240" s="77"/>
      <c r="X240" s="77"/>
      <c r="Y240" s="77"/>
      <c r="Z240" s="77"/>
      <c r="AA240" s="77"/>
      <c r="AB240" s="77"/>
      <c r="AC240" s="77"/>
      <c r="AD240" s="77"/>
      <c r="AE240" s="77"/>
      <c r="AF240" s="77"/>
      <c r="AG240" s="77"/>
      <c r="AH240" s="77"/>
      <c r="AI240" s="77"/>
      <c r="AJ240" s="77"/>
      <c r="AK240" s="77"/>
      <c r="AL240" s="77"/>
      <c r="AM240" s="77"/>
      <c r="AN240" s="77"/>
      <c r="AO240" s="77"/>
      <c r="AP240" s="77"/>
      <c r="AQ240" s="77"/>
      <c r="AR240" s="77"/>
      <c r="AS240" s="77"/>
      <c r="AT240" s="77"/>
      <c r="AU240" s="77"/>
      <c r="AV240" s="77"/>
      <c r="AW240" s="77"/>
      <c r="AX240" s="77"/>
      <c r="AY240" s="77"/>
      <c r="AZ240" s="77"/>
      <c r="BA240" s="77"/>
      <c r="BB240" s="77"/>
      <c r="BC240" s="77"/>
      <c r="BD240" s="77"/>
    </row>
    <row r="241" spans="1:258" s="67" customFormat="1" ht="70.2" customHeight="1">
      <c r="A241" s="528" t="s">
        <v>151</v>
      </c>
      <c r="B241" s="529"/>
      <c r="C241" s="529"/>
      <c r="D241" s="529"/>
      <c r="E241" s="529"/>
      <c r="F241" s="529"/>
      <c r="G241" s="529"/>
      <c r="H241" s="529"/>
      <c r="I241" s="530"/>
      <c r="J241" s="449" t="s">
        <v>152</v>
      </c>
      <c r="K241" s="537"/>
      <c r="L241" s="537"/>
      <c r="M241" s="537"/>
      <c r="N241" s="537"/>
      <c r="O241" s="537"/>
      <c r="P241" s="538"/>
      <c r="Q241" s="139"/>
      <c r="R241" s="138"/>
      <c r="S241" s="78"/>
      <c r="T241" s="76"/>
      <c r="U241" s="77"/>
      <c r="V241" s="77"/>
      <c r="W241" s="77"/>
      <c r="X241" s="77"/>
      <c r="Y241" s="77"/>
      <c r="Z241" s="77"/>
      <c r="AA241" s="77"/>
      <c r="AB241" s="77"/>
      <c r="AC241" s="77"/>
      <c r="AD241" s="77"/>
      <c r="AE241" s="77"/>
      <c r="AF241" s="77"/>
      <c r="AG241" s="77"/>
      <c r="AH241" s="77"/>
      <c r="AI241" s="77"/>
      <c r="AJ241" s="77"/>
      <c r="AK241" s="77"/>
      <c r="AL241" s="77"/>
      <c r="AM241" s="77"/>
      <c r="AN241" s="77"/>
      <c r="AO241" s="77"/>
      <c r="AP241" s="77"/>
      <c r="AQ241" s="77"/>
      <c r="AR241" s="77"/>
      <c r="AS241" s="77"/>
      <c r="AT241" s="77"/>
      <c r="AU241" s="77"/>
      <c r="AV241" s="77"/>
      <c r="AW241" s="77"/>
      <c r="AX241" s="77"/>
      <c r="AY241" s="77"/>
      <c r="AZ241" s="77"/>
      <c r="BA241" s="77"/>
      <c r="BB241" s="77"/>
      <c r="BC241" s="77"/>
      <c r="BD241" s="77"/>
    </row>
    <row r="242" spans="1:258" s="67" customFormat="1" ht="70.2" customHeight="1">
      <c r="A242" s="539"/>
      <c r="B242" s="540"/>
      <c r="C242" s="540"/>
      <c r="D242" s="540"/>
      <c r="E242" s="540"/>
      <c r="F242" s="540"/>
      <c r="G242" s="540"/>
      <c r="H242" s="540"/>
      <c r="I242" s="541"/>
      <c r="J242" s="649" t="s">
        <v>153</v>
      </c>
      <c r="K242" s="650"/>
      <c r="L242" s="110" t="s">
        <v>154</v>
      </c>
      <c r="M242" s="497"/>
      <c r="N242" s="498"/>
      <c r="O242" s="498"/>
      <c r="P242" s="499"/>
      <c r="Q242" s="139"/>
      <c r="R242" s="138"/>
      <c r="S242" s="78"/>
      <c r="T242" s="76"/>
      <c r="U242" s="77"/>
      <c r="V242" s="77"/>
      <c r="W242" s="77"/>
      <c r="X242" s="77"/>
      <c r="Y242" s="77"/>
      <c r="Z242" s="77"/>
      <c r="AA242" s="77"/>
      <c r="AB242" s="77"/>
      <c r="AC242" s="77"/>
      <c r="AD242" s="77"/>
      <c r="AE242" s="77"/>
      <c r="AF242" s="77"/>
      <c r="AG242" s="77"/>
      <c r="AH242" s="77"/>
      <c r="AI242" s="77"/>
      <c r="AJ242" s="77"/>
      <c r="AK242" s="77"/>
      <c r="AL242" s="77"/>
      <c r="AM242" s="77"/>
      <c r="AN242" s="77"/>
      <c r="AO242" s="77"/>
      <c r="AP242" s="77"/>
      <c r="AQ242" s="77"/>
      <c r="AR242" s="77"/>
      <c r="AS242" s="77"/>
      <c r="AT242" s="77"/>
      <c r="AU242" s="77"/>
      <c r="AV242" s="77"/>
      <c r="AW242" s="77"/>
      <c r="AX242" s="77"/>
      <c r="AY242" s="77"/>
      <c r="AZ242" s="77"/>
      <c r="BA242" s="77"/>
      <c r="BB242" s="77"/>
      <c r="BC242" s="77"/>
      <c r="BD242" s="77"/>
    </row>
    <row r="243" spans="1:258" s="64" customFormat="1" ht="69.900000000000006" customHeight="1">
      <c r="A243" s="600" t="s">
        <v>345</v>
      </c>
      <c r="B243" s="601"/>
      <c r="C243" s="601"/>
      <c r="D243" s="601"/>
      <c r="E243" s="601"/>
      <c r="F243" s="601"/>
      <c r="G243" s="601"/>
      <c r="H243" s="601"/>
      <c r="I243" s="601"/>
      <c r="J243" s="601"/>
      <c r="K243" s="601"/>
      <c r="L243" s="601"/>
      <c r="M243" s="601"/>
      <c r="N243" s="601"/>
      <c r="O243" s="601"/>
      <c r="P243" s="602"/>
      <c r="Q243" s="122"/>
      <c r="R243" s="138"/>
      <c r="S243" s="162"/>
    </row>
    <row r="244" spans="1:258" s="67" customFormat="1" ht="70.2" customHeight="1">
      <c r="A244" s="510" t="s">
        <v>150</v>
      </c>
      <c r="B244" s="511"/>
      <c r="C244" s="511"/>
      <c r="D244" s="511"/>
      <c r="E244" s="511"/>
      <c r="F244" s="511"/>
      <c r="G244" s="511"/>
      <c r="H244" s="511"/>
      <c r="I244" s="512"/>
      <c r="J244" s="596"/>
      <c r="K244" s="596"/>
      <c r="L244" s="596"/>
      <c r="M244" s="596"/>
      <c r="N244" s="596"/>
      <c r="O244" s="596"/>
      <c r="P244" s="662"/>
      <c r="Q244" s="139"/>
      <c r="R244" s="138"/>
      <c r="S244" s="78"/>
      <c r="T244" s="76"/>
      <c r="U244" s="77"/>
      <c r="V244" s="77"/>
      <c r="W244" s="77"/>
      <c r="X244" s="77"/>
      <c r="Y244" s="77"/>
      <c r="Z244" s="77"/>
      <c r="AA244" s="77"/>
      <c r="AB244" s="77"/>
      <c r="AC244" s="77"/>
      <c r="AD244" s="77"/>
      <c r="AE244" s="77"/>
      <c r="AF244" s="77"/>
      <c r="AG244" s="77"/>
      <c r="AH244" s="77"/>
      <c r="AI244" s="77"/>
      <c r="AJ244" s="77"/>
      <c r="AK244" s="77"/>
      <c r="AL244" s="77"/>
      <c r="AM244" s="77"/>
      <c r="AN244" s="77"/>
      <c r="AO244" s="77"/>
      <c r="AP244" s="77"/>
      <c r="AQ244" s="77"/>
      <c r="AR244" s="77"/>
      <c r="AS244" s="77"/>
      <c r="AT244" s="77"/>
      <c r="AU244" s="77"/>
      <c r="AV244" s="77"/>
      <c r="AW244" s="77"/>
      <c r="AX244" s="77"/>
      <c r="AY244" s="77"/>
      <c r="AZ244" s="77"/>
      <c r="BA244" s="77"/>
      <c r="BB244" s="77"/>
      <c r="BC244" s="77"/>
      <c r="BD244" s="77"/>
    </row>
    <row r="245" spans="1:258" s="67" customFormat="1" ht="70.2" customHeight="1">
      <c r="A245" s="528" t="s">
        <v>151</v>
      </c>
      <c r="B245" s="529"/>
      <c r="C245" s="529"/>
      <c r="D245" s="529"/>
      <c r="E245" s="529"/>
      <c r="F245" s="529"/>
      <c r="G245" s="529"/>
      <c r="H245" s="529"/>
      <c r="I245" s="530"/>
      <c r="J245" s="449" t="s">
        <v>152</v>
      </c>
      <c r="K245" s="537"/>
      <c r="L245" s="537"/>
      <c r="M245" s="537"/>
      <c r="N245" s="537"/>
      <c r="O245" s="537"/>
      <c r="P245" s="538"/>
      <c r="Q245" s="139"/>
      <c r="R245" s="138"/>
      <c r="S245" s="78"/>
      <c r="T245" s="76"/>
      <c r="U245" s="77"/>
      <c r="V245" s="77"/>
      <c r="W245" s="77"/>
      <c r="X245" s="77"/>
      <c r="Y245" s="77"/>
      <c r="Z245" s="77"/>
      <c r="AA245" s="77"/>
      <c r="AB245" s="77"/>
      <c r="AC245" s="77"/>
      <c r="AD245" s="77"/>
      <c r="AE245" s="77"/>
      <c r="AF245" s="77"/>
      <c r="AG245" s="77"/>
      <c r="AH245" s="77"/>
      <c r="AI245" s="77"/>
      <c r="AJ245" s="77"/>
      <c r="AK245" s="77"/>
      <c r="AL245" s="77"/>
      <c r="AM245" s="77"/>
      <c r="AN245" s="77"/>
      <c r="AO245" s="77"/>
      <c r="AP245" s="77"/>
      <c r="AQ245" s="77"/>
      <c r="AR245" s="77"/>
      <c r="AS245" s="77"/>
      <c r="AT245" s="77"/>
      <c r="AU245" s="77"/>
      <c r="AV245" s="77"/>
      <c r="AW245" s="77"/>
      <c r="AX245" s="77"/>
      <c r="AY245" s="77"/>
      <c r="AZ245" s="77"/>
      <c r="BA245" s="77"/>
      <c r="BB245" s="77"/>
      <c r="BC245" s="77"/>
      <c r="BD245" s="77"/>
    </row>
    <row r="246" spans="1:258" s="67" customFormat="1" ht="70.2" customHeight="1">
      <c r="A246" s="534"/>
      <c r="B246" s="535"/>
      <c r="C246" s="535"/>
      <c r="D246" s="535"/>
      <c r="E246" s="535"/>
      <c r="F246" s="535"/>
      <c r="G246" s="535"/>
      <c r="H246" s="535"/>
      <c r="I246" s="536"/>
      <c r="J246" s="598" t="s">
        <v>153</v>
      </c>
      <c r="K246" s="638"/>
      <c r="L246" s="108" t="s">
        <v>154</v>
      </c>
      <c r="M246" s="449"/>
      <c r="N246" s="537"/>
      <c r="O246" s="537"/>
      <c r="P246" s="538"/>
      <c r="Q246" s="139"/>
      <c r="R246" s="138"/>
      <c r="S246" s="78"/>
      <c r="T246" s="76"/>
      <c r="U246" s="77"/>
      <c r="V246" s="77"/>
      <c r="W246" s="77"/>
      <c r="X246" s="77"/>
      <c r="Y246" s="77"/>
      <c r="Z246" s="77"/>
      <c r="AA246" s="77"/>
      <c r="AB246" s="77"/>
      <c r="AC246" s="77"/>
      <c r="AD246" s="77"/>
      <c r="AE246" s="77"/>
      <c r="AF246" s="77"/>
      <c r="AG246" s="77"/>
      <c r="AH246" s="77"/>
      <c r="AI246" s="77"/>
      <c r="AJ246" s="77"/>
      <c r="AK246" s="77"/>
      <c r="AL246" s="77"/>
      <c r="AM246" s="77"/>
      <c r="AN246" s="77"/>
      <c r="AO246" s="77"/>
      <c r="AP246" s="77"/>
      <c r="AQ246" s="77"/>
      <c r="AR246" s="77"/>
      <c r="AS246" s="77"/>
      <c r="AT246" s="77"/>
      <c r="AU246" s="77"/>
      <c r="AV246" s="77"/>
      <c r="AW246" s="77"/>
      <c r="AX246" s="77"/>
      <c r="AY246" s="77"/>
      <c r="AZ246" s="77"/>
      <c r="BA246" s="77"/>
      <c r="BB246" s="77"/>
      <c r="BC246" s="77"/>
      <c r="BD246" s="77"/>
    </row>
    <row r="247" spans="1:258" s="67" customFormat="1" ht="70.2" customHeight="1">
      <c r="A247" s="674" t="s">
        <v>156</v>
      </c>
      <c r="B247" s="675"/>
      <c r="C247" s="675"/>
      <c r="D247" s="675"/>
      <c r="E247" s="675"/>
      <c r="F247" s="675"/>
      <c r="G247" s="675"/>
      <c r="H247" s="675"/>
      <c r="I247" s="676"/>
      <c r="J247" s="613"/>
      <c r="K247" s="613"/>
      <c r="L247" s="613"/>
      <c r="M247" s="613"/>
      <c r="N247" s="613"/>
      <c r="O247" s="613"/>
      <c r="P247" s="677"/>
      <c r="Q247" s="134"/>
      <c r="R247" s="133"/>
      <c r="S247" s="39"/>
      <c r="T247" s="40"/>
      <c r="U247" s="41"/>
      <c r="V247" s="41"/>
      <c r="W247" s="41"/>
      <c r="X247" s="41"/>
      <c r="Y247" s="41"/>
      <c r="Z247" s="41"/>
      <c r="AA247" s="41"/>
      <c r="AB247" s="41"/>
      <c r="AC247" s="41"/>
      <c r="AD247" s="41"/>
      <c r="AE247" s="41"/>
      <c r="AF247" s="41"/>
      <c r="AG247" s="41"/>
      <c r="AH247" s="41"/>
      <c r="AI247" s="41"/>
      <c r="AJ247" s="41"/>
      <c r="AK247" s="41"/>
      <c r="AL247" s="41"/>
      <c r="AM247" s="41"/>
      <c r="AN247" s="41"/>
      <c r="AO247" s="41"/>
      <c r="AP247" s="41"/>
      <c r="AQ247" s="41"/>
      <c r="AR247" s="41"/>
      <c r="AS247" s="41"/>
      <c r="AT247" s="41"/>
      <c r="AU247" s="41"/>
      <c r="AV247" s="41"/>
      <c r="AW247" s="41"/>
      <c r="AX247" s="41"/>
      <c r="AY247" s="41"/>
      <c r="AZ247" s="41"/>
      <c r="BA247" s="41"/>
      <c r="BB247" s="41"/>
      <c r="BC247" s="41"/>
      <c r="BD247" s="41"/>
      <c r="BE247" s="42"/>
      <c r="BF247" s="42"/>
      <c r="BG247" s="42"/>
      <c r="BH247" s="42"/>
      <c r="BI247" s="42"/>
      <c r="BJ247" s="42"/>
      <c r="BK247" s="42"/>
      <c r="BL247" s="42"/>
      <c r="BM247" s="42"/>
      <c r="BN247" s="42"/>
      <c r="BO247" s="42"/>
      <c r="BP247" s="42"/>
      <c r="BQ247" s="42"/>
      <c r="BR247" s="42"/>
      <c r="BS247" s="42"/>
      <c r="BT247" s="42"/>
      <c r="BU247" s="42"/>
      <c r="BV247" s="42"/>
      <c r="BW247" s="42"/>
      <c r="BX247" s="42"/>
      <c r="BY247" s="42"/>
      <c r="BZ247" s="42"/>
      <c r="CA247" s="42"/>
      <c r="CB247" s="42"/>
      <c r="CC247" s="42"/>
      <c r="CD247" s="42"/>
      <c r="CE247" s="42"/>
      <c r="CF247" s="42"/>
      <c r="CG247" s="42"/>
      <c r="CH247" s="42"/>
      <c r="CI247" s="42"/>
      <c r="CJ247" s="42"/>
      <c r="CK247" s="42"/>
      <c r="CL247" s="42"/>
      <c r="CM247" s="42"/>
      <c r="CN247" s="42"/>
      <c r="CO247" s="42"/>
      <c r="CP247" s="42"/>
      <c r="CQ247" s="42"/>
      <c r="CR247" s="42"/>
      <c r="CS247" s="42"/>
      <c r="CT247" s="42"/>
      <c r="CU247" s="42"/>
      <c r="CV247" s="42"/>
      <c r="CW247" s="42"/>
      <c r="CX247" s="42"/>
      <c r="CY247" s="42"/>
      <c r="CZ247" s="42"/>
      <c r="DA247" s="42"/>
      <c r="DB247" s="42"/>
      <c r="DC247" s="42"/>
      <c r="DD247" s="42"/>
      <c r="DE247" s="42"/>
      <c r="DF247" s="42"/>
      <c r="DG247" s="42"/>
      <c r="DH247" s="42"/>
      <c r="DI247" s="42"/>
      <c r="DJ247" s="42"/>
      <c r="DK247" s="42"/>
      <c r="DL247" s="42"/>
      <c r="DM247" s="42"/>
      <c r="DN247" s="42"/>
      <c r="DO247" s="42"/>
      <c r="DP247" s="42"/>
      <c r="DQ247" s="42"/>
      <c r="DR247" s="42"/>
      <c r="DS247" s="42"/>
      <c r="DT247" s="42"/>
      <c r="DU247" s="42"/>
      <c r="DV247" s="42"/>
      <c r="DW247" s="42"/>
      <c r="DX247" s="42"/>
      <c r="DY247" s="42"/>
      <c r="DZ247" s="42"/>
      <c r="EA247" s="42"/>
      <c r="EB247" s="42"/>
      <c r="EC247" s="42"/>
      <c r="ED247" s="42"/>
      <c r="EE247" s="42"/>
      <c r="EF247" s="42"/>
      <c r="EG247" s="42"/>
      <c r="EH247" s="42"/>
      <c r="EI247" s="42"/>
      <c r="EJ247" s="42"/>
      <c r="EK247" s="42"/>
      <c r="EL247" s="42"/>
      <c r="EM247" s="42"/>
      <c r="EN247" s="42"/>
      <c r="EO247" s="42"/>
      <c r="EP247" s="42"/>
      <c r="EQ247" s="42"/>
      <c r="ER247" s="42"/>
      <c r="ES247" s="42"/>
      <c r="ET247" s="42"/>
      <c r="EU247" s="42"/>
      <c r="EV247" s="42"/>
      <c r="EW247" s="42"/>
      <c r="EX247" s="42"/>
      <c r="EY247" s="42"/>
      <c r="EZ247" s="42"/>
      <c r="FA247" s="42"/>
      <c r="FB247" s="42"/>
      <c r="FC247" s="42"/>
      <c r="FD247" s="42"/>
      <c r="FE247" s="42"/>
      <c r="FF247" s="42"/>
      <c r="FG247" s="42"/>
      <c r="FH247" s="42"/>
      <c r="FI247" s="42"/>
      <c r="FJ247" s="42"/>
      <c r="FK247" s="42"/>
      <c r="FL247" s="42"/>
      <c r="FM247" s="42"/>
      <c r="FN247" s="42"/>
      <c r="FO247" s="42"/>
      <c r="FP247" s="42"/>
      <c r="FQ247" s="42"/>
      <c r="FR247" s="42"/>
      <c r="FS247" s="42"/>
      <c r="FT247" s="42"/>
      <c r="FU247" s="42"/>
      <c r="FV247" s="42"/>
      <c r="FW247" s="42"/>
      <c r="FX247" s="42"/>
      <c r="FY247" s="42"/>
      <c r="FZ247" s="42"/>
      <c r="GA247" s="42"/>
      <c r="GB247" s="42"/>
      <c r="GC247" s="42"/>
      <c r="GD247" s="42"/>
      <c r="GE247" s="42"/>
      <c r="GF247" s="42"/>
      <c r="GG247" s="42"/>
      <c r="GH247" s="42"/>
      <c r="GI247" s="42"/>
      <c r="GJ247" s="42"/>
      <c r="GK247" s="42"/>
      <c r="GL247" s="42"/>
      <c r="GM247" s="42"/>
      <c r="GN247" s="42"/>
      <c r="GO247" s="42"/>
      <c r="GP247" s="42"/>
      <c r="GQ247" s="42"/>
      <c r="GR247" s="42"/>
      <c r="GS247" s="42"/>
      <c r="GT247" s="42"/>
      <c r="GU247" s="42"/>
      <c r="GV247" s="42"/>
      <c r="GW247" s="42"/>
      <c r="GX247" s="42"/>
      <c r="GY247" s="42"/>
      <c r="GZ247" s="42"/>
      <c r="HA247" s="42"/>
      <c r="HB247" s="42"/>
      <c r="HC247" s="42"/>
      <c r="HD247" s="42"/>
      <c r="HE247" s="42"/>
      <c r="HF247" s="42"/>
      <c r="HG247" s="42"/>
      <c r="HH247" s="42"/>
      <c r="HI247" s="42"/>
      <c r="HJ247" s="42"/>
      <c r="HK247" s="42"/>
      <c r="HL247" s="42"/>
      <c r="HM247" s="42"/>
      <c r="HN247" s="42"/>
      <c r="HO247" s="42"/>
      <c r="HP247" s="42"/>
      <c r="HQ247" s="42"/>
      <c r="HR247" s="42"/>
      <c r="HS247" s="42"/>
      <c r="HT247" s="42"/>
      <c r="HU247" s="42"/>
      <c r="HV247" s="42"/>
      <c r="HW247" s="42"/>
      <c r="HX247" s="42"/>
      <c r="HY247" s="42"/>
      <c r="HZ247" s="42"/>
      <c r="IA247" s="42"/>
      <c r="IB247" s="42"/>
      <c r="IC247" s="42"/>
      <c r="ID247" s="42"/>
      <c r="IE247" s="42"/>
      <c r="IF247" s="42"/>
      <c r="IG247" s="42"/>
      <c r="IH247" s="42"/>
      <c r="II247" s="42"/>
      <c r="IJ247" s="42"/>
      <c r="IK247" s="42"/>
      <c r="IL247" s="42"/>
      <c r="IM247" s="42"/>
      <c r="IN247" s="42"/>
      <c r="IO247" s="42"/>
      <c r="IP247" s="42"/>
      <c r="IQ247" s="42"/>
      <c r="IR247" s="42"/>
      <c r="IS247" s="42"/>
      <c r="IT247" s="42"/>
      <c r="IU247" s="42"/>
      <c r="IV247" s="42"/>
      <c r="IW247" s="42"/>
      <c r="IX247" s="42"/>
    </row>
    <row r="248" spans="1:258" s="67" customFormat="1" ht="70.2" customHeight="1">
      <c r="A248" s="528" t="s">
        <v>157</v>
      </c>
      <c r="B248" s="529"/>
      <c r="C248" s="529"/>
      <c r="D248" s="529"/>
      <c r="E248" s="529"/>
      <c r="F248" s="529"/>
      <c r="G248" s="529"/>
      <c r="H248" s="529"/>
      <c r="I248" s="530"/>
      <c r="J248" s="109" t="s">
        <v>158</v>
      </c>
      <c r="K248" s="449" t="s">
        <v>159</v>
      </c>
      <c r="L248" s="537"/>
      <c r="M248" s="537"/>
      <c r="N248" s="537"/>
      <c r="O248" s="537"/>
      <c r="P248" s="538"/>
      <c r="Q248" s="134"/>
      <c r="R248" s="133"/>
      <c r="S248" s="39"/>
      <c r="T248" s="40"/>
      <c r="U248" s="41"/>
      <c r="V248" s="41"/>
      <c r="W248" s="41"/>
      <c r="X248" s="41"/>
      <c r="Y248" s="41"/>
      <c r="Z248" s="41"/>
      <c r="AA248" s="41"/>
      <c r="AB248" s="41"/>
      <c r="AC248" s="41"/>
      <c r="AD248" s="41"/>
      <c r="AE248" s="41"/>
      <c r="AF248" s="41"/>
      <c r="AG248" s="41"/>
      <c r="AH248" s="41"/>
      <c r="AI248" s="41"/>
      <c r="AJ248" s="41"/>
      <c r="AK248" s="41"/>
      <c r="AL248" s="41"/>
      <c r="AM248" s="41"/>
      <c r="AN248" s="41"/>
      <c r="AO248" s="41"/>
      <c r="AP248" s="41"/>
      <c r="AQ248" s="41"/>
      <c r="AR248" s="41"/>
      <c r="AS248" s="41"/>
      <c r="AT248" s="41"/>
      <c r="AU248" s="41"/>
      <c r="AV248" s="41"/>
      <c r="AW248" s="41"/>
      <c r="AX248" s="41"/>
      <c r="AY248" s="41"/>
      <c r="AZ248" s="41"/>
      <c r="BA248" s="41"/>
      <c r="BB248" s="41"/>
      <c r="BC248" s="41"/>
      <c r="BD248" s="41"/>
      <c r="BE248" s="42"/>
      <c r="BF248" s="42"/>
      <c r="BG248" s="42"/>
      <c r="BH248" s="42"/>
      <c r="BI248" s="42"/>
      <c r="BJ248" s="42"/>
      <c r="BK248" s="42"/>
      <c r="BL248" s="42"/>
      <c r="BM248" s="42"/>
      <c r="BN248" s="42"/>
      <c r="BO248" s="42"/>
      <c r="BP248" s="42"/>
      <c r="BQ248" s="42"/>
      <c r="BR248" s="42"/>
      <c r="BS248" s="42"/>
      <c r="BT248" s="42"/>
      <c r="BU248" s="42"/>
      <c r="BV248" s="42"/>
      <c r="BW248" s="42"/>
      <c r="BX248" s="42"/>
      <c r="BY248" s="42"/>
      <c r="BZ248" s="42"/>
      <c r="CA248" s="42"/>
      <c r="CB248" s="42"/>
      <c r="CC248" s="42"/>
      <c r="CD248" s="42"/>
      <c r="CE248" s="42"/>
      <c r="CF248" s="42"/>
      <c r="CG248" s="42"/>
      <c r="CH248" s="42"/>
      <c r="CI248" s="42"/>
      <c r="CJ248" s="42"/>
      <c r="CK248" s="42"/>
      <c r="CL248" s="42"/>
      <c r="CM248" s="42"/>
      <c r="CN248" s="42"/>
      <c r="CO248" s="42"/>
      <c r="CP248" s="42"/>
      <c r="CQ248" s="42"/>
      <c r="CR248" s="42"/>
      <c r="CS248" s="42"/>
      <c r="CT248" s="42"/>
      <c r="CU248" s="42"/>
      <c r="CV248" s="42"/>
      <c r="CW248" s="42"/>
      <c r="CX248" s="42"/>
      <c r="CY248" s="42"/>
      <c r="CZ248" s="42"/>
      <c r="DA248" s="42"/>
      <c r="DB248" s="42"/>
      <c r="DC248" s="42"/>
      <c r="DD248" s="42"/>
      <c r="DE248" s="42"/>
      <c r="DF248" s="42"/>
      <c r="DG248" s="42"/>
      <c r="DH248" s="42"/>
      <c r="DI248" s="42"/>
      <c r="DJ248" s="42"/>
      <c r="DK248" s="42"/>
      <c r="DL248" s="42"/>
      <c r="DM248" s="42"/>
      <c r="DN248" s="42"/>
      <c r="DO248" s="42"/>
      <c r="DP248" s="42"/>
      <c r="DQ248" s="42"/>
      <c r="DR248" s="42"/>
      <c r="DS248" s="42"/>
      <c r="DT248" s="42"/>
      <c r="DU248" s="42"/>
      <c r="DV248" s="42"/>
      <c r="DW248" s="42"/>
      <c r="DX248" s="42"/>
      <c r="DY248" s="42"/>
      <c r="DZ248" s="42"/>
      <c r="EA248" s="42"/>
      <c r="EB248" s="42"/>
      <c r="EC248" s="42"/>
      <c r="ED248" s="42"/>
      <c r="EE248" s="42"/>
      <c r="EF248" s="42"/>
      <c r="EG248" s="42"/>
      <c r="EH248" s="42"/>
      <c r="EI248" s="42"/>
      <c r="EJ248" s="42"/>
      <c r="EK248" s="42"/>
      <c r="EL248" s="42"/>
      <c r="EM248" s="42"/>
      <c r="EN248" s="42"/>
      <c r="EO248" s="42"/>
      <c r="EP248" s="42"/>
      <c r="EQ248" s="42"/>
      <c r="ER248" s="42"/>
      <c r="ES248" s="42"/>
      <c r="ET248" s="42"/>
      <c r="EU248" s="42"/>
      <c r="EV248" s="42"/>
      <c r="EW248" s="42"/>
      <c r="EX248" s="42"/>
      <c r="EY248" s="42"/>
      <c r="EZ248" s="42"/>
      <c r="FA248" s="42"/>
      <c r="FB248" s="42"/>
      <c r="FC248" s="42"/>
      <c r="FD248" s="42"/>
      <c r="FE248" s="42"/>
      <c r="FF248" s="42"/>
      <c r="FG248" s="42"/>
      <c r="FH248" s="42"/>
      <c r="FI248" s="42"/>
      <c r="FJ248" s="42"/>
      <c r="FK248" s="42"/>
      <c r="FL248" s="42"/>
      <c r="FM248" s="42"/>
      <c r="FN248" s="42"/>
      <c r="FO248" s="42"/>
      <c r="FP248" s="42"/>
      <c r="FQ248" s="42"/>
      <c r="FR248" s="42"/>
      <c r="FS248" s="42"/>
      <c r="FT248" s="42"/>
      <c r="FU248" s="42"/>
      <c r="FV248" s="42"/>
      <c r="FW248" s="42"/>
      <c r="FX248" s="42"/>
      <c r="FY248" s="42"/>
      <c r="FZ248" s="42"/>
      <c r="GA248" s="42"/>
      <c r="GB248" s="42"/>
      <c r="GC248" s="42"/>
      <c r="GD248" s="42"/>
      <c r="GE248" s="42"/>
      <c r="GF248" s="42"/>
      <c r="GG248" s="42"/>
      <c r="GH248" s="42"/>
      <c r="GI248" s="42"/>
      <c r="GJ248" s="42"/>
      <c r="GK248" s="42"/>
      <c r="GL248" s="42"/>
      <c r="GM248" s="42"/>
      <c r="GN248" s="42"/>
      <c r="GO248" s="42"/>
      <c r="GP248" s="42"/>
      <c r="GQ248" s="42"/>
      <c r="GR248" s="42"/>
      <c r="GS248" s="42"/>
      <c r="GT248" s="42"/>
      <c r="GU248" s="42"/>
      <c r="GV248" s="42"/>
      <c r="GW248" s="42"/>
      <c r="GX248" s="42"/>
      <c r="GY248" s="42"/>
      <c r="GZ248" s="42"/>
      <c r="HA248" s="42"/>
      <c r="HB248" s="42"/>
      <c r="HC248" s="42"/>
      <c r="HD248" s="42"/>
      <c r="HE248" s="42"/>
      <c r="HF248" s="42"/>
      <c r="HG248" s="42"/>
      <c r="HH248" s="42"/>
      <c r="HI248" s="42"/>
      <c r="HJ248" s="42"/>
      <c r="HK248" s="42"/>
      <c r="HL248" s="42"/>
      <c r="HM248" s="42"/>
      <c r="HN248" s="42"/>
      <c r="HO248" s="42"/>
      <c r="HP248" s="42"/>
      <c r="HQ248" s="42"/>
      <c r="HR248" s="42"/>
      <c r="HS248" s="42"/>
      <c r="HT248" s="42"/>
      <c r="HU248" s="42"/>
      <c r="HV248" s="42"/>
      <c r="HW248" s="42"/>
      <c r="HX248" s="42"/>
      <c r="HY248" s="42"/>
      <c r="HZ248" s="42"/>
      <c r="IA248" s="42"/>
      <c r="IB248" s="42"/>
      <c r="IC248" s="42"/>
      <c r="ID248" s="42"/>
      <c r="IE248" s="42"/>
      <c r="IF248" s="42"/>
      <c r="IG248" s="42"/>
      <c r="IH248" s="42"/>
      <c r="II248" s="42"/>
      <c r="IJ248" s="42"/>
      <c r="IK248" s="42"/>
      <c r="IL248" s="42"/>
      <c r="IM248" s="42"/>
      <c r="IN248" s="42"/>
      <c r="IO248" s="42"/>
      <c r="IP248" s="42"/>
      <c r="IQ248" s="42"/>
      <c r="IR248" s="42"/>
      <c r="IS248" s="42"/>
      <c r="IT248" s="42"/>
      <c r="IU248" s="42"/>
      <c r="IV248" s="42"/>
      <c r="IW248" s="42"/>
      <c r="IX248" s="42"/>
    </row>
    <row r="249" spans="1:258" s="67" customFormat="1" ht="70.2" customHeight="1">
      <c r="A249" s="531"/>
      <c r="B249" s="532"/>
      <c r="C249" s="532"/>
      <c r="D249" s="532"/>
      <c r="E249" s="532"/>
      <c r="F249" s="532"/>
      <c r="G249" s="532"/>
      <c r="H249" s="532"/>
      <c r="I249" s="533"/>
      <c r="J249" s="449" t="s">
        <v>160</v>
      </c>
      <c r="K249" s="537"/>
      <c r="L249" s="537"/>
      <c r="M249" s="537"/>
      <c r="N249" s="537"/>
      <c r="O249" s="537"/>
      <c r="P249" s="538"/>
      <c r="Q249" s="134"/>
      <c r="R249" s="133"/>
      <c r="S249" s="39"/>
      <c r="T249" s="40"/>
      <c r="U249" s="41"/>
      <c r="V249" s="41"/>
      <c r="W249" s="41"/>
      <c r="X249" s="41"/>
      <c r="Y249" s="41"/>
      <c r="Z249" s="41"/>
      <c r="AA249" s="41"/>
      <c r="AB249" s="41"/>
      <c r="AC249" s="41"/>
      <c r="AD249" s="41"/>
      <c r="AE249" s="41"/>
      <c r="AF249" s="41"/>
      <c r="AG249" s="41"/>
      <c r="AH249" s="41"/>
      <c r="AI249" s="41"/>
      <c r="AJ249" s="41"/>
      <c r="AK249" s="41"/>
      <c r="AL249" s="41"/>
      <c r="AM249" s="41"/>
      <c r="AN249" s="41"/>
      <c r="AO249" s="41"/>
      <c r="AP249" s="41"/>
      <c r="AQ249" s="41"/>
      <c r="AR249" s="41"/>
      <c r="AS249" s="41"/>
      <c r="AT249" s="41"/>
      <c r="AU249" s="41"/>
      <c r="AV249" s="41"/>
      <c r="AW249" s="41"/>
      <c r="AX249" s="41"/>
      <c r="AY249" s="41"/>
      <c r="AZ249" s="41"/>
      <c r="BA249" s="41"/>
      <c r="BB249" s="41"/>
      <c r="BC249" s="41"/>
      <c r="BD249" s="41"/>
      <c r="BE249" s="42"/>
      <c r="BF249" s="42"/>
      <c r="BG249" s="42"/>
      <c r="BH249" s="42"/>
      <c r="BI249" s="42"/>
      <c r="BJ249" s="42"/>
      <c r="BK249" s="42"/>
      <c r="BL249" s="42"/>
      <c r="BM249" s="42"/>
      <c r="BN249" s="42"/>
      <c r="BO249" s="42"/>
      <c r="BP249" s="42"/>
      <c r="BQ249" s="42"/>
      <c r="BR249" s="42"/>
      <c r="BS249" s="42"/>
      <c r="BT249" s="42"/>
      <c r="BU249" s="42"/>
      <c r="BV249" s="42"/>
      <c r="BW249" s="42"/>
      <c r="BX249" s="42"/>
      <c r="BY249" s="42"/>
      <c r="BZ249" s="42"/>
      <c r="CA249" s="42"/>
      <c r="CB249" s="42"/>
      <c r="CC249" s="42"/>
      <c r="CD249" s="42"/>
      <c r="CE249" s="42"/>
      <c r="CF249" s="42"/>
      <c r="CG249" s="42"/>
      <c r="CH249" s="42"/>
      <c r="CI249" s="42"/>
      <c r="CJ249" s="42"/>
      <c r="CK249" s="42"/>
      <c r="CL249" s="42"/>
      <c r="CM249" s="42"/>
      <c r="CN249" s="42"/>
      <c r="CO249" s="42"/>
      <c r="CP249" s="42"/>
      <c r="CQ249" s="42"/>
      <c r="CR249" s="42"/>
      <c r="CS249" s="42"/>
      <c r="CT249" s="42"/>
      <c r="CU249" s="42"/>
      <c r="CV249" s="42"/>
      <c r="CW249" s="42"/>
      <c r="CX249" s="42"/>
      <c r="CY249" s="42"/>
      <c r="CZ249" s="42"/>
      <c r="DA249" s="42"/>
      <c r="DB249" s="42"/>
      <c r="DC249" s="42"/>
      <c r="DD249" s="42"/>
      <c r="DE249" s="42"/>
      <c r="DF249" s="42"/>
      <c r="DG249" s="42"/>
      <c r="DH249" s="42"/>
      <c r="DI249" s="42"/>
      <c r="DJ249" s="42"/>
      <c r="DK249" s="42"/>
      <c r="DL249" s="42"/>
      <c r="DM249" s="42"/>
      <c r="DN249" s="42"/>
      <c r="DO249" s="42"/>
      <c r="DP249" s="42"/>
      <c r="DQ249" s="42"/>
      <c r="DR249" s="42"/>
      <c r="DS249" s="42"/>
      <c r="DT249" s="42"/>
      <c r="DU249" s="42"/>
      <c r="DV249" s="42"/>
      <c r="DW249" s="42"/>
      <c r="DX249" s="42"/>
      <c r="DY249" s="42"/>
      <c r="DZ249" s="42"/>
      <c r="EA249" s="42"/>
      <c r="EB249" s="42"/>
      <c r="EC249" s="42"/>
      <c r="ED249" s="42"/>
      <c r="EE249" s="42"/>
      <c r="EF249" s="42"/>
      <c r="EG249" s="42"/>
      <c r="EH249" s="42"/>
      <c r="EI249" s="42"/>
      <c r="EJ249" s="42"/>
      <c r="EK249" s="42"/>
      <c r="EL249" s="42"/>
      <c r="EM249" s="42"/>
      <c r="EN249" s="42"/>
      <c r="EO249" s="42"/>
      <c r="EP249" s="42"/>
      <c r="EQ249" s="42"/>
      <c r="ER249" s="42"/>
      <c r="ES249" s="42"/>
      <c r="ET249" s="42"/>
      <c r="EU249" s="42"/>
      <c r="EV249" s="42"/>
      <c r="EW249" s="42"/>
      <c r="EX249" s="42"/>
      <c r="EY249" s="42"/>
      <c r="EZ249" s="42"/>
      <c r="FA249" s="42"/>
      <c r="FB249" s="42"/>
      <c r="FC249" s="42"/>
      <c r="FD249" s="42"/>
      <c r="FE249" s="42"/>
      <c r="FF249" s="42"/>
      <c r="FG249" s="42"/>
      <c r="FH249" s="42"/>
      <c r="FI249" s="42"/>
      <c r="FJ249" s="42"/>
      <c r="FK249" s="42"/>
      <c r="FL249" s="42"/>
      <c r="FM249" s="42"/>
      <c r="FN249" s="42"/>
      <c r="FO249" s="42"/>
      <c r="FP249" s="42"/>
      <c r="FQ249" s="42"/>
      <c r="FR249" s="42"/>
      <c r="FS249" s="42"/>
      <c r="FT249" s="42"/>
      <c r="FU249" s="42"/>
      <c r="FV249" s="42"/>
      <c r="FW249" s="42"/>
      <c r="FX249" s="42"/>
      <c r="FY249" s="42"/>
      <c r="FZ249" s="42"/>
      <c r="GA249" s="42"/>
      <c r="GB249" s="42"/>
      <c r="GC249" s="42"/>
      <c r="GD249" s="42"/>
      <c r="GE249" s="42"/>
      <c r="GF249" s="42"/>
      <c r="GG249" s="42"/>
      <c r="GH249" s="42"/>
      <c r="GI249" s="42"/>
      <c r="GJ249" s="42"/>
      <c r="GK249" s="42"/>
      <c r="GL249" s="42"/>
      <c r="GM249" s="42"/>
      <c r="GN249" s="42"/>
      <c r="GO249" s="42"/>
      <c r="GP249" s="42"/>
      <c r="GQ249" s="42"/>
      <c r="GR249" s="42"/>
      <c r="GS249" s="42"/>
      <c r="GT249" s="42"/>
      <c r="GU249" s="42"/>
      <c r="GV249" s="42"/>
      <c r="GW249" s="42"/>
      <c r="GX249" s="42"/>
      <c r="GY249" s="42"/>
      <c r="GZ249" s="42"/>
      <c r="HA249" s="42"/>
      <c r="HB249" s="42"/>
      <c r="HC249" s="42"/>
      <c r="HD249" s="42"/>
      <c r="HE249" s="42"/>
      <c r="HF249" s="42"/>
      <c r="HG249" s="42"/>
      <c r="HH249" s="42"/>
      <c r="HI249" s="42"/>
      <c r="HJ249" s="42"/>
      <c r="HK249" s="42"/>
      <c r="HL249" s="42"/>
      <c r="HM249" s="42"/>
      <c r="HN249" s="42"/>
      <c r="HO249" s="42"/>
      <c r="HP249" s="42"/>
      <c r="HQ249" s="42"/>
      <c r="HR249" s="42"/>
      <c r="HS249" s="42"/>
      <c r="HT249" s="42"/>
      <c r="HU249" s="42"/>
      <c r="HV249" s="42"/>
      <c r="HW249" s="42"/>
      <c r="HX249" s="42"/>
      <c r="HY249" s="42"/>
      <c r="HZ249" s="42"/>
      <c r="IA249" s="42"/>
      <c r="IB249" s="42"/>
      <c r="IC249" s="42"/>
      <c r="ID249" s="42"/>
      <c r="IE249" s="42"/>
      <c r="IF249" s="42"/>
      <c r="IG249" s="42"/>
      <c r="IH249" s="42"/>
      <c r="II249" s="42"/>
      <c r="IJ249" s="42"/>
      <c r="IK249" s="42"/>
      <c r="IL249" s="42"/>
      <c r="IM249" s="42"/>
      <c r="IN249" s="42"/>
      <c r="IO249" s="42"/>
      <c r="IP249" s="42"/>
      <c r="IQ249" s="42"/>
      <c r="IR249" s="42"/>
      <c r="IS249" s="42"/>
      <c r="IT249" s="42"/>
      <c r="IU249" s="42"/>
      <c r="IV249" s="42"/>
      <c r="IW249" s="42"/>
      <c r="IX249" s="42"/>
    </row>
    <row r="250" spans="1:258" s="67" customFormat="1" ht="70.2" customHeight="1">
      <c r="A250" s="534"/>
      <c r="B250" s="535"/>
      <c r="C250" s="535"/>
      <c r="D250" s="535"/>
      <c r="E250" s="535"/>
      <c r="F250" s="535"/>
      <c r="G250" s="535"/>
      <c r="H250" s="535"/>
      <c r="I250" s="536"/>
      <c r="J250" s="598" t="s">
        <v>161</v>
      </c>
      <c r="K250" s="638"/>
      <c r="L250" s="108" t="s">
        <v>154</v>
      </c>
      <c r="M250" s="449"/>
      <c r="N250" s="537"/>
      <c r="O250" s="537"/>
      <c r="P250" s="538"/>
      <c r="Q250" s="134"/>
      <c r="R250" s="133"/>
      <c r="S250" s="39"/>
      <c r="T250" s="40"/>
      <c r="U250" s="41"/>
      <c r="V250" s="41"/>
      <c r="W250" s="41"/>
      <c r="X250" s="41"/>
      <c r="Y250" s="41"/>
      <c r="Z250" s="41"/>
      <c r="AA250" s="41"/>
      <c r="AB250" s="41"/>
      <c r="AC250" s="41"/>
      <c r="AD250" s="41"/>
      <c r="AE250" s="41"/>
      <c r="AF250" s="41"/>
      <c r="AG250" s="41"/>
      <c r="AH250" s="41"/>
      <c r="AI250" s="41"/>
      <c r="AJ250" s="41"/>
      <c r="AK250" s="41"/>
      <c r="AL250" s="41"/>
      <c r="AM250" s="41"/>
      <c r="AN250" s="41"/>
      <c r="AO250" s="41"/>
      <c r="AP250" s="41"/>
      <c r="AQ250" s="41"/>
      <c r="AR250" s="41"/>
      <c r="AS250" s="41"/>
      <c r="AT250" s="41"/>
      <c r="AU250" s="41"/>
      <c r="AV250" s="41"/>
      <c r="AW250" s="41"/>
      <c r="AX250" s="41"/>
      <c r="AY250" s="41"/>
      <c r="AZ250" s="41"/>
      <c r="BA250" s="41"/>
      <c r="BB250" s="41"/>
      <c r="BC250" s="41"/>
      <c r="BD250" s="41"/>
      <c r="BE250" s="42"/>
      <c r="BF250" s="42"/>
      <c r="BG250" s="42"/>
      <c r="BH250" s="42"/>
      <c r="BI250" s="42"/>
      <c r="BJ250" s="42"/>
      <c r="BK250" s="42"/>
      <c r="BL250" s="42"/>
      <c r="BM250" s="42"/>
      <c r="BN250" s="42"/>
      <c r="BO250" s="42"/>
      <c r="BP250" s="42"/>
      <c r="BQ250" s="42"/>
      <c r="BR250" s="42"/>
      <c r="BS250" s="42"/>
      <c r="BT250" s="42"/>
      <c r="BU250" s="42"/>
      <c r="BV250" s="42"/>
      <c r="BW250" s="42"/>
      <c r="BX250" s="42"/>
      <c r="BY250" s="42"/>
      <c r="BZ250" s="42"/>
      <c r="CA250" s="42"/>
      <c r="CB250" s="42"/>
      <c r="CC250" s="42"/>
      <c r="CD250" s="42"/>
      <c r="CE250" s="42"/>
      <c r="CF250" s="42"/>
      <c r="CG250" s="42"/>
      <c r="CH250" s="42"/>
      <c r="CI250" s="42"/>
      <c r="CJ250" s="42"/>
      <c r="CK250" s="42"/>
      <c r="CL250" s="42"/>
      <c r="CM250" s="42"/>
      <c r="CN250" s="42"/>
      <c r="CO250" s="42"/>
      <c r="CP250" s="42"/>
      <c r="CQ250" s="42"/>
      <c r="CR250" s="42"/>
      <c r="CS250" s="42"/>
      <c r="CT250" s="42"/>
      <c r="CU250" s="42"/>
      <c r="CV250" s="42"/>
      <c r="CW250" s="42"/>
      <c r="CX250" s="42"/>
      <c r="CY250" s="42"/>
      <c r="CZ250" s="42"/>
      <c r="DA250" s="42"/>
      <c r="DB250" s="42"/>
      <c r="DC250" s="42"/>
      <c r="DD250" s="42"/>
      <c r="DE250" s="42"/>
      <c r="DF250" s="42"/>
      <c r="DG250" s="42"/>
      <c r="DH250" s="42"/>
      <c r="DI250" s="42"/>
      <c r="DJ250" s="42"/>
      <c r="DK250" s="42"/>
      <c r="DL250" s="42"/>
      <c r="DM250" s="42"/>
      <c r="DN250" s="42"/>
      <c r="DO250" s="42"/>
      <c r="DP250" s="42"/>
      <c r="DQ250" s="42"/>
      <c r="DR250" s="42"/>
      <c r="DS250" s="42"/>
      <c r="DT250" s="42"/>
      <c r="DU250" s="42"/>
      <c r="DV250" s="42"/>
      <c r="DW250" s="42"/>
      <c r="DX250" s="42"/>
      <c r="DY250" s="42"/>
      <c r="DZ250" s="42"/>
      <c r="EA250" s="42"/>
      <c r="EB250" s="42"/>
      <c r="EC250" s="42"/>
      <c r="ED250" s="42"/>
      <c r="EE250" s="42"/>
      <c r="EF250" s="42"/>
      <c r="EG250" s="42"/>
      <c r="EH250" s="42"/>
      <c r="EI250" s="42"/>
      <c r="EJ250" s="42"/>
      <c r="EK250" s="42"/>
      <c r="EL250" s="42"/>
      <c r="EM250" s="42"/>
      <c r="EN250" s="42"/>
      <c r="EO250" s="42"/>
      <c r="EP250" s="42"/>
      <c r="EQ250" s="42"/>
      <c r="ER250" s="42"/>
      <c r="ES250" s="42"/>
      <c r="ET250" s="42"/>
      <c r="EU250" s="42"/>
      <c r="EV250" s="42"/>
      <c r="EW250" s="42"/>
      <c r="EX250" s="42"/>
      <c r="EY250" s="42"/>
      <c r="EZ250" s="42"/>
      <c r="FA250" s="42"/>
      <c r="FB250" s="42"/>
      <c r="FC250" s="42"/>
      <c r="FD250" s="42"/>
      <c r="FE250" s="42"/>
      <c r="FF250" s="42"/>
      <c r="FG250" s="42"/>
      <c r="FH250" s="42"/>
      <c r="FI250" s="42"/>
      <c r="FJ250" s="42"/>
      <c r="FK250" s="42"/>
      <c r="FL250" s="42"/>
      <c r="FM250" s="42"/>
      <c r="FN250" s="42"/>
      <c r="FO250" s="42"/>
      <c r="FP250" s="42"/>
      <c r="FQ250" s="42"/>
      <c r="FR250" s="42"/>
      <c r="FS250" s="42"/>
      <c r="FT250" s="42"/>
      <c r="FU250" s="42"/>
      <c r="FV250" s="42"/>
      <c r="FW250" s="42"/>
      <c r="FX250" s="42"/>
      <c r="FY250" s="42"/>
      <c r="FZ250" s="42"/>
      <c r="GA250" s="42"/>
      <c r="GB250" s="42"/>
      <c r="GC250" s="42"/>
      <c r="GD250" s="42"/>
      <c r="GE250" s="42"/>
      <c r="GF250" s="42"/>
      <c r="GG250" s="42"/>
      <c r="GH250" s="42"/>
      <c r="GI250" s="42"/>
      <c r="GJ250" s="42"/>
      <c r="GK250" s="42"/>
      <c r="GL250" s="42"/>
      <c r="GM250" s="42"/>
      <c r="GN250" s="42"/>
      <c r="GO250" s="42"/>
      <c r="GP250" s="42"/>
      <c r="GQ250" s="42"/>
      <c r="GR250" s="42"/>
      <c r="GS250" s="42"/>
      <c r="GT250" s="42"/>
      <c r="GU250" s="42"/>
      <c r="GV250" s="42"/>
      <c r="GW250" s="42"/>
      <c r="GX250" s="42"/>
      <c r="GY250" s="42"/>
      <c r="GZ250" s="42"/>
      <c r="HA250" s="42"/>
      <c r="HB250" s="42"/>
      <c r="HC250" s="42"/>
      <c r="HD250" s="42"/>
      <c r="HE250" s="42"/>
      <c r="HF250" s="42"/>
      <c r="HG250" s="42"/>
      <c r="HH250" s="42"/>
      <c r="HI250" s="42"/>
      <c r="HJ250" s="42"/>
      <c r="HK250" s="42"/>
      <c r="HL250" s="42"/>
      <c r="HM250" s="42"/>
      <c r="HN250" s="42"/>
      <c r="HO250" s="42"/>
      <c r="HP250" s="42"/>
      <c r="HQ250" s="42"/>
      <c r="HR250" s="42"/>
      <c r="HS250" s="42"/>
      <c r="HT250" s="42"/>
      <c r="HU250" s="42"/>
      <c r="HV250" s="42"/>
      <c r="HW250" s="42"/>
      <c r="HX250" s="42"/>
      <c r="HY250" s="42"/>
      <c r="HZ250" s="42"/>
      <c r="IA250" s="42"/>
      <c r="IB250" s="42"/>
      <c r="IC250" s="42"/>
      <c r="ID250" s="42"/>
      <c r="IE250" s="42"/>
      <c r="IF250" s="42"/>
      <c r="IG250" s="42"/>
      <c r="IH250" s="42"/>
      <c r="II250" s="42"/>
      <c r="IJ250" s="42"/>
      <c r="IK250" s="42"/>
      <c r="IL250" s="42"/>
      <c r="IM250" s="42"/>
      <c r="IN250" s="42"/>
      <c r="IO250" s="42"/>
      <c r="IP250" s="42"/>
      <c r="IQ250" s="42"/>
      <c r="IR250" s="42"/>
      <c r="IS250" s="42"/>
      <c r="IT250" s="42"/>
      <c r="IU250" s="42"/>
      <c r="IV250" s="42"/>
      <c r="IW250" s="42"/>
      <c r="IX250" s="42"/>
    </row>
    <row r="251" spans="1:258" s="67" customFormat="1" ht="70.2" customHeight="1">
      <c r="A251" s="674" t="s">
        <v>162</v>
      </c>
      <c r="B251" s="675"/>
      <c r="C251" s="675"/>
      <c r="D251" s="675"/>
      <c r="E251" s="675"/>
      <c r="F251" s="675"/>
      <c r="G251" s="675"/>
      <c r="H251" s="675"/>
      <c r="I251" s="676"/>
      <c r="J251" s="613"/>
      <c r="K251" s="613"/>
      <c r="L251" s="613"/>
      <c r="M251" s="613"/>
      <c r="N251" s="613"/>
      <c r="O251" s="613"/>
      <c r="P251" s="677"/>
      <c r="Q251" s="134"/>
      <c r="R251" s="133"/>
      <c r="S251" s="39"/>
      <c r="T251" s="40"/>
      <c r="U251" s="41"/>
      <c r="V251" s="41"/>
      <c r="W251" s="41"/>
      <c r="X251" s="41"/>
      <c r="Y251" s="41"/>
      <c r="Z251" s="41"/>
      <c r="AA251" s="41"/>
      <c r="AB251" s="41"/>
      <c r="AC251" s="41"/>
      <c r="AD251" s="41"/>
      <c r="AE251" s="41"/>
      <c r="AF251" s="41"/>
      <c r="AG251" s="41"/>
      <c r="AH251" s="41"/>
      <c r="AI251" s="41"/>
      <c r="AJ251" s="41"/>
      <c r="AK251" s="41"/>
      <c r="AL251" s="41"/>
      <c r="AM251" s="41"/>
      <c r="AN251" s="41"/>
      <c r="AO251" s="41"/>
      <c r="AP251" s="41"/>
      <c r="AQ251" s="41"/>
      <c r="AR251" s="41"/>
      <c r="AS251" s="41"/>
      <c r="AT251" s="41"/>
      <c r="AU251" s="41"/>
      <c r="AV251" s="41"/>
      <c r="AW251" s="41"/>
      <c r="AX251" s="41"/>
      <c r="AY251" s="41"/>
      <c r="AZ251" s="41"/>
      <c r="BA251" s="41"/>
      <c r="BB251" s="41"/>
      <c r="BC251" s="41"/>
      <c r="BD251" s="41"/>
      <c r="BE251" s="42"/>
      <c r="BF251" s="42"/>
      <c r="BG251" s="42"/>
      <c r="BH251" s="42"/>
      <c r="BI251" s="42"/>
      <c r="BJ251" s="42"/>
      <c r="BK251" s="42"/>
      <c r="BL251" s="42"/>
      <c r="BM251" s="42"/>
      <c r="BN251" s="42"/>
      <c r="BO251" s="42"/>
      <c r="BP251" s="42"/>
      <c r="BQ251" s="42"/>
      <c r="BR251" s="42"/>
      <c r="BS251" s="42"/>
      <c r="BT251" s="42"/>
      <c r="BU251" s="42"/>
      <c r="BV251" s="42"/>
      <c r="BW251" s="42"/>
      <c r="BX251" s="42"/>
      <c r="BY251" s="42"/>
      <c r="BZ251" s="42"/>
      <c r="CA251" s="42"/>
      <c r="CB251" s="42"/>
      <c r="CC251" s="42"/>
      <c r="CD251" s="42"/>
      <c r="CE251" s="42"/>
      <c r="CF251" s="42"/>
      <c r="CG251" s="42"/>
      <c r="CH251" s="42"/>
      <c r="CI251" s="42"/>
      <c r="CJ251" s="42"/>
      <c r="CK251" s="42"/>
      <c r="CL251" s="42"/>
      <c r="CM251" s="42"/>
      <c r="CN251" s="42"/>
      <c r="CO251" s="42"/>
      <c r="CP251" s="42"/>
      <c r="CQ251" s="42"/>
      <c r="CR251" s="42"/>
      <c r="CS251" s="42"/>
      <c r="CT251" s="42"/>
      <c r="CU251" s="42"/>
      <c r="CV251" s="42"/>
      <c r="CW251" s="42"/>
      <c r="CX251" s="42"/>
      <c r="CY251" s="42"/>
      <c r="CZ251" s="42"/>
      <c r="DA251" s="42"/>
      <c r="DB251" s="42"/>
      <c r="DC251" s="42"/>
      <c r="DD251" s="42"/>
      <c r="DE251" s="42"/>
      <c r="DF251" s="42"/>
      <c r="DG251" s="42"/>
      <c r="DH251" s="42"/>
      <c r="DI251" s="42"/>
      <c r="DJ251" s="42"/>
      <c r="DK251" s="42"/>
      <c r="DL251" s="42"/>
      <c r="DM251" s="42"/>
      <c r="DN251" s="42"/>
      <c r="DO251" s="42"/>
      <c r="DP251" s="42"/>
      <c r="DQ251" s="42"/>
      <c r="DR251" s="42"/>
      <c r="DS251" s="42"/>
      <c r="DT251" s="42"/>
      <c r="DU251" s="42"/>
      <c r="DV251" s="42"/>
      <c r="DW251" s="42"/>
      <c r="DX251" s="42"/>
      <c r="DY251" s="42"/>
      <c r="DZ251" s="42"/>
      <c r="EA251" s="42"/>
      <c r="EB251" s="42"/>
      <c r="EC251" s="42"/>
      <c r="ED251" s="42"/>
      <c r="EE251" s="42"/>
      <c r="EF251" s="42"/>
      <c r="EG251" s="42"/>
      <c r="EH251" s="42"/>
      <c r="EI251" s="42"/>
      <c r="EJ251" s="42"/>
      <c r="EK251" s="42"/>
      <c r="EL251" s="42"/>
      <c r="EM251" s="42"/>
      <c r="EN251" s="42"/>
      <c r="EO251" s="42"/>
      <c r="EP251" s="42"/>
      <c r="EQ251" s="42"/>
      <c r="ER251" s="42"/>
      <c r="ES251" s="42"/>
      <c r="ET251" s="42"/>
      <c r="EU251" s="42"/>
      <c r="EV251" s="42"/>
      <c r="EW251" s="42"/>
      <c r="EX251" s="42"/>
      <c r="EY251" s="42"/>
      <c r="EZ251" s="42"/>
      <c r="FA251" s="42"/>
      <c r="FB251" s="42"/>
      <c r="FC251" s="42"/>
      <c r="FD251" s="42"/>
      <c r="FE251" s="42"/>
      <c r="FF251" s="42"/>
      <c r="FG251" s="42"/>
      <c r="FH251" s="42"/>
      <c r="FI251" s="42"/>
      <c r="FJ251" s="42"/>
      <c r="FK251" s="42"/>
      <c r="FL251" s="42"/>
      <c r="FM251" s="42"/>
      <c r="FN251" s="42"/>
      <c r="FO251" s="42"/>
      <c r="FP251" s="42"/>
      <c r="FQ251" s="42"/>
      <c r="FR251" s="42"/>
      <c r="FS251" s="42"/>
      <c r="FT251" s="42"/>
      <c r="FU251" s="42"/>
      <c r="FV251" s="42"/>
      <c r="FW251" s="42"/>
      <c r="FX251" s="42"/>
      <c r="FY251" s="42"/>
      <c r="FZ251" s="42"/>
      <c r="GA251" s="42"/>
      <c r="GB251" s="42"/>
      <c r="GC251" s="42"/>
      <c r="GD251" s="42"/>
      <c r="GE251" s="42"/>
      <c r="GF251" s="42"/>
      <c r="GG251" s="42"/>
      <c r="GH251" s="42"/>
      <c r="GI251" s="42"/>
      <c r="GJ251" s="42"/>
      <c r="GK251" s="42"/>
      <c r="GL251" s="42"/>
      <c r="GM251" s="42"/>
      <c r="GN251" s="42"/>
      <c r="GO251" s="42"/>
      <c r="GP251" s="42"/>
      <c r="GQ251" s="42"/>
      <c r="GR251" s="42"/>
      <c r="GS251" s="42"/>
      <c r="GT251" s="42"/>
      <c r="GU251" s="42"/>
      <c r="GV251" s="42"/>
      <c r="GW251" s="42"/>
      <c r="GX251" s="42"/>
      <c r="GY251" s="42"/>
      <c r="GZ251" s="42"/>
      <c r="HA251" s="42"/>
      <c r="HB251" s="42"/>
      <c r="HC251" s="42"/>
      <c r="HD251" s="42"/>
      <c r="HE251" s="42"/>
      <c r="HF251" s="42"/>
      <c r="HG251" s="42"/>
      <c r="HH251" s="42"/>
      <c r="HI251" s="42"/>
      <c r="HJ251" s="42"/>
      <c r="HK251" s="42"/>
      <c r="HL251" s="42"/>
      <c r="HM251" s="42"/>
      <c r="HN251" s="42"/>
      <c r="HO251" s="42"/>
      <c r="HP251" s="42"/>
      <c r="HQ251" s="42"/>
      <c r="HR251" s="42"/>
      <c r="HS251" s="42"/>
      <c r="HT251" s="42"/>
      <c r="HU251" s="42"/>
      <c r="HV251" s="42"/>
      <c r="HW251" s="42"/>
      <c r="HX251" s="42"/>
      <c r="HY251" s="42"/>
      <c r="HZ251" s="42"/>
      <c r="IA251" s="42"/>
      <c r="IB251" s="42"/>
      <c r="IC251" s="42"/>
      <c r="ID251" s="42"/>
      <c r="IE251" s="42"/>
      <c r="IF251" s="42"/>
      <c r="IG251" s="42"/>
      <c r="IH251" s="42"/>
      <c r="II251" s="42"/>
      <c r="IJ251" s="42"/>
      <c r="IK251" s="42"/>
      <c r="IL251" s="42"/>
      <c r="IM251" s="42"/>
      <c r="IN251" s="42"/>
      <c r="IO251" s="42"/>
      <c r="IP251" s="42"/>
      <c r="IQ251" s="42"/>
      <c r="IR251" s="42"/>
      <c r="IS251" s="42"/>
      <c r="IT251" s="42"/>
      <c r="IU251" s="42"/>
      <c r="IV251" s="42"/>
      <c r="IW251" s="42"/>
      <c r="IX251" s="42"/>
    </row>
    <row r="252" spans="1:258" s="67" customFormat="1" ht="70.2" customHeight="1">
      <c r="A252" s="666" t="s">
        <v>163</v>
      </c>
      <c r="B252" s="667"/>
      <c r="C252" s="667"/>
      <c r="D252" s="667"/>
      <c r="E252" s="667"/>
      <c r="F252" s="667"/>
      <c r="G252" s="667"/>
      <c r="H252" s="667"/>
      <c r="I252" s="668"/>
      <c r="J252" s="669"/>
      <c r="K252" s="667"/>
      <c r="L252" s="667"/>
      <c r="M252" s="667"/>
      <c r="N252" s="667"/>
      <c r="O252" s="667"/>
      <c r="P252" s="670"/>
      <c r="Q252" s="139"/>
      <c r="R252" s="138"/>
      <c r="S252" s="78"/>
      <c r="T252" s="76"/>
      <c r="U252" s="77"/>
      <c r="V252" s="77"/>
      <c r="W252" s="77"/>
      <c r="X252" s="77"/>
      <c r="Y252" s="77"/>
      <c r="Z252" s="77"/>
      <c r="AA252" s="77"/>
      <c r="AB252" s="77"/>
      <c r="AC252" s="77"/>
      <c r="AD252" s="77"/>
      <c r="AE252" s="77"/>
      <c r="AF252" s="77"/>
      <c r="AG252" s="77"/>
      <c r="AH252" s="77"/>
      <c r="AI252" s="77"/>
      <c r="AJ252" s="77"/>
      <c r="AK252" s="77"/>
      <c r="AL252" s="77"/>
      <c r="AM252" s="77"/>
      <c r="AN252" s="77"/>
      <c r="AO252" s="77"/>
      <c r="AP252" s="77"/>
      <c r="AQ252" s="77"/>
      <c r="AR252" s="77"/>
      <c r="AS252" s="77"/>
      <c r="AT252" s="77"/>
      <c r="AU252" s="77"/>
      <c r="AV252" s="77"/>
      <c r="AW252" s="77"/>
      <c r="AX252" s="77"/>
      <c r="AY252" s="77"/>
      <c r="AZ252" s="77"/>
      <c r="BA252" s="77"/>
      <c r="BB252" s="77"/>
      <c r="BC252" s="77"/>
      <c r="BD252" s="77"/>
    </row>
    <row r="253" spans="1:258" s="64" customFormat="1" ht="69.900000000000006" customHeight="1">
      <c r="A253" s="507" t="s">
        <v>145</v>
      </c>
      <c r="B253" s="508"/>
      <c r="C253" s="508"/>
      <c r="D253" s="508"/>
      <c r="E253" s="508"/>
      <c r="F253" s="508"/>
      <c r="G253" s="508"/>
      <c r="H253" s="508"/>
      <c r="I253" s="508"/>
      <c r="J253" s="508"/>
      <c r="K253" s="508"/>
      <c r="L253" s="508"/>
      <c r="M253" s="508"/>
      <c r="N253" s="508"/>
      <c r="O253" s="508"/>
      <c r="P253" s="509"/>
      <c r="Q253" s="122"/>
      <c r="R253" s="138"/>
      <c r="S253" s="162"/>
    </row>
    <row r="254" spans="1:258" s="64" customFormat="1" ht="69.900000000000006" customHeight="1">
      <c r="A254" s="600" t="s">
        <v>146</v>
      </c>
      <c r="B254" s="601"/>
      <c r="C254" s="601"/>
      <c r="D254" s="601"/>
      <c r="E254" s="601"/>
      <c r="F254" s="601"/>
      <c r="G254" s="601"/>
      <c r="H254" s="601"/>
      <c r="I254" s="601"/>
      <c r="J254" s="601"/>
      <c r="K254" s="601"/>
      <c r="L254" s="601"/>
      <c r="M254" s="601"/>
      <c r="N254" s="601"/>
      <c r="O254" s="601"/>
      <c r="P254" s="602"/>
      <c r="Q254" s="122"/>
      <c r="R254" s="138"/>
      <c r="S254" s="162"/>
    </row>
    <row r="255" spans="1:258" s="67" customFormat="1" ht="69.599999999999994" customHeight="1">
      <c r="A255" s="639" t="s">
        <v>463</v>
      </c>
      <c r="B255" s="640"/>
      <c r="C255" s="640"/>
      <c r="D255" s="640"/>
      <c r="E255" s="640"/>
      <c r="F255" s="640"/>
      <c r="G255" s="640"/>
      <c r="H255" s="640"/>
      <c r="I255" s="640"/>
      <c r="J255" s="640"/>
      <c r="K255" s="640"/>
      <c r="L255" s="640"/>
      <c r="M255" s="640"/>
      <c r="N255" s="640"/>
      <c r="O255" s="640"/>
      <c r="P255" s="641"/>
      <c r="Q255" s="139"/>
      <c r="R255" s="138"/>
      <c r="S255" s="78"/>
      <c r="T255" s="202"/>
      <c r="U255" s="77"/>
      <c r="V255" s="77"/>
      <c r="W255" s="77"/>
      <c r="X255" s="77"/>
      <c r="Y255" s="77"/>
      <c r="Z255" s="77"/>
      <c r="AA255" s="77"/>
      <c r="AB255" s="77"/>
      <c r="AC255" s="77"/>
      <c r="AD255" s="77"/>
      <c r="AE255" s="77"/>
      <c r="AF255" s="77"/>
      <c r="AG255" s="77"/>
      <c r="AH255" s="77"/>
      <c r="AI255" s="77"/>
      <c r="AJ255" s="77"/>
      <c r="AK255" s="77"/>
      <c r="AL255" s="77"/>
      <c r="AM255" s="77"/>
      <c r="AN255" s="77"/>
      <c r="AO255" s="77"/>
      <c r="AP255" s="77"/>
      <c r="AQ255" s="77"/>
      <c r="AR255" s="77"/>
      <c r="AS255" s="77"/>
      <c r="AT255" s="77"/>
      <c r="AU255" s="77"/>
      <c r="AV255" s="77"/>
      <c r="AW255" s="77"/>
      <c r="AX255" s="77"/>
      <c r="AY255" s="77"/>
      <c r="AZ255" s="77"/>
      <c r="BA255" s="77"/>
      <c r="BB255" s="77"/>
      <c r="BC255" s="77"/>
      <c r="BD255" s="77"/>
    </row>
    <row r="256" spans="1:258" s="67" customFormat="1" ht="69.599999999999994" customHeight="1">
      <c r="A256" s="556" t="s">
        <v>148</v>
      </c>
      <c r="B256" s="557"/>
      <c r="C256" s="557"/>
      <c r="D256" s="557"/>
      <c r="E256" s="557"/>
      <c r="F256" s="557"/>
      <c r="G256" s="557"/>
      <c r="H256" s="557"/>
      <c r="I256" s="557"/>
      <c r="J256" s="557"/>
      <c r="K256" s="557"/>
      <c r="L256" s="557"/>
      <c r="M256" s="557"/>
      <c r="N256" s="557"/>
      <c r="O256" s="557"/>
      <c r="P256" s="558"/>
      <c r="Q256" s="139"/>
      <c r="R256" s="138"/>
      <c r="S256" s="78"/>
      <c r="T256" s="104"/>
      <c r="U256" s="77"/>
      <c r="V256" s="77"/>
      <c r="W256" s="77"/>
      <c r="X256" s="77"/>
      <c r="Y256" s="77"/>
      <c r="Z256" s="77"/>
      <c r="AA256" s="77"/>
      <c r="AB256" s="77"/>
      <c r="AC256" s="77"/>
      <c r="AD256" s="77"/>
      <c r="AE256" s="77"/>
      <c r="AF256" s="77"/>
      <c r="AG256" s="77"/>
      <c r="AH256" s="77"/>
      <c r="AI256" s="77"/>
      <c r="AJ256" s="77"/>
      <c r="AK256" s="77"/>
      <c r="AL256" s="77"/>
      <c r="AM256" s="77"/>
      <c r="AN256" s="77"/>
      <c r="AO256" s="77"/>
      <c r="AP256" s="77"/>
      <c r="AQ256" s="77"/>
      <c r="AR256" s="77"/>
      <c r="AS256" s="77"/>
      <c r="AT256" s="77"/>
      <c r="AU256" s="77"/>
      <c r="AV256" s="77"/>
      <c r="AW256" s="77"/>
      <c r="AX256" s="77"/>
      <c r="AY256" s="77"/>
      <c r="AZ256" s="77"/>
      <c r="BA256" s="77"/>
      <c r="BB256" s="77"/>
      <c r="BC256" s="77"/>
      <c r="BD256" s="77"/>
    </row>
    <row r="257" spans="1:258" s="64" customFormat="1" ht="69.900000000000006" customHeight="1">
      <c r="A257" s="600" t="s">
        <v>149</v>
      </c>
      <c r="B257" s="601"/>
      <c r="C257" s="601"/>
      <c r="D257" s="601"/>
      <c r="E257" s="601"/>
      <c r="F257" s="601"/>
      <c r="G257" s="601"/>
      <c r="H257" s="601"/>
      <c r="I257" s="601"/>
      <c r="J257" s="601"/>
      <c r="K257" s="601"/>
      <c r="L257" s="601"/>
      <c r="M257" s="601"/>
      <c r="N257" s="601"/>
      <c r="O257" s="601"/>
      <c r="P257" s="602"/>
      <c r="Q257" s="122"/>
      <c r="R257" s="138"/>
      <c r="S257" s="210" t="s">
        <v>464</v>
      </c>
    </row>
    <row r="258" spans="1:258" s="67" customFormat="1" ht="70.2" customHeight="1">
      <c r="A258" s="510" t="s">
        <v>150</v>
      </c>
      <c r="B258" s="511"/>
      <c r="C258" s="511"/>
      <c r="D258" s="511"/>
      <c r="E258" s="511"/>
      <c r="F258" s="511"/>
      <c r="G258" s="511"/>
      <c r="H258" s="511"/>
      <c r="I258" s="512"/>
      <c r="J258" s="596"/>
      <c r="K258" s="596"/>
      <c r="L258" s="596"/>
      <c r="M258" s="596"/>
      <c r="N258" s="596"/>
      <c r="O258" s="596"/>
      <c r="P258" s="662"/>
      <c r="Q258" s="139"/>
      <c r="R258" s="138"/>
      <c r="S258" s="78"/>
      <c r="T258" s="76"/>
      <c r="U258" s="77"/>
      <c r="V258" s="77"/>
      <c r="W258" s="77"/>
      <c r="X258" s="77"/>
      <c r="Y258" s="77"/>
      <c r="Z258" s="77"/>
      <c r="AA258" s="77"/>
      <c r="AB258" s="77"/>
      <c r="AC258" s="77"/>
      <c r="AD258" s="77"/>
      <c r="AE258" s="77"/>
      <c r="AF258" s="77"/>
      <c r="AG258" s="77"/>
      <c r="AH258" s="77"/>
      <c r="AI258" s="77"/>
      <c r="AJ258" s="77"/>
      <c r="AK258" s="77"/>
      <c r="AL258" s="77"/>
      <c r="AM258" s="77"/>
      <c r="AN258" s="77"/>
      <c r="AO258" s="77"/>
      <c r="AP258" s="77"/>
      <c r="AQ258" s="77"/>
      <c r="AR258" s="77"/>
      <c r="AS258" s="77"/>
      <c r="AT258" s="77"/>
      <c r="AU258" s="77"/>
      <c r="AV258" s="77"/>
      <c r="AW258" s="77"/>
      <c r="AX258" s="77"/>
      <c r="AY258" s="77"/>
      <c r="AZ258" s="77"/>
      <c r="BA258" s="77"/>
      <c r="BB258" s="77"/>
      <c r="BC258" s="77"/>
      <c r="BD258" s="77"/>
    </row>
    <row r="259" spans="1:258" s="67" customFormat="1" ht="70.2" customHeight="1">
      <c r="A259" s="528" t="s">
        <v>151</v>
      </c>
      <c r="B259" s="529"/>
      <c r="C259" s="529"/>
      <c r="D259" s="529"/>
      <c r="E259" s="529"/>
      <c r="F259" s="529"/>
      <c r="G259" s="529"/>
      <c r="H259" s="529"/>
      <c r="I259" s="530"/>
      <c r="J259" s="449" t="s">
        <v>152</v>
      </c>
      <c r="K259" s="537"/>
      <c r="L259" s="537"/>
      <c r="M259" s="537"/>
      <c r="N259" s="537"/>
      <c r="O259" s="537"/>
      <c r="P259" s="538"/>
      <c r="Q259" s="139"/>
      <c r="R259" s="138"/>
      <c r="S259" s="78"/>
      <c r="T259" s="76"/>
      <c r="U259" s="77"/>
      <c r="V259" s="77"/>
      <c r="W259" s="77"/>
      <c r="X259" s="77"/>
      <c r="Y259" s="77"/>
      <c r="Z259" s="77"/>
      <c r="AA259" s="77"/>
      <c r="AB259" s="77"/>
      <c r="AC259" s="77"/>
      <c r="AD259" s="77"/>
      <c r="AE259" s="77"/>
      <c r="AF259" s="77"/>
      <c r="AG259" s="77"/>
      <c r="AH259" s="77"/>
      <c r="AI259" s="77"/>
      <c r="AJ259" s="77"/>
      <c r="AK259" s="77"/>
      <c r="AL259" s="77"/>
      <c r="AM259" s="77"/>
      <c r="AN259" s="77"/>
      <c r="AO259" s="77"/>
      <c r="AP259" s="77"/>
      <c r="AQ259" s="77"/>
      <c r="AR259" s="77"/>
      <c r="AS259" s="77"/>
      <c r="AT259" s="77"/>
      <c r="AU259" s="77"/>
      <c r="AV259" s="77"/>
      <c r="AW259" s="77"/>
      <c r="AX259" s="77"/>
      <c r="AY259" s="77"/>
      <c r="AZ259" s="77"/>
      <c r="BA259" s="77"/>
      <c r="BB259" s="77"/>
      <c r="BC259" s="77"/>
      <c r="BD259" s="77"/>
    </row>
    <row r="260" spans="1:258" s="67" customFormat="1" ht="70.2" customHeight="1">
      <c r="A260" s="534"/>
      <c r="B260" s="535"/>
      <c r="C260" s="535"/>
      <c r="D260" s="535"/>
      <c r="E260" s="535"/>
      <c r="F260" s="535"/>
      <c r="G260" s="535"/>
      <c r="H260" s="535"/>
      <c r="I260" s="536"/>
      <c r="J260" s="598" t="s">
        <v>153</v>
      </c>
      <c r="K260" s="638"/>
      <c r="L260" s="108" t="s">
        <v>154</v>
      </c>
      <c r="M260" s="449"/>
      <c r="N260" s="537"/>
      <c r="O260" s="537"/>
      <c r="P260" s="538"/>
      <c r="Q260" s="139"/>
      <c r="R260" s="138"/>
      <c r="S260" s="78"/>
      <c r="T260" s="76"/>
      <c r="U260" s="77"/>
      <c r="V260" s="77"/>
      <c r="W260" s="77"/>
      <c r="X260" s="77"/>
      <c r="Y260" s="77"/>
      <c r="Z260" s="77"/>
      <c r="AA260" s="77"/>
      <c r="AB260" s="77"/>
      <c r="AC260" s="77"/>
      <c r="AD260" s="77"/>
      <c r="AE260" s="77"/>
      <c r="AF260" s="77"/>
      <c r="AG260" s="77"/>
      <c r="AH260" s="77"/>
      <c r="AI260" s="77"/>
      <c r="AJ260" s="77"/>
      <c r="AK260" s="77"/>
      <c r="AL260" s="77"/>
      <c r="AM260" s="77"/>
      <c r="AN260" s="77"/>
      <c r="AO260" s="77"/>
      <c r="AP260" s="77"/>
      <c r="AQ260" s="77"/>
      <c r="AR260" s="77"/>
      <c r="AS260" s="77"/>
      <c r="AT260" s="77"/>
      <c r="AU260" s="77"/>
      <c r="AV260" s="77"/>
      <c r="AW260" s="77"/>
      <c r="AX260" s="77"/>
      <c r="AY260" s="77"/>
      <c r="AZ260" s="77"/>
      <c r="BA260" s="77"/>
      <c r="BB260" s="77"/>
      <c r="BC260" s="77"/>
      <c r="BD260" s="77"/>
    </row>
    <row r="261" spans="1:258" s="67" customFormat="1" ht="70.2" customHeight="1">
      <c r="A261" s="674" t="s">
        <v>155</v>
      </c>
      <c r="B261" s="675"/>
      <c r="C261" s="675"/>
      <c r="D261" s="675"/>
      <c r="E261" s="675"/>
      <c r="F261" s="675"/>
      <c r="G261" s="675"/>
      <c r="H261" s="675"/>
      <c r="I261" s="676"/>
      <c r="J261" s="613"/>
      <c r="K261" s="613"/>
      <c r="L261" s="613"/>
      <c r="M261" s="613"/>
      <c r="N261" s="613"/>
      <c r="O261" s="613"/>
      <c r="P261" s="677"/>
      <c r="Q261" s="139"/>
      <c r="R261" s="138"/>
      <c r="S261" s="78"/>
      <c r="T261" s="76"/>
      <c r="U261" s="77"/>
      <c r="V261" s="77"/>
      <c r="W261" s="77"/>
      <c r="X261" s="77"/>
      <c r="Y261" s="77"/>
      <c r="Z261" s="77"/>
      <c r="AA261" s="77"/>
      <c r="AB261" s="77"/>
      <c r="AC261" s="77"/>
      <c r="AD261" s="77"/>
      <c r="AE261" s="77"/>
      <c r="AF261" s="77"/>
      <c r="AG261" s="77"/>
      <c r="AH261" s="77"/>
      <c r="AI261" s="77"/>
      <c r="AJ261" s="77"/>
      <c r="AK261" s="77"/>
      <c r="AL261" s="77"/>
      <c r="AM261" s="77"/>
      <c r="AN261" s="77"/>
      <c r="AO261" s="77"/>
      <c r="AP261" s="77"/>
      <c r="AQ261" s="77"/>
      <c r="AR261" s="77"/>
      <c r="AS261" s="77"/>
      <c r="AT261" s="77"/>
      <c r="AU261" s="77"/>
      <c r="AV261" s="77"/>
      <c r="AW261" s="77"/>
      <c r="AX261" s="77"/>
      <c r="AY261" s="77"/>
      <c r="AZ261" s="77"/>
      <c r="BA261" s="77"/>
      <c r="BB261" s="77"/>
      <c r="BC261" s="77"/>
      <c r="BD261" s="77"/>
    </row>
    <row r="262" spans="1:258" s="67" customFormat="1" ht="70.2" customHeight="1">
      <c r="A262" s="674" t="s">
        <v>156</v>
      </c>
      <c r="B262" s="675"/>
      <c r="C262" s="675"/>
      <c r="D262" s="675"/>
      <c r="E262" s="675"/>
      <c r="F262" s="675"/>
      <c r="G262" s="675"/>
      <c r="H262" s="675"/>
      <c r="I262" s="676"/>
      <c r="J262" s="613"/>
      <c r="K262" s="613"/>
      <c r="L262" s="613"/>
      <c r="M262" s="613"/>
      <c r="N262" s="613"/>
      <c r="O262" s="613"/>
      <c r="P262" s="677"/>
      <c r="Q262" s="134"/>
      <c r="R262" s="133"/>
      <c r="S262" s="39"/>
      <c r="T262" s="40"/>
      <c r="U262" s="41"/>
      <c r="V262" s="41"/>
      <c r="W262" s="41"/>
      <c r="X262" s="41"/>
      <c r="Y262" s="41"/>
      <c r="Z262" s="41"/>
      <c r="AA262" s="41"/>
      <c r="AB262" s="41"/>
      <c r="AC262" s="41"/>
      <c r="AD262" s="41"/>
      <c r="AE262" s="41"/>
      <c r="AF262" s="41"/>
      <c r="AG262" s="41"/>
      <c r="AH262" s="41"/>
      <c r="AI262" s="41"/>
      <c r="AJ262" s="41"/>
      <c r="AK262" s="41"/>
      <c r="AL262" s="41"/>
      <c r="AM262" s="41"/>
      <c r="AN262" s="41"/>
      <c r="AO262" s="41"/>
      <c r="AP262" s="41"/>
      <c r="AQ262" s="41"/>
      <c r="AR262" s="41"/>
      <c r="AS262" s="41"/>
      <c r="AT262" s="41"/>
      <c r="AU262" s="41"/>
      <c r="AV262" s="41"/>
      <c r="AW262" s="41"/>
      <c r="AX262" s="41"/>
      <c r="AY262" s="41"/>
      <c r="AZ262" s="41"/>
      <c r="BA262" s="41"/>
      <c r="BB262" s="41"/>
      <c r="BC262" s="41"/>
      <c r="BD262" s="41"/>
      <c r="BE262" s="42"/>
      <c r="BF262" s="42"/>
      <c r="BG262" s="42"/>
      <c r="BH262" s="42"/>
      <c r="BI262" s="42"/>
      <c r="BJ262" s="42"/>
      <c r="BK262" s="42"/>
      <c r="BL262" s="42"/>
      <c r="BM262" s="42"/>
      <c r="BN262" s="42"/>
      <c r="BO262" s="42"/>
      <c r="BP262" s="42"/>
      <c r="BQ262" s="42"/>
      <c r="BR262" s="42"/>
      <c r="BS262" s="42"/>
      <c r="BT262" s="42"/>
      <c r="BU262" s="42"/>
      <c r="BV262" s="42"/>
      <c r="BW262" s="42"/>
      <c r="BX262" s="42"/>
      <c r="BY262" s="42"/>
      <c r="BZ262" s="42"/>
      <c r="CA262" s="42"/>
      <c r="CB262" s="42"/>
      <c r="CC262" s="42"/>
      <c r="CD262" s="42"/>
      <c r="CE262" s="42"/>
      <c r="CF262" s="42"/>
      <c r="CG262" s="42"/>
      <c r="CH262" s="42"/>
      <c r="CI262" s="42"/>
      <c r="CJ262" s="42"/>
      <c r="CK262" s="42"/>
      <c r="CL262" s="42"/>
      <c r="CM262" s="42"/>
      <c r="CN262" s="42"/>
      <c r="CO262" s="42"/>
      <c r="CP262" s="42"/>
      <c r="CQ262" s="42"/>
      <c r="CR262" s="42"/>
      <c r="CS262" s="42"/>
      <c r="CT262" s="42"/>
      <c r="CU262" s="42"/>
      <c r="CV262" s="42"/>
      <c r="CW262" s="42"/>
      <c r="CX262" s="42"/>
      <c r="CY262" s="42"/>
      <c r="CZ262" s="42"/>
      <c r="DA262" s="42"/>
      <c r="DB262" s="42"/>
      <c r="DC262" s="42"/>
      <c r="DD262" s="42"/>
      <c r="DE262" s="42"/>
      <c r="DF262" s="42"/>
      <c r="DG262" s="42"/>
      <c r="DH262" s="42"/>
      <c r="DI262" s="42"/>
      <c r="DJ262" s="42"/>
      <c r="DK262" s="42"/>
      <c r="DL262" s="42"/>
      <c r="DM262" s="42"/>
      <c r="DN262" s="42"/>
      <c r="DO262" s="42"/>
      <c r="DP262" s="42"/>
      <c r="DQ262" s="42"/>
      <c r="DR262" s="42"/>
      <c r="DS262" s="42"/>
      <c r="DT262" s="42"/>
      <c r="DU262" s="42"/>
      <c r="DV262" s="42"/>
      <c r="DW262" s="42"/>
      <c r="DX262" s="42"/>
      <c r="DY262" s="42"/>
      <c r="DZ262" s="42"/>
      <c r="EA262" s="42"/>
      <c r="EB262" s="42"/>
      <c r="EC262" s="42"/>
      <c r="ED262" s="42"/>
      <c r="EE262" s="42"/>
      <c r="EF262" s="42"/>
      <c r="EG262" s="42"/>
      <c r="EH262" s="42"/>
      <c r="EI262" s="42"/>
      <c r="EJ262" s="42"/>
      <c r="EK262" s="42"/>
      <c r="EL262" s="42"/>
      <c r="EM262" s="42"/>
      <c r="EN262" s="42"/>
      <c r="EO262" s="42"/>
      <c r="EP262" s="42"/>
      <c r="EQ262" s="42"/>
      <c r="ER262" s="42"/>
      <c r="ES262" s="42"/>
      <c r="ET262" s="42"/>
      <c r="EU262" s="42"/>
      <c r="EV262" s="42"/>
      <c r="EW262" s="42"/>
      <c r="EX262" s="42"/>
      <c r="EY262" s="42"/>
      <c r="EZ262" s="42"/>
      <c r="FA262" s="42"/>
      <c r="FB262" s="42"/>
      <c r="FC262" s="42"/>
      <c r="FD262" s="42"/>
      <c r="FE262" s="42"/>
      <c r="FF262" s="42"/>
      <c r="FG262" s="42"/>
      <c r="FH262" s="42"/>
      <c r="FI262" s="42"/>
      <c r="FJ262" s="42"/>
      <c r="FK262" s="42"/>
      <c r="FL262" s="42"/>
      <c r="FM262" s="42"/>
      <c r="FN262" s="42"/>
      <c r="FO262" s="42"/>
      <c r="FP262" s="42"/>
      <c r="FQ262" s="42"/>
      <c r="FR262" s="42"/>
      <c r="FS262" s="42"/>
      <c r="FT262" s="42"/>
      <c r="FU262" s="42"/>
      <c r="FV262" s="42"/>
      <c r="FW262" s="42"/>
      <c r="FX262" s="42"/>
      <c r="FY262" s="42"/>
      <c r="FZ262" s="42"/>
      <c r="GA262" s="42"/>
      <c r="GB262" s="42"/>
      <c r="GC262" s="42"/>
      <c r="GD262" s="42"/>
      <c r="GE262" s="42"/>
      <c r="GF262" s="42"/>
      <c r="GG262" s="42"/>
      <c r="GH262" s="42"/>
      <c r="GI262" s="42"/>
      <c r="GJ262" s="42"/>
      <c r="GK262" s="42"/>
      <c r="GL262" s="42"/>
      <c r="GM262" s="42"/>
      <c r="GN262" s="42"/>
      <c r="GO262" s="42"/>
      <c r="GP262" s="42"/>
      <c r="GQ262" s="42"/>
      <c r="GR262" s="42"/>
      <c r="GS262" s="42"/>
      <c r="GT262" s="42"/>
      <c r="GU262" s="42"/>
      <c r="GV262" s="42"/>
      <c r="GW262" s="42"/>
      <c r="GX262" s="42"/>
      <c r="GY262" s="42"/>
      <c r="GZ262" s="42"/>
      <c r="HA262" s="42"/>
      <c r="HB262" s="42"/>
      <c r="HC262" s="42"/>
      <c r="HD262" s="42"/>
      <c r="HE262" s="42"/>
      <c r="HF262" s="42"/>
      <c r="HG262" s="42"/>
      <c r="HH262" s="42"/>
      <c r="HI262" s="42"/>
      <c r="HJ262" s="42"/>
      <c r="HK262" s="42"/>
      <c r="HL262" s="42"/>
      <c r="HM262" s="42"/>
      <c r="HN262" s="42"/>
      <c r="HO262" s="42"/>
      <c r="HP262" s="42"/>
      <c r="HQ262" s="42"/>
      <c r="HR262" s="42"/>
      <c r="HS262" s="42"/>
      <c r="HT262" s="42"/>
      <c r="HU262" s="42"/>
      <c r="HV262" s="42"/>
      <c r="HW262" s="42"/>
      <c r="HX262" s="42"/>
      <c r="HY262" s="42"/>
      <c r="HZ262" s="42"/>
      <c r="IA262" s="42"/>
      <c r="IB262" s="42"/>
      <c r="IC262" s="42"/>
      <c r="ID262" s="42"/>
      <c r="IE262" s="42"/>
      <c r="IF262" s="42"/>
      <c r="IG262" s="42"/>
      <c r="IH262" s="42"/>
      <c r="II262" s="42"/>
      <c r="IJ262" s="42"/>
      <c r="IK262" s="42"/>
      <c r="IL262" s="42"/>
      <c r="IM262" s="42"/>
      <c r="IN262" s="42"/>
      <c r="IO262" s="42"/>
      <c r="IP262" s="42"/>
      <c r="IQ262" s="42"/>
      <c r="IR262" s="42"/>
      <c r="IS262" s="42"/>
      <c r="IT262" s="42"/>
      <c r="IU262" s="42"/>
      <c r="IV262" s="42"/>
      <c r="IW262" s="42"/>
      <c r="IX262" s="42"/>
    </row>
    <row r="263" spans="1:258" s="67" customFormat="1" ht="70.2" customHeight="1">
      <c r="A263" s="528" t="s">
        <v>157</v>
      </c>
      <c r="B263" s="529"/>
      <c r="C263" s="529"/>
      <c r="D263" s="529"/>
      <c r="E263" s="529"/>
      <c r="F263" s="529"/>
      <c r="G263" s="529"/>
      <c r="H263" s="529"/>
      <c r="I263" s="530"/>
      <c r="J263" s="109" t="s">
        <v>158</v>
      </c>
      <c r="K263" s="449" t="s">
        <v>159</v>
      </c>
      <c r="L263" s="537"/>
      <c r="M263" s="537"/>
      <c r="N263" s="537"/>
      <c r="O263" s="537"/>
      <c r="P263" s="538"/>
      <c r="Q263" s="134"/>
      <c r="R263" s="133"/>
      <c r="S263" s="39"/>
      <c r="T263" s="40"/>
      <c r="U263" s="41"/>
      <c r="V263" s="41"/>
      <c r="W263" s="41"/>
      <c r="X263" s="41"/>
      <c r="Y263" s="41"/>
      <c r="Z263" s="41"/>
      <c r="AA263" s="41"/>
      <c r="AB263" s="41"/>
      <c r="AC263" s="41"/>
      <c r="AD263" s="41"/>
      <c r="AE263" s="41"/>
      <c r="AF263" s="41"/>
      <c r="AG263" s="41"/>
      <c r="AH263" s="41"/>
      <c r="AI263" s="41"/>
      <c r="AJ263" s="41"/>
      <c r="AK263" s="41"/>
      <c r="AL263" s="41"/>
      <c r="AM263" s="41"/>
      <c r="AN263" s="41"/>
      <c r="AO263" s="41"/>
      <c r="AP263" s="41"/>
      <c r="AQ263" s="41"/>
      <c r="AR263" s="41"/>
      <c r="AS263" s="41"/>
      <c r="AT263" s="41"/>
      <c r="AU263" s="41"/>
      <c r="AV263" s="41"/>
      <c r="AW263" s="41"/>
      <c r="AX263" s="41"/>
      <c r="AY263" s="41"/>
      <c r="AZ263" s="41"/>
      <c r="BA263" s="41"/>
      <c r="BB263" s="41"/>
      <c r="BC263" s="41"/>
      <c r="BD263" s="41"/>
      <c r="BE263" s="42"/>
      <c r="BF263" s="42"/>
      <c r="BG263" s="42"/>
      <c r="BH263" s="42"/>
      <c r="BI263" s="42"/>
      <c r="BJ263" s="42"/>
      <c r="BK263" s="42"/>
      <c r="BL263" s="42"/>
      <c r="BM263" s="42"/>
      <c r="BN263" s="42"/>
      <c r="BO263" s="42"/>
      <c r="BP263" s="42"/>
      <c r="BQ263" s="42"/>
      <c r="BR263" s="42"/>
      <c r="BS263" s="42"/>
      <c r="BT263" s="42"/>
      <c r="BU263" s="42"/>
      <c r="BV263" s="42"/>
      <c r="BW263" s="42"/>
      <c r="BX263" s="42"/>
      <c r="BY263" s="42"/>
      <c r="BZ263" s="42"/>
      <c r="CA263" s="42"/>
      <c r="CB263" s="42"/>
      <c r="CC263" s="42"/>
      <c r="CD263" s="42"/>
      <c r="CE263" s="42"/>
      <c r="CF263" s="42"/>
      <c r="CG263" s="42"/>
      <c r="CH263" s="42"/>
      <c r="CI263" s="42"/>
      <c r="CJ263" s="42"/>
      <c r="CK263" s="42"/>
      <c r="CL263" s="42"/>
      <c r="CM263" s="42"/>
      <c r="CN263" s="42"/>
      <c r="CO263" s="42"/>
      <c r="CP263" s="42"/>
      <c r="CQ263" s="42"/>
      <c r="CR263" s="42"/>
      <c r="CS263" s="42"/>
      <c r="CT263" s="42"/>
      <c r="CU263" s="42"/>
      <c r="CV263" s="42"/>
      <c r="CW263" s="42"/>
      <c r="CX263" s="42"/>
      <c r="CY263" s="42"/>
      <c r="CZ263" s="42"/>
      <c r="DA263" s="42"/>
      <c r="DB263" s="42"/>
      <c r="DC263" s="42"/>
      <c r="DD263" s="42"/>
      <c r="DE263" s="42"/>
      <c r="DF263" s="42"/>
      <c r="DG263" s="42"/>
      <c r="DH263" s="42"/>
      <c r="DI263" s="42"/>
      <c r="DJ263" s="42"/>
      <c r="DK263" s="42"/>
      <c r="DL263" s="42"/>
      <c r="DM263" s="42"/>
      <c r="DN263" s="42"/>
      <c r="DO263" s="42"/>
      <c r="DP263" s="42"/>
      <c r="DQ263" s="42"/>
      <c r="DR263" s="42"/>
      <c r="DS263" s="42"/>
      <c r="DT263" s="42"/>
      <c r="DU263" s="42"/>
      <c r="DV263" s="42"/>
      <c r="DW263" s="42"/>
      <c r="DX263" s="42"/>
      <c r="DY263" s="42"/>
      <c r="DZ263" s="42"/>
      <c r="EA263" s="42"/>
      <c r="EB263" s="42"/>
      <c r="EC263" s="42"/>
      <c r="ED263" s="42"/>
      <c r="EE263" s="42"/>
      <c r="EF263" s="42"/>
      <c r="EG263" s="42"/>
      <c r="EH263" s="42"/>
      <c r="EI263" s="42"/>
      <c r="EJ263" s="42"/>
      <c r="EK263" s="42"/>
      <c r="EL263" s="42"/>
      <c r="EM263" s="42"/>
      <c r="EN263" s="42"/>
      <c r="EO263" s="42"/>
      <c r="EP263" s="42"/>
      <c r="EQ263" s="42"/>
      <c r="ER263" s="42"/>
      <c r="ES263" s="42"/>
      <c r="ET263" s="42"/>
      <c r="EU263" s="42"/>
      <c r="EV263" s="42"/>
      <c r="EW263" s="42"/>
      <c r="EX263" s="42"/>
      <c r="EY263" s="42"/>
      <c r="EZ263" s="42"/>
      <c r="FA263" s="42"/>
      <c r="FB263" s="42"/>
      <c r="FC263" s="42"/>
      <c r="FD263" s="42"/>
      <c r="FE263" s="42"/>
      <c r="FF263" s="42"/>
      <c r="FG263" s="42"/>
      <c r="FH263" s="42"/>
      <c r="FI263" s="42"/>
      <c r="FJ263" s="42"/>
      <c r="FK263" s="42"/>
      <c r="FL263" s="42"/>
      <c r="FM263" s="42"/>
      <c r="FN263" s="42"/>
      <c r="FO263" s="42"/>
      <c r="FP263" s="42"/>
      <c r="FQ263" s="42"/>
      <c r="FR263" s="42"/>
      <c r="FS263" s="42"/>
      <c r="FT263" s="42"/>
      <c r="FU263" s="42"/>
      <c r="FV263" s="42"/>
      <c r="FW263" s="42"/>
      <c r="FX263" s="42"/>
      <c r="FY263" s="42"/>
      <c r="FZ263" s="42"/>
      <c r="GA263" s="42"/>
      <c r="GB263" s="42"/>
      <c r="GC263" s="42"/>
      <c r="GD263" s="42"/>
      <c r="GE263" s="42"/>
      <c r="GF263" s="42"/>
      <c r="GG263" s="42"/>
      <c r="GH263" s="42"/>
      <c r="GI263" s="42"/>
      <c r="GJ263" s="42"/>
      <c r="GK263" s="42"/>
      <c r="GL263" s="42"/>
      <c r="GM263" s="42"/>
      <c r="GN263" s="42"/>
      <c r="GO263" s="42"/>
      <c r="GP263" s="42"/>
      <c r="GQ263" s="42"/>
      <c r="GR263" s="42"/>
      <c r="GS263" s="42"/>
      <c r="GT263" s="42"/>
      <c r="GU263" s="42"/>
      <c r="GV263" s="42"/>
      <c r="GW263" s="42"/>
      <c r="GX263" s="42"/>
      <c r="GY263" s="42"/>
      <c r="GZ263" s="42"/>
      <c r="HA263" s="42"/>
      <c r="HB263" s="42"/>
      <c r="HC263" s="42"/>
      <c r="HD263" s="42"/>
      <c r="HE263" s="42"/>
      <c r="HF263" s="42"/>
      <c r="HG263" s="42"/>
      <c r="HH263" s="42"/>
      <c r="HI263" s="42"/>
      <c r="HJ263" s="42"/>
      <c r="HK263" s="42"/>
      <c r="HL263" s="42"/>
      <c r="HM263" s="42"/>
      <c r="HN263" s="42"/>
      <c r="HO263" s="42"/>
      <c r="HP263" s="42"/>
      <c r="HQ263" s="42"/>
      <c r="HR263" s="42"/>
      <c r="HS263" s="42"/>
      <c r="HT263" s="42"/>
      <c r="HU263" s="42"/>
      <c r="HV263" s="42"/>
      <c r="HW263" s="42"/>
      <c r="HX263" s="42"/>
      <c r="HY263" s="42"/>
      <c r="HZ263" s="42"/>
      <c r="IA263" s="42"/>
      <c r="IB263" s="42"/>
      <c r="IC263" s="42"/>
      <c r="ID263" s="42"/>
      <c r="IE263" s="42"/>
      <c r="IF263" s="42"/>
      <c r="IG263" s="42"/>
      <c r="IH263" s="42"/>
      <c r="II263" s="42"/>
      <c r="IJ263" s="42"/>
      <c r="IK263" s="42"/>
      <c r="IL263" s="42"/>
      <c r="IM263" s="42"/>
      <c r="IN263" s="42"/>
      <c r="IO263" s="42"/>
      <c r="IP263" s="42"/>
      <c r="IQ263" s="42"/>
      <c r="IR263" s="42"/>
      <c r="IS263" s="42"/>
      <c r="IT263" s="42"/>
      <c r="IU263" s="42"/>
      <c r="IV263" s="42"/>
      <c r="IW263" s="42"/>
      <c r="IX263" s="42"/>
    </row>
    <row r="264" spans="1:258" s="67" customFormat="1" ht="70.2" customHeight="1">
      <c r="A264" s="531"/>
      <c r="B264" s="532"/>
      <c r="C264" s="532"/>
      <c r="D264" s="532"/>
      <c r="E264" s="532"/>
      <c r="F264" s="532"/>
      <c r="G264" s="532"/>
      <c r="H264" s="532"/>
      <c r="I264" s="533"/>
      <c r="J264" s="449" t="s">
        <v>160</v>
      </c>
      <c r="K264" s="537"/>
      <c r="L264" s="537"/>
      <c r="M264" s="537"/>
      <c r="N264" s="537"/>
      <c r="O264" s="537"/>
      <c r="P264" s="538"/>
      <c r="Q264" s="134"/>
      <c r="R264" s="133"/>
      <c r="S264" s="39"/>
      <c r="T264" s="40"/>
      <c r="U264" s="41"/>
      <c r="V264" s="41"/>
      <c r="W264" s="41"/>
      <c r="X264" s="41"/>
      <c r="Y264" s="41"/>
      <c r="Z264" s="41"/>
      <c r="AA264" s="41"/>
      <c r="AB264" s="41"/>
      <c r="AC264" s="41"/>
      <c r="AD264" s="41"/>
      <c r="AE264" s="41"/>
      <c r="AF264" s="41"/>
      <c r="AG264" s="41"/>
      <c r="AH264" s="41"/>
      <c r="AI264" s="41"/>
      <c r="AJ264" s="41"/>
      <c r="AK264" s="41"/>
      <c r="AL264" s="41"/>
      <c r="AM264" s="41"/>
      <c r="AN264" s="41"/>
      <c r="AO264" s="41"/>
      <c r="AP264" s="41"/>
      <c r="AQ264" s="41"/>
      <c r="AR264" s="41"/>
      <c r="AS264" s="41"/>
      <c r="AT264" s="41"/>
      <c r="AU264" s="41"/>
      <c r="AV264" s="41"/>
      <c r="AW264" s="41"/>
      <c r="AX264" s="41"/>
      <c r="AY264" s="41"/>
      <c r="AZ264" s="41"/>
      <c r="BA264" s="41"/>
      <c r="BB264" s="41"/>
      <c r="BC264" s="41"/>
      <c r="BD264" s="41"/>
      <c r="BE264" s="42"/>
      <c r="BF264" s="42"/>
      <c r="BG264" s="42"/>
      <c r="BH264" s="42"/>
      <c r="BI264" s="42"/>
      <c r="BJ264" s="42"/>
      <c r="BK264" s="42"/>
      <c r="BL264" s="42"/>
      <c r="BM264" s="42"/>
      <c r="BN264" s="42"/>
      <c r="BO264" s="42"/>
      <c r="BP264" s="42"/>
      <c r="BQ264" s="42"/>
      <c r="BR264" s="42"/>
      <c r="BS264" s="42"/>
      <c r="BT264" s="42"/>
      <c r="BU264" s="42"/>
      <c r="BV264" s="42"/>
      <c r="BW264" s="42"/>
      <c r="BX264" s="42"/>
      <c r="BY264" s="42"/>
      <c r="BZ264" s="42"/>
      <c r="CA264" s="42"/>
      <c r="CB264" s="42"/>
      <c r="CC264" s="42"/>
      <c r="CD264" s="42"/>
      <c r="CE264" s="42"/>
      <c r="CF264" s="42"/>
      <c r="CG264" s="42"/>
      <c r="CH264" s="42"/>
      <c r="CI264" s="42"/>
      <c r="CJ264" s="42"/>
      <c r="CK264" s="42"/>
      <c r="CL264" s="42"/>
      <c r="CM264" s="42"/>
      <c r="CN264" s="42"/>
      <c r="CO264" s="42"/>
      <c r="CP264" s="42"/>
      <c r="CQ264" s="42"/>
      <c r="CR264" s="42"/>
      <c r="CS264" s="42"/>
      <c r="CT264" s="42"/>
      <c r="CU264" s="42"/>
      <c r="CV264" s="42"/>
      <c r="CW264" s="42"/>
      <c r="CX264" s="42"/>
      <c r="CY264" s="42"/>
      <c r="CZ264" s="42"/>
      <c r="DA264" s="42"/>
      <c r="DB264" s="42"/>
      <c r="DC264" s="42"/>
      <c r="DD264" s="42"/>
      <c r="DE264" s="42"/>
      <c r="DF264" s="42"/>
      <c r="DG264" s="42"/>
      <c r="DH264" s="42"/>
      <c r="DI264" s="42"/>
      <c r="DJ264" s="42"/>
      <c r="DK264" s="42"/>
      <c r="DL264" s="42"/>
      <c r="DM264" s="42"/>
      <c r="DN264" s="42"/>
      <c r="DO264" s="42"/>
      <c r="DP264" s="42"/>
      <c r="DQ264" s="42"/>
      <c r="DR264" s="42"/>
      <c r="DS264" s="42"/>
      <c r="DT264" s="42"/>
      <c r="DU264" s="42"/>
      <c r="DV264" s="42"/>
      <c r="DW264" s="42"/>
      <c r="DX264" s="42"/>
      <c r="DY264" s="42"/>
      <c r="DZ264" s="42"/>
      <c r="EA264" s="42"/>
      <c r="EB264" s="42"/>
      <c r="EC264" s="42"/>
      <c r="ED264" s="42"/>
      <c r="EE264" s="42"/>
      <c r="EF264" s="42"/>
      <c r="EG264" s="42"/>
      <c r="EH264" s="42"/>
      <c r="EI264" s="42"/>
      <c r="EJ264" s="42"/>
      <c r="EK264" s="42"/>
      <c r="EL264" s="42"/>
      <c r="EM264" s="42"/>
      <c r="EN264" s="42"/>
      <c r="EO264" s="42"/>
      <c r="EP264" s="42"/>
      <c r="EQ264" s="42"/>
      <c r="ER264" s="42"/>
      <c r="ES264" s="42"/>
      <c r="ET264" s="42"/>
      <c r="EU264" s="42"/>
      <c r="EV264" s="42"/>
      <c r="EW264" s="42"/>
      <c r="EX264" s="42"/>
      <c r="EY264" s="42"/>
      <c r="EZ264" s="42"/>
      <c r="FA264" s="42"/>
      <c r="FB264" s="42"/>
      <c r="FC264" s="42"/>
      <c r="FD264" s="42"/>
      <c r="FE264" s="42"/>
      <c r="FF264" s="42"/>
      <c r="FG264" s="42"/>
      <c r="FH264" s="42"/>
      <c r="FI264" s="42"/>
      <c r="FJ264" s="42"/>
      <c r="FK264" s="42"/>
      <c r="FL264" s="42"/>
      <c r="FM264" s="42"/>
      <c r="FN264" s="42"/>
      <c r="FO264" s="42"/>
      <c r="FP264" s="42"/>
      <c r="FQ264" s="42"/>
      <c r="FR264" s="42"/>
      <c r="FS264" s="42"/>
      <c r="FT264" s="42"/>
      <c r="FU264" s="42"/>
      <c r="FV264" s="42"/>
      <c r="FW264" s="42"/>
      <c r="FX264" s="42"/>
      <c r="FY264" s="42"/>
      <c r="FZ264" s="42"/>
      <c r="GA264" s="42"/>
      <c r="GB264" s="42"/>
      <c r="GC264" s="42"/>
      <c r="GD264" s="42"/>
      <c r="GE264" s="42"/>
      <c r="GF264" s="42"/>
      <c r="GG264" s="42"/>
      <c r="GH264" s="42"/>
      <c r="GI264" s="42"/>
      <c r="GJ264" s="42"/>
      <c r="GK264" s="42"/>
      <c r="GL264" s="42"/>
      <c r="GM264" s="42"/>
      <c r="GN264" s="42"/>
      <c r="GO264" s="42"/>
      <c r="GP264" s="42"/>
      <c r="GQ264" s="42"/>
      <c r="GR264" s="42"/>
      <c r="GS264" s="42"/>
      <c r="GT264" s="42"/>
      <c r="GU264" s="42"/>
      <c r="GV264" s="42"/>
      <c r="GW264" s="42"/>
      <c r="GX264" s="42"/>
      <c r="GY264" s="42"/>
      <c r="GZ264" s="42"/>
      <c r="HA264" s="42"/>
      <c r="HB264" s="42"/>
      <c r="HC264" s="42"/>
      <c r="HD264" s="42"/>
      <c r="HE264" s="42"/>
      <c r="HF264" s="42"/>
      <c r="HG264" s="42"/>
      <c r="HH264" s="42"/>
      <c r="HI264" s="42"/>
      <c r="HJ264" s="42"/>
      <c r="HK264" s="42"/>
      <c r="HL264" s="42"/>
      <c r="HM264" s="42"/>
      <c r="HN264" s="42"/>
      <c r="HO264" s="42"/>
      <c r="HP264" s="42"/>
      <c r="HQ264" s="42"/>
      <c r="HR264" s="42"/>
      <c r="HS264" s="42"/>
      <c r="HT264" s="42"/>
      <c r="HU264" s="42"/>
      <c r="HV264" s="42"/>
      <c r="HW264" s="42"/>
      <c r="HX264" s="42"/>
      <c r="HY264" s="42"/>
      <c r="HZ264" s="42"/>
      <c r="IA264" s="42"/>
      <c r="IB264" s="42"/>
      <c r="IC264" s="42"/>
      <c r="ID264" s="42"/>
      <c r="IE264" s="42"/>
      <c r="IF264" s="42"/>
      <c r="IG264" s="42"/>
      <c r="IH264" s="42"/>
      <c r="II264" s="42"/>
      <c r="IJ264" s="42"/>
      <c r="IK264" s="42"/>
      <c r="IL264" s="42"/>
      <c r="IM264" s="42"/>
      <c r="IN264" s="42"/>
      <c r="IO264" s="42"/>
      <c r="IP264" s="42"/>
      <c r="IQ264" s="42"/>
      <c r="IR264" s="42"/>
      <c r="IS264" s="42"/>
      <c r="IT264" s="42"/>
      <c r="IU264" s="42"/>
      <c r="IV264" s="42"/>
      <c r="IW264" s="42"/>
      <c r="IX264" s="42"/>
    </row>
    <row r="265" spans="1:258" s="67" customFormat="1" ht="70.2" customHeight="1">
      <c r="A265" s="534"/>
      <c r="B265" s="535"/>
      <c r="C265" s="535"/>
      <c r="D265" s="535"/>
      <c r="E265" s="535"/>
      <c r="F265" s="535"/>
      <c r="G265" s="535"/>
      <c r="H265" s="535"/>
      <c r="I265" s="536"/>
      <c r="J265" s="598" t="s">
        <v>161</v>
      </c>
      <c r="K265" s="638"/>
      <c r="L265" s="108" t="s">
        <v>154</v>
      </c>
      <c r="M265" s="449"/>
      <c r="N265" s="537"/>
      <c r="O265" s="537"/>
      <c r="P265" s="538"/>
      <c r="Q265" s="134"/>
      <c r="R265" s="133"/>
      <c r="S265" s="39"/>
      <c r="T265" s="40"/>
      <c r="U265" s="41"/>
      <c r="V265" s="41"/>
      <c r="W265" s="41"/>
      <c r="X265" s="41"/>
      <c r="Y265" s="41"/>
      <c r="Z265" s="41"/>
      <c r="AA265" s="41"/>
      <c r="AB265" s="41"/>
      <c r="AC265" s="41"/>
      <c r="AD265" s="41"/>
      <c r="AE265" s="41"/>
      <c r="AF265" s="41"/>
      <c r="AG265" s="41"/>
      <c r="AH265" s="41"/>
      <c r="AI265" s="41"/>
      <c r="AJ265" s="41"/>
      <c r="AK265" s="41"/>
      <c r="AL265" s="41"/>
      <c r="AM265" s="41"/>
      <c r="AN265" s="41"/>
      <c r="AO265" s="41"/>
      <c r="AP265" s="41"/>
      <c r="AQ265" s="41"/>
      <c r="AR265" s="41"/>
      <c r="AS265" s="41"/>
      <c r="AT265" s="41"/>
      <c r="AU265" s="41"/>
      <c r="AV265" s="41"/>
      <c r="AW265" s="41"/>
      <c r="AX265" s="41"/>
      <c r="AY265" s="41"/>
      <c r="AZ265" s="41"/>
      <c r="BA265" s="41"/>
      <c r="BB265" s="41"/>
      <c r="BC265" s="41"/>
      <c r="BD265" s="41"/>
      <c r="BE265" s="42"/>
      <c r="BF265" s="42"/>
      <c r="BG265" s="42"/>
      <c r="BH265" s="42"/>
      <c r="BI265" s="42"/>
      <c r="BJ265" s="42"/>
      <c r="BK265" s="42"/>
      <c r="BL265" s="42"/>
      <c r="BM265" s="42"/>
      <c r="BN265" s="42"/>
      <c r="BO265" s="42"/>
      <c r="BP265" s="42"/>
      <c r="BQ265" s="42"/>
      <c r="BR265" s="42"/>
      <c r="BS265" s="42"/>
      <c r="BT265" s="42"/>
      <c r="BU265" s="42"/>
      <c r="BV265" s="42"/>
      <c r="BW265" s="42"/>
      <c r="BX265" s="42"/>
      <c r="BY265" s="42"/>
      <c r="BZ265" s="42"/>
      <c r="CA265" s="42"/>
      <c r="CB265" s="42"/>
      <c r="CC265" s="42"/>
      <c r="CD265" s="42"/>
      <c r="CE265" s="42"/>
      <c r="CF265" s="42"/>
      <c r="CG265" s="42"/>
      <c r="CH265" s="42"/>
      <c r="CI265" s="42"/>
      <c r="CJ265" s="42"/>
      <c r="CK265" s="42"/>
      <c r="CL265" s="42"/>
      <c r="CM265" s="42"/>
      <c r="CN265" s="42"/>
      <c r="CO265" s="42"/>
      <c r="CP265" s="42"/>
      <c r="CQ265" s="42"/>
      <c r="CR265" s="42"/>
      <c r="CS265" s="42"/>
      <c r="CT265" s="42"/>
      <c r="CU265" s="42"/>
      <c r="CV265" s="42"/>
      <c r="CW265" s="42"/>
      <c r="CX265" s="42"/>
      <c r="CY265" s="42"/>
      <c r="CZ265" s="42"/>
      <c r="DA265" s="42"/>
      <c r="DB265" s="42"/>
      <c r="DC265" s="42"/>
      <c r="DD265" s="42"/>
      <c r="DE265" s="42"/>
      <c r="DF265" s="42"/>
      <c r="DG265" s="42"/>
      <c r="DH265" s="42"/>
      <c r="DI265" s="42"/>
      <c r="DJ265" s="42"/>
      <c r="DK265" s="42"/>
      <c r="DL265" s="42"/>
      <c r="DM265" s="42"/>
      <c r="DN265" s="42"/>
      <c r="DO265" s="42"/>
      <c r="DP265" s="42"/>
      <c r="DQ265" s="42"/>
      <c r="DR265" s="42"/>
      <c r="DS265" s="42"/>
      <c r="DT265" s="42"/>
      <c r="DU265" s="42"/>
      <c r="DV265" s="42"/>
      <c r="DW265" s="42"/>
      <c r="DX265" s="42"/>
      <c r="DY265" s="42"/>
      <c r="DZ265" s="42"/>
      <c r="EA265" s="42"/>
      <c r="EB265" s="42"/>
      <c r="EC265" s="42"/>
      <c r="ED265" s="42"/>
      <c r="EE265" s="42"/>
      <c r="EF265" s="42"/>
      <c r="EG265" s="42"/>
      <c r="EH265" s="42"/>
      <c r="EI265" s="42"/>
      <c r="EJ265" s="42"/>
      <c r="EK265" s="42"/>
      <c r="EL265" s="42"/>
      <c r="EM265" s="42"/>
      <c r="EN265" s="42"/>
      <c r="EO265" s="42"/>
      <c r="EP265" s="42"/>
      <c r="EQ265" s="42"/>
      <c r="ER265" s="42"/>
      <c r="ES265" s="42"/>
      <c r="ET265" s="42"/>
      <c r="EU265" s="42"/>
      <c r="EV265" s="42"/>
      <c r="EW265" s="42"/>
      <c r="EX265" s="42"/>
      <c r="EY265" s="42"/>
      <c r="EZ265" s="42"/>
      <c r="FA265" s="42"/>
      <c r="FB265" s="42"/>
      <c r="FC265" s="42"/>
      <c r="FD265" s="42"/>
      <c r="FE265" s="42"/>
      <c r="FF265" s="42"/>
      <c r="FG265" s="42"/>
      <c r="FH265" s="42"/>
      <c r="FI265" s="42"/>
      <c r="FJ265" s="42"/>
      <c r="FK265" s="42"/>
      <c r="FL265" s="42"/>
      <c r="FM265" s="42"/>
      <c r="FN265" s="42"/>
      <c r="FO265" s="42"/>
      <c r="FP265" s="42"/>
      <c r="FQ265" s="42"/>
      <c r="FR265" s="42"/>
      <c r="FS265" s="42"/>
      <c r="FT265" s="42"/>
      <c r="FU265" s="42"/>
      <c r="FV265" s="42"/>
      <c r="FW265" s="42"/>
      <c r="FX265" s="42"/>
      <c r="FY265" s="42"/>
      <c r="FZ265" s="42"/>
      <c r="GA265" s="42"/>
      <c r="GB265" s="42"/>
      <c r="GC265" s="42"/>
      <c r="GD265" s="42"/>
      <c r="GE265" s="42"/>
      <c r="GF265" s="42"/>
      <c r="GG265" s="42"/>
      <c r="GH265" s="42"/>
      <c r="GI265" s="42"/>
      <c r="GJ265" s="42"/>
      <c r="GK265" s="42"/>
      <c r="GL265" s="42"/>
      <c r="GM265" s="42"/>
      <c r="GN265" s="42"/>
      <c r="GO265" s="42"/>
      <c r="GP265" s="42"/>
      <c r="GQ265" s="42"/>
      <c r="GR265" s="42"/>
      <c r="GS265" s="42"/>
      <c r="GT265" s="42"/>
      <c r="GU265" s="42"/>
      <c r="GV265" s="42"/>
      <c r="GW265" s="42"/>
      <c r="GX265" s="42"/>
      <c r="GY265" s="42"/>
      <c r="GZ265" s="42"/>
      <c r="HA265" s="42"/>
      <c r="HB265" s="42"/>
      <c r="HC265" s="42"/>
      <c r="HD265" s="42"/>
      <c r="HE265" s="42"/>
      <c r="HF265" s="42"/>
      <c r="HG265" s="42"/>
      <c r="HH265" s="42"/>
      <c r="HI265" s="42"/>
      <c r="HJ265" s="42"/>
      <c r="HK265" s="42"/>
      <c r="HL265" s="42"/>
      <c r="HM265" s="42"/>
      <c r="HN265" s="42"/>
      <c r="HO265" s="42"/>
      <c r="HP265" s="42"/>
      <c r="HQ265" s="42"/>
      <c r="HR265" s="42"/>
      <c r="HS265" s="42"/>
      <c r="HT265" s="42"/>
      <c r="HU265" s="42"/>
      <c r="HV265" s="42"/>
      <c r="HW265" s="42"/>
      <c r="HX265" s="42"/>
      <c r="HY265" s="42"/>
      <c r="HZ265" s="42"/>
      <c r="IA265" s="42"/>
      <c r="IB265" s="42"/>
      <c r="IC265" s="42"/>
      <c r="ID265" s="42"/>
      <c r="IE265" s="42"/>
      <c r="IF265" s="42"/>
      <c r="IG265" s="42"/>
      <c r="IH265" s="42"/>
      <c r="II265" s="42"/>
      <c r="IJ265" s="42"/>
      <c r="IK265" s="42"/>
      <c r="IL265" s="42"/>
      <c r="IM265" s="42"/>
      <c r="IN265" s="42"/>
      <c r="IO265" s="42"/>
      <c r="IP265" s="42"/>
      <c r="IQ265" s="42"/>
      <c r="IR265" s="42"/>
      <c r="IS265" s="42"/>
      <c r="IT265" s="42"/>
      <c r="IU265" s="42"/>
      <c r="IV265" s="42"/>
      <c r="IW265" s="42"/>
      <c r="IX265" s="42"/>
    </row>
    <row r="266" spans="1:258" s="67" customFormat="1" ht="70.2" customHeight="1">
      <c r="A266" s="674" t="s">
        <v>162</v>
      </c>
      <c r="B266" s="675"/>
      <c r="C266" s="675"/>
      <c r="D266" s="675"/>
      <c r="E266" s="675"/>
      <c r="F266" s="675"/>
      <c r="G266" s="675"/>
      <c r="H266" s="675"/>
      <c r="I266" s="676"/>
      <c r="J266" s="613"/>
      <c r="K266" s="613"/>
      <c r="L266" s="613"/>
      <c r="M266" s="613"/>
      <c r="N266" s="613"/>
      <c r="O266" s="613"/>
      <c r="P266" s="677"/>
      <c r="Q266" s="134"/>
      <c r="R266" s="133"/>
      <c r="S266" s="39"/>
      <c r="T266" s="40"/>
      <c r="U266" s="41"/>
      <c r="V266" s="41"/>
      <c r="W266" s="41"/>
      <c r="X266" s="41"/>
      <c r="Y266" s="41"/>
      <c r="Z266" s="41"/>
      <c r="AA266" s="41"/>
      <c r="AB266" s="41"/>
      <c r="AC266" s="41"/>
      <c r="AD266" s="41"/>
      <c r="AE266" s="41"/>
      <c r="AF266" s="41"/>
      <c r="AG266" s="41"/>
      <c r="AH266" s="41"/>
      <c r="AI266" s="41"/>
      <c r="AJ266" s="41"/>
      <c r="AK266" s="41"/>
      <c r="AL266" s="41"/>
      <c r="AM266" s="41"/>
      <c r="AN266" s="41"/>
      <c r="AO266" s="41"/>
      <c r="AP266" s="41"/>
      <c r="AQ266" s="41"/>
      <c r="AR266" s="41"/>
      <c r="AS266" s="41"/>
      <c r="AT266" s="41"/>
      <c r="AU266" s="41"/>
      <c r="AV266" s="41"/>
      <c r="AW266" s="41"/>
      <c r="AX266" s="41"/>
      <c r="AY266" s="41"/>
      <c r="AZ266" s="41"/>
      <c r="BA266" s="41"/>
      <c r="BB266" s="41"/>
      <c r="BC266" s="41"/>
      <c r="BD266" s="41"/>
      <c r="BE266" s="42"/>
      <c r="BF266" s="42"/>
      <c r="BG266" s="42"/>
      <c r="BH266" s="42"/>
      <c r="BI266" s="42"/>
      <c r="BJ266" s="42"/>
      <c r="BK266" s="42"/>
      <c r="BL266" s="42"/>
      <c r="BM266" s="42"/>
      <c r="BN266" s="42"/>
      <c r="BO266" s="42"/>
      <c r="BP266" s="42"/>
      <c r="BQ266" s="42"/>
      <c r="BR266" s="42"/>
      <c r="BS266" s="42"/>
      <c r="BT266" s="42"/>
      <c r="BU266" s="42"/>
      <c r="BV266" s="42"/>
      <c r="BW266" s="42"/>
      <c r="BX266" s="42"/>
      <c r="BY266" s="42"/>
      <c r="BZ266" s="42"/>
      <c r="CA266" s="42"/>
      <c r="CB266" s="42"/>
      <c r="CC266" s="42"/>
      <c r="CD266" s="42"/>
      <c r="CE266" s="42"/>
      <c r="CF266" s="42"/>
      <c r="CG266" s="42"/>
      <c r="CH266" s="42"/>
      <c r="CI266" s="42"/>
      <c r="CJ266" s="42"/>
      <c r="CK266" s="42"/>
      <c r="CL266" s="42"/>
      <c r="CM266" s="42"/>
      <c r="CN266" s="42"/>
      <c r="CO266" s="42"/>
      <c r="CP266" s="42"/>
      <c r="CQ266" s="42"/>
      <c r="CR266" s="42"/>
      <c r="CS266" s="42"/>
      <c r="CT266" s="42"/>
      <c r="CU266" s="42"/>
      <c r="CV266" s="42"/>
      <c r="CW266" s="42"/>
      <c r="CX266" s="42"/>
      <c r="CY266" s="42"/>
      <c r="CZ266" s="42"/>
      <c r="DA266" s="42"/>
      <c r="DB266" s="42"/>
      <c r="DC266" s="42"/>
      <c r="DD266" s="42"/>
      <c r="DE266" s="42"/>
      <c r="DF266" s="42"/>
      <c r="DG266" s="42"/>
      <c r="DH266" s="42"/>
      <c r="DI266" s="42"/>
      <c r="DJ266" s="42"/>
      <c r="DK266" s="42"/>
      <c r="DL266" s="42"/>
      <c r="DM266" s="42"/>
      <c r="DN266" s="42"/>
      <c r="DO266" s="42"/>
      <c r="DP266" s="42"/>
      <c r="DQ266" s="42"/>
      <c r="DR266" s="42"/>
      <c r="DS266" s="42"/>
      <c r="DT266" s="42"/>
      <c r="DU266" s="42"/>
      <c r="DV266" s="42"/>
      <c r="DW266" s="42"/>
      <c r="DX266" s="42"/>
      <c r="DY266" s="42"/>
      <c r="DZ266" s="42"/>
      <c r="EA266" s="42"/>
      <c r="EB266" s="42"/>
      <c r="EC266" s="42"/>
      <c r="ED266" s="42"/>
      <c r="EE266" s="42"/>
      <c r="EF266" s="42"/>
      <c r="EG266" s="42"/>
      <c r="EH266" s="42"/>
      <c r="EI266" s="42"/>
      <c r="EJ266" s="42"/>
      <c r="EK266" s="42"/>
      <c r="EL266" s="42"/>
      <c r="EM266" s="42"/>
      <c r="EN266" s="42"/>
      <c r="EO266" s="42"/>
      <c r="EP266" s="42"/>
      <c r="EQ266" s="42"/>
      <c r="ER266" s="42"/>
      <c r="ES266" s="42"/>
      <c r="ET266" s="42"/>
      <c r="EU266" s="42"/>
      <c r="EV266" s="42"/>
      <c r="EW266" s="42"/>
      <c r="EX266" s="42"/>
      <c r="EY266" s="42"/>
      <c r="EZ266" s="42"/>
      <c r="FA266" s="42"/>
      <c r="FB266" s="42"/>
      <c r="FC266" s="42"/>
      <c r="FD266" s="42"/>
      <c r="FE266" s="42"/>
      <c r="FF266" s="42"/>
      <c r="FG266" s="42"/>
      <c r="FH266" s="42"/>
      <c r="FI266" s="42"/>
      <c r="FJ266" s="42"/>
      <c r="FK266" s="42"/>
      <c r="FL266" s="42"/>
      <c r="FM266" s="42"/>
      <c r="FN266" s="42"/>
      <c r="FO266" s="42"/>
      <c r="FP266" s="42"/>
      <c r="FQ266" s="42"/>
      <c r="FR266" s="42"/>
      <c r="FS266" s="42"/>
      <c r="FT266" s="42"/>
      <c r="FU266" s="42"/>
      <c r="FV266" s="42"/>
      <c r="FW266" s="42"/>
      <c r="FX266" s="42"/>
      <c r="FY266" s="42"/>
      <c r="FZ266" s="42"/>
      <c r="GA266" s="42"/>
      <c r="GB266" s="42"/>
      <c r="GC266" s="42"/>
      <c r="GD266" s="42"/>
      <c r="GE266" s="42"/>
      <c r="GF266" s="42"/>
      <c r="GG266" s="42"/>
      <c r="GH266" s="42"/>
      <c r="GI266" s="42"/>
      <c r="GJ266" s="42"/>
      <c r="GK266" s="42"/>
      <c r="GL266" s="42"/>
      <c r="GM266" s="42"/>
      <c r="GN266" s="42"/>
      <c r="GO266" s="42"/>
      <c r="GP266" s="42"/>
      <c r="GQ266" s="42"/>
      <c r="GR266" s="42"/>
      <c r="GS266" s="42"/>
      <c r="GT266" s="42"/>
      <c r="GU266" s="42"/>
      <c r="GV266" s="42"/>
      <c r="GW266" s="42"/>
      <c r="GX266" s="42"/>
      <c r="GY266" s="42"/>
      <c r="GZ266" s="42"/>
      <c r="HA266" s="42"/>
      <c r="HB266" s="42"/>
      <c r="HC266" s="42"/>
      <c r="HD266" s="42"/>
      <c r="HE266" s="42"/>
      <c r="HF266" s="42"/>
      <c r="HG266" s="42"/>
      <c r="HH266" s="42"/>
      <c r="HI266" s="42"/>
      <c r="HJ266" s="42"/>
      <c r="HK266" s="42"/>
      <c r="HL266" s="42"/>
      <c r="HM266" s="42"/>
      <c r="HN266" s="42"/>
      <c r="HO266" s="42"/>
      <c r="HP266" s="42"/>
      <c r="HQ266" s="42"/>
      <c r="HR266" s="42"/>
      <c r="HS266" s="42"/>
      <c r="HT266" s="42"/>
      <c r="HU266" s="42"/>
      <c r="HV266" s="42"/>
      <c r="HW266" s="42"/>
      <c r="HX266" s="42"/>
      <c r="HY266" s="42"/>
      <c r="HZ266" s="42"/>
      <c r="IA266" s="42"/>
      <c r="IB266" s="42"/>
      <c r="IC266" s="42"/>
      <c r="ID266" s="42"/>
      <c r="IE266" s="42"/>
      <c r="IF266" s="42"/>
      <c r="IG266" s="42"/>
      <c r="IH266" s="42"/>
      <c r="II266" s="42"/>
      <c r="IJ266" s="42"/>
      <c r="IK266" s="42"/>
      <c r="IL266" s="42"/>
      <c r="IM266" s="42"/>
      <c r="IN266" s="42"/>
      <c r="IO266" s="42"/>
      <c r="IP266" s="42"/>
      <c r="IQ266" s="42"/>
      <c r="IR266" s="42"/>
      <c r="IS266" s="42"/>
      <c r="IT266" s="42"/>
      <c r="IU266" s="42"/>
      <c r="IV266" s="42"/>
      <c r="IW266" s="42"/>
      <c r="IX266" s="42"/>
    </row>
    <row r="267" spans="1:258" s="67" customFormat="1" ht="70.2" customHeight="1">
      <c r="A267" s="528" t="s">
        <v>163</v>
      </c>
      <c r="B267" s="529"/>
      <c r="C267" s="529"/>
      <c r="D267" s="529"/>
      <c r="E267" s="529"/>
      <c r="F267" s="529"/>
      <c r="G267" s="529"/>
      <c r="H267" s="529"/>
      <c r="I267" s="530"/>
      <c r="J267" s="690"/>
      <c r="K267" s="529"/>
      <c r="L267" s="529"/>
      <c r="M267" s="529"/>
      <c r="N267" s="529"/>
      <c r="O267" s="529"/>
      <c r="P267" s="691"/>
      <c r="Q267" s="139"/>
      <c r="R267" s="138"/>
      <c r="S267" s="78"/>
      <c r="T267" s="76"/>
      <c r="U267" s="77"/>
      <c r="V267" s="77"/>
      <c r="W267" s="77"/>
      <c r="X267" s="77"/>
      <c r="Y267" s="77"/>
      <c r="Z267" s="77"/>
      <c r="AA267" s="77"/>
      <c r="AB267" s="77"/>
      <c r="AC267" s="77"/>
      <c r="AD267" s="77"/>
      <c r="AE267" s="77"/>
      <c r="AF267" s="77"/>
      <c r="AG267" s="77"/>
      <c r="AH267" s="77"/>
      <c r="AI267" s="77"/>
      <c r="AJ267" s="77"/>
      <c r="AK267" s="77"/>
      <c r="AL267" s="77"/>
      <c r="AM267" s="77"/>
      <c r="AN267" s="77"/>
      <c r="AO267" s="77"/>
      <c r="AP267" s="77"/>
      <c r="AQ267" s="77"/>
      <c r="AR267" s="77"/>
      <c r="AS267" s="77"/>
      <c r="AT267" s="77"/>
      <c r="AU267" s="77"/>
      <c r="AV267" s="77"/>
      <c r="AW267" s="77"/>
      <c r="AX267" s="77"/>
      <c r="AY267" s="77"/>
      <c r="AZ267" s="77"/>
      <c r="BA267" s="77"/>
      <c r="BB267" s="77"/>
      <c r="BC267" s="77"/>
      <c r="BD267" s="77"/>
    </row>
    <row r="268" spans="1:258" s="64" customFormat="1" ht="69.900000000000006" customHeight="1">
      <c r="A268" s="600" t="s">
        <v>351</v>
      </c>
      <c r="B268" s="601"/>
      <c r="C268" s="601"/>
      <c r="D268" s="601"/>
      <c r="E268" s="601"/>
      <c r="F268" s="601"/>
      <c r="G268" s="601"/>
      <c r="H268" s="601"/>
      <c r="I268" s="601"/>
      <c r="J268" s="601"/>
      <c r="K268" s="601"/>
      <c r="L268" s="601"/>
      <c r="M268" s="601"/>
      <c r="N268" s="601"/>
      <c r="O268" s="601"/>
      <c r="P268" s="602"/>
      <c r="Q268" s="122"/>
      <c r="R268" s="138"/>
      <c r="S268" s="162"/>
    </row>
    <row r="269" spans="1:258" s="64" customFormat="1" ht="69.900000000000006" customHeight="1">
      <c r="A269" s="488" t="s">
        <v>352</v>
      </c>
      <c r="B269" s="489"/>
      <c r="C269" s="489"/>
      <c r="D269" s="489"/>
      <c r="E269" s="489"/>
      <c r="F269" s="489"/>
      <c r="G269" s="489"/>
      <c r="H269" s="489"/>
      <c r="I269" s="490"/>
      <c r="J269" s="692"/>
      <c r="K269" s="511"/>
      <c r="L269" s="511"/>
      <c r="M269" s="511"/>
      <c r="N269" s="511"/>
      <c r="O269" s="511"/>
      <c r="P269" s="693"/>
      <c r="Q269" s="122"/>
      <c r="R269" s="138"/>
      <c r="S269" s="162"/>
    </row>
    <row r="270" spans="1:258" s="67" customFormat="1" ht="69.900000000000006" customHeight="1" thickBot="1">
      <c r="A270" s="494" t="s">
        <v>465</v>
      </c>
      <c r="B270" s="495"/>
      <c r="C270" s="495"/>
      <c r="D270" s="495"/>
      <c r="E270" s="495"/>
      <c r="F270" s="495"/>
      <c r="G270" s="495"/>
      <c r="H270" s="495"/>
      <c r="I270" s="496"/>
      <c r="J270" s="669"/>
      <c r="K270" s="667"/>
      <c r="L270" s="667"/>
      <c r="M270" s="667"/>
      <c r="N270" s="667"/>
      <c r="O270" s="667"/>
      <c r="P270" s="670"/>
      <c r="Q270" s="139"/>
      <c r="R270" s="138"/>
      <c r="S270" s="91"/>
      <c r="T270" s="92"/>
      <c r="U270" s="93"/>
      <c r="V270" s="93"/>
      <c r="W270" s="93"/>
      <c r="X270" s="93"/>
      <c r="Y270" s="93"/>
      <c r="Z270" s="93"/>
      <c r="AA270" s="93"/>
      <c r="AB270" s="93"/>
      <c r="AC270" s="93"/>
      <c r="AD270" s="93"/>
      <c r="AE270" s="93"/>
      <c r="AF270" s="93"/>
      <c r="AG270" s="93"/>
      <c r="AH270" s="93"/>
      <c r="AI270" s="93"/>
      <c r="AJ270" s="93"/>
      <c r="AK270" s="93"/>
      <c r="AL270" s="93"/>
      <c r="AM270" s="93"/>
      <c r="AN270" s="93"/>
      <c r="AO270" s="93"/>
      <c r="AP270" s="93"/>
      <c r="AQ270" s="93"/>
      <c r="AR270" s="93"/>
      <c r="AS270" s="93"/>
      <c r="AT270" s="93"/>
      <c r="AU270" s="93"/>
      <c r="AV270" s="93"/>
      <c r="AW270" s="93"/>
      <c r="AX270" s="93"/>
      <c r="AY270" s="93"/>
      <c r="AZ270" s="93"/>
      <c r="BA270" s="93"/>
      <c r="BB270" s="93"/>
      <c r="BC270" s="93"/>
      <c r="BD270" s="93"/>
    </row>
    <row r="271" spans="1:258" s="67" customFormat="1" ht="201.6" customHeight="1" thickTop="1" thickBot="1">
      <c r="A271" s="761" t="s">
        <v>466</v>
      </c>
      <c r="B271" s="762"/>
      <c r="C271" s="762"/>
      <c r="D271" s="762"/>
      <c r="E271" s="762"/>
      <c r="F271" s="762"/>
      <c r="G271" s="762"/>
      <c r="H271" s="762"/>
      <c r="I271" s="762"/>
      <c r="J271" s="762"/>
      <c r="K271" s="762"/>
      <c r="L271" s="762"/>
      <c r="M271" s="762"/>
      <c r="N271" s="763"/>
      <c r="O271" s="68" t="s">
        <v>20</v>
      </c>
      <c r="P271" s="69" t="s">
        <v>21</v>
      </c>
      <c r="Q271" s="139"/>
      <c r="R271" s="138"/>
      <c r="S271" s="137"/>
      <c r="T271" s="202"/>
      <c r="U271" s="77"/>
      <c r="V271" s="77"/>
      <c r="W271" s="77"/>
      <c r="X271" s="77"/>
      <c r="Y271" s="77"/>
      <c r="Z271" s="77"/>
      <c r="AA271" s="77"/>
      <c r="AB271" s="77"/>
      <c r="AC271" s="77"/>
      <c r="AD271" s="77"/>
      <c r="AE271" s="77"/>
      <c r="AF271" s="77"/>
      <c r="AG271" s="77"/>
      <c r="AH271" s="77"/>
      <c r="AI271" s="77"/>
      <c r="AJ271" s="77"/>
      <c r="AK271" s="77"/>
      <c r="AL271" s="77"/>
      <c r="AM271" s="77"/>
      <c r="AN271" s="77"/>
      <c r="AO271" s="77"/>
      <c r="AP271" s="77"/>
      <c r="AQ271" s="77"/>
      <c r="AR271" s="77"/>
      <c r="AS271" s="77"/>
      <c r="AT271" s="77"/>
      <c r="AU271" s="77"/>
      <c r="AV271" s="77"/>
      <c r="AW271" s="77"/>
      <c r="AX271" s="77"/>
      <c r="AY271" s="77"/>
      <c r="AZ271" s="77"/>
      <c r="BA271" s="77"/>
      <c r="BB271" s="77"/>
      <c r="BC271" s="77"/>
      <c r="BD271" s="77"/>
    </row>
    <row r="272" spans="1:258" s="64" customFormat="1" ht="69.900000000000006" customHeight="1" thickTop="1">
      <c r="A272" s="468" t="s">
        <v>25</v>
      </c>
      <c r="B272" s="574"/>
      <c r="C272" s="574"/>
      <c r="D272" s="574"/>
      <c r="E272" s="574"/>
      <c r="F272" s="574"/>
      <c r="G272" s="574"/>
      <c r="H272" s="574"/>
      <c r="I272" s="574"/>
      <c r="J272" s="574"/>
      <c r="K272" s="574"/>
      <c r="L272" s="454"/>
      <c r="M272" s="574"/>
      <c r="N272" s="574"/>
      <c r="O272" s="574"/>
      <c r="P272" s="575"/>
      <c r="Q272" s="122"/>
      <c r="R272" s="138"/>
      <c r="S272" s="162"/>
    </row>
    <row r="273" spans="1:258" s="67" customFormat="1" ht="75" customHeight="1">
      <c r="A273" s="456"/>
      <c r="B273" s="457"/>
      <c r="C273" s="457"/>
      <c r="D273" s="457"/>
      <c r="E273" s="457"/>
      <c r="F273" s="457"/>
      <c r="G273" s="457"/>
      <c r="H273" s="457"/>
      <c r="I273" s="457"/>
      <c r="J273" s="457"/>
      <c r="K273" s="457"/>
      <c r="L273" s="458"/>
      <c r="M273" s="457"/>
      <c r="N273" s="457"/>
      <c r="O273" s="457"/>
      <c r="P273" s="459"/>
      <c r="Q273" s="139"/>
      <c r="R273" s="138"/>
      <c r="S273" s="141"/>
      <c r="T273" s="64"/>
    </row>
    <row r="274" spans="1:258" s="67" customFormat="1" ht="75" customHeight="1" thickBot="1">
      <c r="A274" s="471"/>
      <c r="B274" s="472"/>
      <c r="C274" s="472"/>
      <c r="D274" s="472"/>
      <c r="E274" s="472"/>
      <c r="F274" s="472"/>
      <c r="G274" s="472"/>
      <c r="H274" s="472"/>
      <c r="I274" s="472"/>
      <c r="J274" s="472"/>
      <c r="K274" s="472"/>
      <c r="L274" s="473"/>
      <c r="M274" s="472"/>
      <c r="N274" s="472"/>
      <c r="O274" s="472"/>
      <c r="P274" s="474"/>
      <c r="Q274" s="139"/>
      <c r="R274" s="138"/>
      <c r="S274" s="141"/>
      <c r="T274" s="64"/>
    </row>
    <row r="275" spans="1:258" s="64" customFormat="1" ht="69.900000000000006" customHeight="1" thickBot="1">
      <c r="A275" s="443" t="s">
        <v>467</v>
      </c>
      <c r="B275" s="475"/>
      <c r="C275" s="475"/>
      <c r="D275" s="475"/>
      <c r="E275" s="475"/>
      <c r="F275" s="475"/>
      <c r="G275" s="475"/>
      <c r="H275" s="475"/>
      <c r="I275" s="475"/>
      <c r="J275" s="475"/>
      <c r="K275" s="475"/>
      <c r="L275" s="445"/>
      <c r="M275" s="475"/>
      <c r="N275" s="475"/>
      <c r="O275" s="475"/>
      <c r="P275" s="476"/>
      <c r="Q275" s="139"/>
      <c r="R275" s="138"/>
      <c r="S275" s="78"/>
      <c r="T275" s="76"/>
      <c r="U275" s="76"/>
      <c r="V275" s="76"/>
      <c r="W275" s="76"/>
      <c r="X275" s="77"/>
      <c r="Y275" s="77"/>
      <c r="Z275" s="77"/>
      <c r="AA275" s="77"/>
      <c r="AB275" s="77"/>
      <c r="AC275" s="77"/>
      <c r="AD275" s="77"/>
      <c r="AE275" s="77"/>
      <c r="AF275" s="77"/>
      <c r="AG275" s="77"/>
      <c r="AH275" s="77"/>
      <c r="AI275" s="77"/>
      <c r="AJ275" s="77"/>
      <c r="AK275" s="77"/>
      <c r="AL275" s="77"/>
      <c r="AM275" s="77"/>
      <c r="AN275" s="76"/>
      <c r="AO275" s="76"/>
      <c r="AP275" s="76"/>
      <c r="AQ275" s="76"/>
      <c r="AR275" s="76"/>
      <c r="AS275" s="76"/>
      <c r="AT275" s="76"/>
      <c r="AU275" s="76"/>
      <c r="AV275" s="76"/>
      <c r="AW275" s="76"/>
      <c r="AX275" s="76"/>
      <c r="AY275" s="76"/>
      <c r="AZ275" s="76"/>
      <c r="BA275" s="76"/>
      <c r="BB275" s="76"/>
      <c r="BC275" s="76"/>
      <c r="BD275" s="76"/>
    </row>
    <row r="276" spans="1:258" s="67" customFormat="1" ht="140.1" customHeight="1" thickTop="1" thickBot="1">
      <c r="A276" s="477" t="s">
        <v>468</v>
      </c>
      <c r="B276" s="379"/>
      <c r="C276" s="379"/>
      <c r="D276" s="379"/>
      <c r="E276" s="379"/>
      <c r="F276" s="379"/>
      <c r="G276" s="379"/>
      <c r="H276" s="379"/>
      <c r="I276" s="379"/>
      <c r="J276" s="379"/>
      <c r="K276" s="379"/>
      <c r="L276" s="379"/>
      <c r="M276" s="379"/>
      <c r="N276" s="576"/>
      <c r="O276" s="75" t="s">
        <v>20</v>
      </c>
      <c r="P276" s="136" t="s">
        <v>21</v>
      </c>
      <c r="Q276" s="139"/>
      <c r="R276" s="138"/>
      <c r="S276" s="137"/>
      <c r="T276" s="76"/>
      <c r="U276" s="77"/>
      <c r="V276" s="77"/>
      <c r="W276" s="77"/>
      <c r="X276" s="77"/>
      <c r="Y276" s="77"/>
      <c r="Z276" s="77"/>
      <c r="AA276" s="77"/>
      <c r="AB276" s="77"/>
      <c r="AC276" s="77"/>
      <c r="AD276" s="77"/>
      <c r="AE276" s="77"/>
      <c r="AF276" s="77"/>
      <c r="AG276" s="77"/>
      <c r="AH276" s="77"/>
      <c r="AI276" s="77"/>
      <c r="AJ276" s="77"/>
      <c r="AK276" s="77"/>
      <c r="AL276" s="77"/>
      <c r="AM276" s="77"/>
      <c r="AN276" s="77"/>
      <c r="AO276" s="77"/>
      <c r="AP276" s="77"/>
      <c r="AQ276" s="77"/>
      <c r="AR276" s="77"/>
      <c r="AS276" s="77"/>
      <c r="AT276" s="77"/>
      <c r="AU276" s="77"/>
      <c r="AV276" s="77"/>
      <c r="AW276" s="77"/>
      <c r="AX276" s="77"/>
      <c r="AY276" s="77"/>
      <c r="AZ276" s="77"/>
      <c r="BA276" s="77"/>
      <c r="BB276" s="77"/>
      <c r="BC276" s="77"/>
      <c r="BD276" s="77"/>
    </row>
    <row r="277" spans="1:258" s="64" customFormat="1" ht="69.900000000000006" customHeight="1" thickTop="1">
      <c r="A277" s="468" t="s">
        <v>25</v>
      </c>
      <c r="B277" s="574"/>
      <c r="C277" s="574"/>
      <c r="D277" s="574"/>
      <c r="E277" s="574"/>
      <c r="F277" s="574"/>
      <c r="G277" s="574"/>
      <c r="H277" s="574"/>
      <c r="I277" s="574"/>
      <c r="J277" s="574"/>
      <c r="K277" s="574"/>
      <c r="L277" s="454"/>
      <c r="M277" s="574"/>
      <c r="N277" s="574"/>
      <c r="O277" s="574"/>
      <c r="P277" s="575"/>
      <c r="Q277" s="122"/>
      <c r="R277" s="138"/>
      <c r="S277" s="162"/>
    </row>
    <row r="278" spans="1:258" s="67" customFormat="1" ht="75" customHeight="1">
      <c r="A278" s="456"/>
      <c r="B278" s="457"/>
      <c r="C278" s="457"/>
      <c r="D278" s="457"/>
      <c r="E278" s="457"/>
      <c r="F278" s="457"/>
      <c r="G278" s="457"/>
      <c r="H278" s="457"/>
      <c r="I278" s="457"/>
      <c r="J278" s="457"/>
      <c r="K278" s="457"/>
      <c r="L278" s="458"/>
      <c r="M278" s="457"/>
      <c r="N278" s="457"/>
      <c r="O278" s="457"/>
      <c r="P278" s="459"/>
      <c r="Q278" s="139"/>
      <c r="R278" s="138"/>
      <c r="S278" s="141"/>
      <c r="T278" s="64"/>
    </row>
    <row r="279" spans="1:258" s="67" customFormat="1" ht="75" customHeight="1" thickBot="1">
      <c r="A279" s="471"/>
      <c r="B279" s="472"/>
      <c r="C279" s="472"/>
      <c r="D279" s="472"/>
      <c r="E279" s="472"/>
      <c r="F279" s="472"/>
      <c r="G279" s="472"/>
      <c r="H279" s="472"/>
      <c r="I279" s="472"/>
      <c r="J279" s="472"/>
      <c r="K279" s="472"/>
      <c r="L279" s="473"/>
      <c r="M279" s="472"/>
      <c r="N279" s="472"/>
      <c r="O279" s="472"/>
      <c r="P279" s="474"/>
      <c r="Q279" s="139"/>
      <c r="R279" s="138"/>
      <c r="S279" s="141"/>
      <c r="T279" s="64"/>
    </row>
    <row r="280" spans="1:258" s="64" customFormat="1" ht="69.900000000000006" customHeight="1" thickBot="1">
      <c r="A280" s="568" t="s">
        <v>469</v>
      </c>
      <c r="B280" s="445"/>
      <c r="C280" s="445"/>
      <c r="D280" s="445"/>
      <c r="E280" s="445"/>
      <c r="F280" s="445"/>
      <c r="G280" s="445"/>
      <c r="H280" s="445"/>
      <c r="I280" s="445"/>
      <c r="J280" s="445"/>
      <c r="K280" s="445"/>
      <c r="L280" s="445"/>
      <c r="M280" s="445"/>
      <c r="N280" s="445"/>
      <c r="O280" s="445"/>
      <c r="P280" s="569"/>
      <c r="Q280" s="139"/>
      <c r="R280" s="138"/>
      <c r="S280" s="78"/>
      <c r="T280" s="76"/>
      <c r="U280" s="76"/>
      <c r="V280" s="76"/>
      <c r="W280" s="76"/>
      <c r="X280" s="76"/>
      <c r="Y280" s="76"/>
      <c r="Z280" s="76"/>
      <c r="AA280" s="76"/>
      <c r="AB280" s="76"/>
      <c r="AC280" s="76"/>
      <c r="AD280" s="76"/>
      <c r="AE280" s="76"/>
      <c r="AF280" s="76"/>
      <c r="AG280" s="76"/>
      <c r="AH280" s="76"/>
      <c r="AI280" s="76"/>
      <c r="AJ280" s="76"/>
      <c r="AK280" s="76"/>
      <c r="AL280" s="76"/>
      <c r="AM280" s="76"/>
      <c r="AN280" s="76"/>
      <c r="AO280" s="76"/>
      <c r="AP280" s="76"/>
      <c r="AQ280" s="76"/>
      <c r="AR280" s="76"/>
      <c r="AS280" s="76"/>
      <c r="AT280" s="76"/>
      <c r="AU280" s="76"/>
      <c r="AV280" s="76"/>
      <c r="AW280" s="76"/>
      <c r="AX280" s="76"/>
      <c r="AY280" s="76"/>
      <c r="AZ280" s="76"/>
      <c r="BA280" s="76"/>
      <c r="BB280" s="76"/>
      <c r="BC280" s="76"/>
      <c r="BD280" s="76"/>
    </row>
    <row r="281" spans="1:258" s="67" customFormat="1" ht="140.1" customHeight="1" thickTop="1" thickBot="1">
      <c r="A281" s="579" t="s">
        <v>363</v>
      </c>
      <c r="B281" s="379"/>
      <c r="C281" s="379"/>
      <c r="D281" s="379"/>
      <c r="E281" s="379"/>
      <c r="F281" s="379"/>
      <c r="G281" s="379"/>
      <c r="H281" s="379"/>
      <c r="I281" s="379"/>
      <c r="J281" s="379"/>
      <c r="K281" s="379"/>
      <c r="L281" s="379"/>
      <c r="M281" s="379"/>
      <c r="N281" s="570"/>
      <c r="O281" s="71" t="s">
        <v>20</v>
      </c>
      <c r="P281" s="72" t="s">
        <v>21</v>
      </c>
      <c r="Q281" s="139"/>
      <c r="R281" s="138"/>
      <c r="S281" s="137"/>
      <c r="T281" s="202"/>
      <c r="U281" s="77"/>
      <c r="V281" s="77"/>
      <c r="W281" s="77"/>
      <c r="X281" s="76"/>
      <c r="Y281" s="76"/>
      <c r="Z281" s="76"/>
      <c r="AA281" s="76"/>
      <c r="AB281" s="76"/>
      <c r="AC281" s="76"/>
      <c r="AD281" s="76"/>
      <c r="AE281" s="76"/>
      <c r="AF281" s="76"/>
      <c r="AG281" s="76"/>
      <c r="AH281" s="76"/>
      <c r="AI281" s="76"/>
      <c r="AJ281" s="76"/>
      <c r="AK281" s="76"/>
      <c r="AL281" s="76"/>
      <c r="AM281" s="76"/>
      <c r="AN281" s="77"/>
      <c r="AO281" s="77"/>
      <c r="AP281" s="77"/>
      <c r="AQ281" s="77"/>
      <c r="AR281" s="77"/>
      <c r="AS281" s="77"/>
      <c r="AT281" s="77"/>
      <c r="AU281" s="77"/>
      <c r="AV281" s="77"/>
      <c r="AW281" s="77"/>
      <c r="AX281" s="77"/>
      <c r="AY281" s="77"/>
      <c r="AZ281" s="77"/>
      <c r="BA281" s="77"/>
      <c r="BB281" s="77"/>
      <c r="BC281" s="77"/>
      <c r="BD281" s="77"/>
    </row>
    <row r="282" spans="1:258" s="64" customFormat="1" ht="69.900000000000006" customHeight="1" thickTop="1">
      <c r="A282" s="503" t="s">
        <v>52</v>
      </c>
      <c r="B282" s="577"/>
      <c r="C282" s="577"/>
      <c r="D282" s="577"/>
      <c r="E282" s="577"/>
      <c r="F282" s="577"/>
      <c r="G282" s="577"/>
      <c r="H282" s="577"/>
      <c r="I282" s="577"/>
      <c r="J282" s="577"/>
      <c r="K282" s="577"/>
      <c r="L282" s="505"/>
      <c r="M282" s="577"/>
      <c r="N282" s="577"/>
      <c r="O282" s="577"/>
      <c r="P282" s="578"/>
      <c r="Q282" s="122"/>
      <c r="R282" s="138"/>
      <c r="S282" s="162"/>
    </row>
    <row r="283" spans="1:258" s="64" customFormat="1" ht="69.599999999999994" customHeight="1">
      <c r="A283" s="507" t="s">
        <v>168</v>
      </c>
      <c r="B283" s="508"/>
      <c r="C283" s="508"/>
      <c r="D283" s="508"/>
      <c r="E283" s="508"/>
      <c r="F283" s="508"/>
      <c r="G283" s="508"/>
      <c r="H283" s="508"/>
      <c r="I283" s="508"/>
      <c r="J283" s="508"/>
      <c r="K283" s="508"/>
      <c r="L283" s="508"/>
      <c r="M283" s="508"/>
      <c r="N283" s="508"/>
      <c r="O283" s="508"/>
      <c r="P283" s="509"/>
      <c r="Q283" s="161"/>
      <c r="R283" s="133"/>
      <c r="S283" s="162"/>
      <c r="T283" s="52"/>
      <c r="U283" s="52"/>
      <c r="V283" s="52"/>
      <c r="W283" s="52"/>
      <c r="X283" s="52"/>
      <c r="Y283" s="52"/>
      <c r="Z283" s="52"/>
      <c r="AA283" s="52"/>
      <c r="AB283" s="52"/>
      <c r="AC283" s="52"/>
      <c r="AD283" s="52"/>
      <c r="AE283" s="52"/>
      <c r="AF283" s="52"/>
      <c r="AG283" s="52"/>
      <c r="AH283" s="52"/>
      <c r="AI283" s="52"/>
      <c r="AJ283" s="52"/>
      <c r="AK283" s="52"/>
      <c r="AL283" s="52"/>
      <c r="AM283" s="52"/>
      <c r="AN283" s="52"/>
      <c r="AO283" s="52"/>
      <c r="AP283" s="52"/>
      <c r="AQ283" s="52"/>
      <c r="AR283" s="52"/>
      <c r="AS283" s="52"/>
      <c r="AT283" s="52"/>
      <c r="AU283" s="52"/>
      <c r="AV283" s="52"/>
      <c r="AW283" s="52"/>
      <c r="AX283" s="52"/>
      <c r="AY283" s="52"/>
      <c r="AZ283" s="52"/>
      <c r="BA283" s="52"/>
      <c r="BB283" s="52"/>
      <c r="BC283" s="52"/>
      <c r="BD283" s="52"/>
      <c r="BE283" s="52"/>
      <c r="BF283" s="52"/>
      <c r="BG283" s="52"/>
      <c r="BH283" s="52"/>
      <c r="BI283" s="52"/>
      <c r="BJ283" s="52"/>
      <c r="BK283" s="52"/>
      <c r="BL283" s="52"/>
      <c r="BM283" s="52"/>
      <c r="BN283" s="52"/>
      <c r="BO283" s="52"/>
      <c r="BP283" s="52"/>
      <c r="BQ283" s="52"/>
      <c r="BR283" s="52"/>
      <c r="BS283" s="52"/>
      <c r="BT283" s="52"/>
      <c r="BU283" s="52"/>
      <c r="BV283" s="52"/>
      <c r="BW283" s="52"/>
      <c r="BX283" s="52"/>
      <c r="BY283" s="52"/>
      <c r="BZ283" s="52"/>
      <c r="CA283" s="52"/>
      <c r="CB283" s="52"/>
      <c r="CC283" s="52"/>
      <c r="CD283" s="52"/>
      <c r="CE283" s="52"/>
      <c r="CF283" s="52"/>
      <c r="CG283" s="52"/>
      <c r="CH283" s="52"/>
      <c r="CI283" s="52"/>
      <c r="CJ283" s="52"/>
      <c r="CK283" s="52"/>
      <c r="CL283" s="52"/>
      <c r="CM283" s="52"/>
      <c r="CN283" s="52"/>
      <c r="CO283" s="52"/>
      <c r="CP283" s="52"/>
      <c r="CQ283" s="52"/>
      <c r="CR283" s="52"/>
      <c r="CS283" s="52"/>
      <c r="CT283" s="52"/>
      <c r="CU283" s="52"/>
      <c r="CV283" s="52"/>
      <c r="CW283" s="52"/>
      <c r="CX283" s="52"/>
      <c r="CY283" s="52"/>
      <c r="CZ283" s="52"/>
      <c r="DA283" s="52"/>
      <c r="DB283" s="52"/>
      <c r="DC283" s="52"/>
      <c r="DD283" s="52"/>
      <c r="DE283" s="52"/>
      <c r="DF283" s="52"/>
      <c r="DG283" s="52"/>
      <c r="DH283" s="52"/>
      <c r="DI283" s="52"/>
      <c r="DJ283" s="52"/>
      <c r="DK283" s="52"/>
      <c r="DL283" s="52"/>
      <c r="DM283" s="52"/>
      <c r="DN283" s="52"/>
      <c r="DO283" s="52"/>
      <c r="DP283" s="52"/>
      <c r="DQ283" s="52"/>
      <c r="DR283" s="52"/>
      <c r="DS283" s="52"/>
      <c r="DT283" s="52"/>
      <c r="DU283" s="52"/>
      <c r="DV283" s="52"/>
      <c r="DW283" s="52"/>
      <c r="DX283" s="52"/>
      <c r="DY283" s="52"/>
      <c r="DZ283" s="52"/>
      <c r="EA283" s="52"/>
      <c r="EB283" s="52"/>
      <c r="EC283" s="52"/>
      <c r="ED283" s="52"/>
      <c r="EE283" s="52"/>
      <c r="EF283" s="52"/>
      <c r="EG283" s="52"/>
      <c r="EH283" s="52"/>
      <c r="EI283" s="52"/>
      <c r="EJ283" s="52"/>
      <c r="EK283" s="52"/>
      <c r="EL283" s="52"/>
      <c r="EM283" s="52"/>
      <c r="EN283" s="52"/>
      <c r="EO283" s="52"/>
      <c r="EP283" s="52"/>
      <c r="EQ283" s="52"/>
      <c r="ER283" s="52"/>
      <c r="ES283" s="52"/>
      <c r="ET283" s="52"/>
      <c r="EU283" s="52"/>
      <c r="EV283" s="52"/>
      <c r="EW283" s="52"/>
      <c r="EX283" s="52"/>
      <c r="EY283" s="52"/>
      <c r="EZ283" s="52"/>
      <c r="FA283" s="52"/>
      <c r="FB283" s="52"/>
      <c r="FC283" s="52"/>
      <c r="FD283" s="52"/>
      <c r="FE283" s="52"/>
      <c r="FF283" s="52"/>
      <c r="FG283" s="52"/>
      <c r="FH283" s="52"/>
      <c r="FI283" s="52"/>
      <c r="FJ283" s="52"/>
      <c r="FK283" s="52"/>
      <c r="FL283" s="52"/>
      <c r="FM283" s="52"/>
      <c r="FN283" s="52"/>
      <c r="FO283" s="52"/>
      <c r="FP283" s="52"/>
      <c r="FQ283" s="52"/>
      <c r="FR283" s="52"/>
      <c r="FS283" s="52"/>
      <c r="FT283" s="52"/>
      <c r="FU283" s="52"/>
      <c r="FV283" s="52"/>
      <c r="FW283" s="52"/>
      <c r="FX283" s="52"/>
      <c r="FY283" s="52"/>
      <c r="FZ283" s="52"/>
      <c r="GA283" s="52"/>
      <c r="GB283" s="52"/>
      <c r="GC283" s="52"/>
      <c r="GD283" s="52"/>
      <c r="GE283" s="52"/>
      <c r="GF283" s="52"/>
      <c r="GG283" s="52"/>
      <c r="GH283" s="52"/>
      <c r="GI283" s="52"/>
      <c r="GJ283" s="52"/>
      <c r="GK283" s="52"/>
      <c r="GL283" s="52"/>
      <c r="GM283" s="52"/>
      <c r="GN283" s="52"/>
      <c r="GO283" s="52"/>
      <c r="GP283" s="52"/>
      <c r="GQ283" s="52"/>
      <c r="GR283" s="52"/>
      <c r="GS283" s="52"/>
      <c r="GT283" s="52"/>
      <c r="GU283" s="52"/>
      <c r="GV283" s="52"/>
      <c r="GW283" s="52"/>
      <c r="GX283" s="52"/>
      <c r="GY283" s="52"/>
      <c r="GZ283" s="52"/>
      <c r="HA283" s="52"/>
      <c r="HB283" s="52"/>
      <c r="HC283" s="52"/>
      <c r="HD283" s="52"/>
      <c r="HE283" s="52"/>
      <c r="HF283" s="52"/>
      <c r="HG283" s="52"/>
      <c r="HH283" s="52"/>
      <c r="HI283" s="52"/>
      <c r="HJ283" s="52"/>
      <c r="HK283" s="52"/>
      <c r="HL283" s="52"/>
      <c r="HM283" s="52"/>
      <c r="HN283" s="52"/>
      <c r="HO283" s="52"/>
      <c r="HP283" s="52"/>
      <c r="HQ283" s="52"/>
      <c r="HR283" s="52"/>
      <c r="HS283" s="52"/>
      <c r="HT283" s="52"/>
      <c r="HU283" s="52"/>
      <c r="HV283" s="52"/>
      <c r="HW283" s="52"/>
      <c r="HX283" s="52"/>
      <c r="HY283" s="52"/>
      <c r="HZ283" s="52"/>
      <c r="IA283" s="52"/>
      <c r="IB283" s="52"/>
      <c r="IC283" s="52"/>
      <c r="ID283" s="52"/>
      <c r="IE283" s="52"/>
      <c r="IF283" s="52"/>
      <c r="IG283" s="52"/>
      <c r="IH283" s="52"/>
      <c r="II283" s="52"/>
      <c r="IJ283" s="52"/>
      <c r="IK283" s="52"/>
      <c r="IL283" s="52"/>
      <c r="IM283" s="52"/>
      <c r="IN283" s="52"/>
      <c r="IO283" s="52"/>
      <c r="IP283" s="52"/>
      <c r="IQ283" s="52"/>
      <c r="IR283" s="52"/>
      <c r="IS283" s="52"/>
      <c r="IT283" s="52"/>
      <c r="IU283" s="52"/>
      <c r="IV283" s="52"/>
      <c r="IW283" s="52"/>
      <c r="IX283" s="52"/>
    </row>
    <row r="284" spans="1:258" s="67" customFormat="1" ht="69.599999999999994" customHeight="1">
      <c r="A284" s="639" t="s">
        <v>470</v>
      </c>
      <c r="B284" s="640"/>
      <c r="C284" s="640"/>
      <c r="D284" s="640"/>
      <c r="E284" s="640"/>
      <c r="F284" s="640"/>
      <c r="G284" s="640"/>
      <c r="H284" s="640"/>
      <c r="I284" s="640"/>
      <c r="J284" s="640"/>
      <c r="K284" s="640"/>
      <c r="L284" s="640"/>
      <c r="M284" s="640"/>
      <c r="N284" s="640"/>
      <c r="O284" s="640"/>
      <c r="P284" s="641"/>
      <c r="Q284" s="139"/>
      <c r="R284" s="138"/>
      <c r="S284" s="78"/>
      <c r="T284" s="202"/>
      <c r="U284" s="77"/>
      <c r="V284" s="77"/>
      <c r="W284" s="77"/>
      <c r="X284" s="77"/>
      <c r="Y284" s="77"/>
      <c r="Z284" s="77"/>
      <c r="AA284" s="77"/>
      <c r="AB284" s="77"/>
      <c r="AC284" s="77"/>
      <c r="AD284" s="77"/>
      <c r="AE284" s="77"/>
      <c r="AF284" s="77"/>
      <c r="AG284" s="77"/>
      <c r="AH284" s="77"/>
      <c r="AI284" s="77"/>
      <c r="AJ284" s="77"/>
      <c r="AK284" s="77"/>
      <c r="AL284" s="77"/>
      <c r="AM284" s="77"/>
      <c r="AN284" s="77"/>
      <c r="AO284" s="77"/>
      <c r="AP284" s="77"/>
      <c r="AQ284" s="77"/>
      <c r="AR284" s="77"/>
      <c r="AS284" s="77"/>
      <c r="AT284" s="77"/>
      <c r="AU284" s="77"/>
      <c r="AV284" s="77"/>
      <c r="AW284" s="77"/>
      <c r="AX284" s="77"/>
      <c r="AY284" s="77"/>
      <c r="AZ284" s="77"/>
      <c r="BA284" s="77"/>
      <c r="BB284" s="77"/>
      <c r="BC284" s="77"/>
      <c r="BD284" s="77"/>
    </row>
    <row r="285" spans="1:258" s="67" customFormat="1" ht="69.599999999999994" customHeight="1">
      <c r="A285" s="556" t="s">
        <v>85</v>
      </c>
      <c r="B285" s="557"/>
      <c r="C285" s="557"/>
      <c r="D285" s="557"/>
      <c r="E285" s="557"/>
      <c r="F285" s="557"/>
      <c r="G285" s="557"/>
      <c r="H285" s="557"/>
      <c r="I285" s="557"/>
      <c r="J285" s="557"/>
      <c r="K285" s="557"/>
      <c r="L285" s="557"/>
      <c r="M285" s="557"/>
      <c r="N285" s="557"/>
      <c r="O285" s="557"/>
      <c r="P285" s="558"/>
      <c r="Q285" s="139"/>
      <c r="R285" s="138"/>
      <c r="S285" s="78"/>
      <c r="T285" s="76"/>
      <c r="U285" s="77"/>
      <c r="V285" s="77"/>
      <c r="W285" s="77"/>
      <c r="X285" s="77"/>
      <c r="Y285" s="77"/>
      <c r="Z285" s="77"/>
      <c r="AA285" s="77"/>
      <c r="AB285" s="77"/>
      <c r="AC285" s="77"/>
      <c r="AD285" s="77"/>
      <c r="AE285" s="77"/>
      <c r="AF285" s="77"/>
      <c r="AG285" s="77"/>
      <c r="AH285" s="77"/>
      <c r="AI285" s="77"/>
      <c r="AJ285" s="77"/>
      <c r="AK285" s="77"/>
      <c r="AL285" s="77"/>
      <c r="AM285" s="77"/>
      <c r="AN285" s="77"/>
      <c r="AO285" s="77"/>
      <c r="AP285" s="77"/>
      <c r="AQ285" s="77"/>
      <c r="AR285" s="77"/>
      <c r="AS285" s="77"/>
      <c r="AT285" s="77"/>
      <c r="AU285" s="77"/>
      <c r="AV285" s="77"/>
      <c r="AW285" s="77"/>
      <c r="AX285" s="77"/>
      <c r="AY285" s="77"/>
      <c r="AZ285" s="77"/>
      <c r="BA285" s="77"/>
      <c r="BB285" s="77"/>
      <c r="BC285" s="77"/>
      <c r="BD285" s="77"/>
    </row>
    <row r="286" spans="1:258" s="52" customFormat="1" ht="69.900000000000006" customHeight="1">
      <c r="A286" s="600" t="s">
        <v>170</v>
      </c>
      <c r="B286" s="601"/>
      <c r="C286" s="601"/>
      <c r="D286" s="601"/>
      <c r="E286" s="601"/>
      <c r="F286" s="601"/>
      <c r="G286" s="601"/>
      <c r="H286" s="601"/>
      <c r="I286" s="601"/>
      <c r="J286" s="601"/>
      <c r="K286" s="601"/>
      <c r="L286" s="601"/>
      <c r="M286" s="601"/>
      <c r="N286" s="601"/>
      <c r="O286" s="601"/>
      <c r="P286" s="602"/>
      <c r="Q286" s="161"/>
      <c r="R286" s="133"/>
      <c r="S286" s="162"/>
    </row>
    <row r="287" spans="1:258" s="67" customFormat="1" ht="69.599999999999994" customHeight="1">
      <c r="A287" s="658" t="s">
        <v>171</v>
      </c>
      <c r="B287" s="659"/>
      <c r="C287" s="659"/>
      <c r="D287" s="659"/>
      <c r="E287" s="659"/>
      <c r="F287" s="659"/>
      <c r="G287" s="659"/>
      <c r="H287" s="659"/>
      <c r="I287" s="659"/>
      <c r="J287" s="659"/>
      <c r="K287" s="659"/>
      <c r="L287" s="659"/>
      <c r="M287" s="659"/>
      <c r="N287" s="659"/>
      <c r="O287" s="659"/>
      <c r="P287" s="660"/>
      <c r="Q287" s="139"/>
      <c r="R287" s="138"/>
      <c r="S287" s="78"/>
      <c r="T287" s="104"/>
      <c r="U287" s="77"/>
      <c r="V287" s="77"/>
      <c r="W287" s="77"/>
      <c r="X287" s="77"/>
      <c r="Y287" s="77"/>
      <c r="Z287" s="77"/>
      <c r="AA287" s="77"/>
      <c r="AB287" s="77"/>
      <c r="AC287" s="77"/>
      <c r="AD287" s="77"/>
      <c r="AE287" s="77"/>
      <c r="AF287" s="77"/>
      <c r="AG287" s="77"/>
      <c r="AH287" s="77"/>
      <c r="AI287" s="77"/>
      <c r="AJ287" s="77"/>
      <c r="AK287" s="77"/>
      <c r="AL287" s="77"/>
      <c r="AM287" s="77"/>
      <c r="AN287" s="77"/>
      <c r="AO287" s="77"/>
      <c r="AP287" s="77"/>
      <c r="AQ287" s="77"/>
      <c r="AR287" s="77"/>
      <c r="AS287" s="77"/>
      <c r="AT287" s="77"/>
      <c r="AU287" s="77"/>
      <c r="AV287" s="77"/>
      <c r="AW287" s="77"/>
      <c r="AX287" s="77"/>
      <c r="AY287" s="77"/>
      <c r="AZ287" s="77"/>
      <c r="BA287" s="77"/>
      <c r="BB287" s="77"/>
      <c r="BC287" s="77"/>
      <c r="BD287" s="77"/>
    </row>
    <row r="288" spans="1:258" s="67" customFormat="1" ht="69.599999999999994" customHeight="1" thickBot="1">
      <c r="A288" s="642" t="s">
        <v>85</v>
      </c>
      <c r="B288" s="643"/>
      <c r="C288" s="643"/>
      <c r="D288" s="643"/>
      <c r="E288" s="643"/>
      <c r="F288" s="643"/>
      <c r="G288" s="643"/>
      <c r="H288" s="643"/>
      <c r="I288" s="643"/>
      <c r="J288" s="643"/>
      <c r="K288" s="643"/>
      <c r="L288" s="643"/>
      <c r="M288" s="643"/>
      <c r="N288" s="643"/>
      <c r="O288" s="643"/>
      <c r="P288" s="644"/>
      <c r="Q288" s="139"/>
      <c r="R288" s="138"/>
      <c r="S288" s="78"/>
      <c r="T288" s="76"/>
      <c r="U288" s="77"/>
      <c r="V288" s="77"/>
      <c r="W288" s="77"/>
      <c r="X288" s="77"/>
      <c r="Y288" s="77"/>
      <c r="Z288" s="77"/>
      <c r="AA288" s="77"/>
      <c r="AB288" s="77"/>
      <c r="AC288" s="77"/>
      <c r="AD288" s="77"/>
      <c r="AE288" s="77"/>
      <c r="AF288" s="77"/>
      <c r="AG288" s="77"/>
      <c r="AH288" s="77"/>
      <c r="AI288" s="77"/>
      <c r="AJ288" s="77"/>
      <c r="AK288" s="77"/>
      <c r="AL288" s="77"/>
      <c r="AM288" s="77"/>
      <c r="AN288" s="77"/>
      <c r="AO288" s="77"/>
      <c r="AP288" s="77"/>
      <c r="AQ288" s="77"/>
      <c r="AR288" s="77"/>
      <c r="AS288" s="77"/>
      <c r="AT288" s="77"/>
      <c r="AU288" s="77"/>
      <c r="AV288" s="77"/>
      <c r="AW288" s="77"/>
      <c r="AX288" s="77"/>
      <c r="AY288" s="77"/>
      <c r="AZ288" s="77"/>
      <c r="BA288" s="77"/>
      <c r="BB288" s="77"/>
      <c r="BC288" s="77"/>
      <c r="BD288" s="77"/>
    </row>
    <row r="289" spans="1:56" s="67" customFormat="1" ht="201.6" customHeight="1" thickTop="1" thickBot="1">
      <c r="A289" s="447" t="s">
        <v>471</v>
      </c>
      <c r="B289" s="352"/>
      <c r="C289" s="352"/>
      <c r="D289" s="352"/>
      <c r="E289" s="352"/>
      <c r="F289" s="352"/>
      <c r="G289" s="352"/>
      <c r="H289" s="352"/>
      <c r="I289" s="352"/>
      <c r="J289" s="352"/>
      <c r="K289" s="352"/>
      <c r="L289" s="352"/>
      <c r="M289" s="352"/>
      <c r="N289" s="689"/>
      <c r="O289" s="68" t="s">
        <v>20</v>
      </c>
      <c r="P289" s="69" t="s">
        <v>21</v>
      </c>
      <c r="Q289" s="139"/>
      <c r="R289" s="138"/>
      <c r="S289" s="137"/>
      <c r="T289" s="76"/>
      <c r="U289" s="77"/>
      <c r="V289" s="77"/>
      <c r="W289" s="77"/>
      <c r="X289" s="77"/>
      <c r="Y289" s="77"/>
      <c r="Z289" s="77"/>
      <c r="AA289" s="77"/>
      <c r="AB289" s="77"/>
      <c r="AC289" s="77"/>
      <c r="AD289" s="77"/>
      <c r="AE289" s="77"/>
      <c r="AF289" s="77"/>
      <c r="AG289" s="77"/>
      <c r="AH289" s="77"/>
      <c r="AI289" s="77"/>
      <c r="AJ289" s="77"/>
      <c r="AK289" s="77"/>
      <c r="AL289" s="77"/>
      <c r="AM289" s="77"/>
      <c r="AN289" s="77"/>
      <c r="AO289" s="77"/>
      <c r="AP289" s="77"/>
      <c r="AQ289" s="77"/>
      <c r="AR289" s="77"/>
      <c r="AS289" s="77"/>
      <c r="AT289" s="77"/>
      <c r="AU289" s="77"/>
      <c r="AV289" s="77"/>
      <c r="AW289" s="77"/>
      <c r="AX289" s="77"/>
      <c r="AY289" s="77"/>
      <c r="AZ289" s="77"/>
      <c r="BA289" s="77"/>
      <c r="BB289" s="77"/>
      <c r="BC289" s="77"/>
      <c r="BD289" s="77"/>
    </row>
    <row r="290" spans="1:56" s="64" customFormat="1" ht="69.900000000000006" customHeight="1" thickTop="1">
      <c r="A290" s="468" t="s">
        <v>25</v>
      </c>
      <c r="B290" s="574"/>
      <c r="C290" s="574"/>
      <c r="D290" s="574"/>
      <c r="E290" s="574"/>
      <c r="F290" s="574"/>
      <c r="G290" s="574"/>
      <c r="H290" s="574"/>
      <c r="I290" s="574"/>
      <c r="J290" s="574"/>
      <c r="K290" s="574"/>
      <c r="L290" s="454"/>
      <c r="M290" s="574"/>
      <c r="N290" s="574"/>
      <c r="O290" s="574"/>
      <c r="P290" s="575"/>
      <c r="Q290" s="122"/>
      <c r="R290" s="138"/>
      <c r="S290" s="162"/>
    </row>
    <row r="291" spans="1:56" s="67" customFormat="1" ht="75" customHeight="1">
      <c r="A291" s="456"/>
      <c r="B291" s="457"/>
      <c r="C291" s="457"/>
      <c r="D291" s="457"/>
      <c r="E291" s="457"/>
      <c r="F291" s="457"/>
      <c r="G291" s="457"/>
      <c r="H291" s="457"/>
      <c r="I291" s="457"/>
      <c r="J291" s="457"/>
      <c r="K291" s="457"/>
      <c r="L291" s="458"/>
      <c r="M291" s="457"/>
      <c r="N291" s="457"/>
      <c r="O291" s="457"/>
      <c r="P291" s="459"/>
      <c r="Q291" s="139"/>
      <c r="R291" s="138"/>
      <c r="S291" s="141"/>
      <c r="T291" s="64"/>
    </row>
    <row r="292" spans="1:56" s="67" customFormat="1" ht="75" customHeight="1" thickBot="1">
      <c r="A292" s="471"/>
      <c r="B292" s="472"/>
      <c r="C292" s="472"/>
      <c r="D292" s="472"/>
      <c r="E292" s="472"/>
      <c r="F292" s="472"/>
      <c r="G292" s="472"/>
      <c r="H292" s="472"/>
      <c r="I292" s="472"/>
      <c r="J292" s="472"/>
      <c r="K292" s="472"/>
      <c r="L292" s="473"/>
      <c r="M292" s="472"/>
      <c r="N292" s="472"/>
      <c r="O292" s="472"/>
      <c r="P292" s="474"/>
      <c r="Q292" s="139"/>
      <c r="R292" s="138"/>
      <c r="S292" s="141"/>
      <c r="T292" s="64"/>
    </row>
    <row r="293" spans="1:56" s="64" customFormat="1" ht="69.900000000000006" customHeight="1" thickBot="1">
      <c r="A293" s="568" t="s">
        <v>472</v>
      </c>
      <c r="B293" s="445"/>
      <c r="C293" s="445"/>
      <c r="D293" s="445"/>
      <c r="E293" s="445"/>
      <c r="F293" s="445"/>
      <c r="G293" s="445"/>
      <c r="H293" s="445"/>
      <c r="I293" s="445"/>
      <c r="J293" s="445"/>
      <c r="K293" s="445"/>
      <c r="L293" s="445"/>
      <c r="M293" s="445"/>
      <c r="N293" s="445"/>
      <c r="O293" s="445"/>
      <c r="P293" s="569"/>
      <c r="Q293" s="139"/>
      <c r="R293" s="138"/>
      <c r="S293" s="78"/>
      <c r="T293" s="76"/>
      <c r="U293" s="76"/>
      <c r="V293" s="76"/>
      <c r="W293" s="76"/>
      <c r="X293" s="77"/>
      <c r="Y293" s="77"/>
      <c r="Z293" s="77"/>
      <c r="AA293" s="77"/>
      <c r="AB293" s="77"/>
      <c r="AC293" s="77"/>
      <c r="AD293" s="77"/>
      <c r="AE293" s="77"/>
      <c r="AF293" s="77"/>
      <c r="AG293" s="77"/>
      <c r="AH293" s="77"/>
      <c r="AI293" s="77"/>
      <c r="AJ293" s="77"/>
      <c r="AK293" s="77"/>
      <c r="AL293" s="77"/>
      <c r="AM293" s="77"/>
      <c r="AN293" s="76"/>
      <c r="AO293" s="76"/>
      <c r="AP293" s="76"/>
      <c r="AQ293" s="76"/>
      <c r="AR293" s="76"/>
      <c r="AS293" s="76"/>
      <c r="AT293" s="76"/>
      <c r="AU293" s="76"/>
      <c r="AV293" s="76"/>
      <c r="AW293" s="76"/>
      <c r="AX293" s="76"/>
      <c r="AY293" s="76"/>
      <c r="AZ293" s="76"/>
      <c r="BA293" s="76"/>
      <c r="BB293" s="76"/>
      <c r="BC293" s="76"/>
      <c r="BD293" s="76"/>
    </row>
    <row r="294" spans="1:56" s="67" customFormat="1" ht="132" customHeight="1" thickTop="1" thickBot="1">
      <c r="A294" s="485" t="s">
        <v>367</v>
      </c>
      <c r="B294" s="598"/>
      <c r="C294" s="598"/>
      <c r="D294" s="598"/>
      <c r="E294" s="598"/>
      <c r="F294" s="598"/>
      <c r="G294" s="598"/>
      <c r="H294" s="598"/>
      <c r="I294" s="598"/>
      <c r="J294" s="598"/>
      <c r="K294" s="598"/>
      <c r="L294" s="352"/>
      <c r="M294" s="598"/>
      <c r="N294" s="638"/>
      <c r="O294" s="68" t="s">
        <v>20</v>
      </c>
      <c r="P294" s="69" t="s">
        <v>21</v>
      </c>
      <c r="Q294" s="139"/>
      <c r="R294" s="138"/>
      <c r="S294" s="137"/>
      <c r="T294" s="76"/>
      <c r="U294" s="77"/>
      <c r="V294" s="77"/>
      <c r="W294" s="77"/>
      <c r="X294" s="76"/>
      <c r="Y294" s="76"/>
      <c r="Z294" s="76"/>
      <c r="AA294" s="76"/>
      <c r="AB294" s="76"/>
      <c r="AC294" s="76"/>
      <c r="AD294" s="76"/>
      <c r="AE294" s="76"/>
      <c r="AF294" s="76"/>
      <c r="AG294" s="76"/>
      <c r="AH294" s="76"/>
      <c r="AI294" s="76"/>
      <c r="AJ294" s="76"/>
      <c r="AK294" s="76"/>
      <c r="AL294" s="76"/>
      <c r="AM294" s="76"/>
      <c r="AN294" s="77"/>
      <c r="AO294" s="77"/>
      <c r="AP294" s="77"/>
      <c r="AQ294" s="77"/>
      <c r="AR294" s="77"/>
      <c r="AS294" s="77"/>
      <c r="AT294" s="77"/>
      <c r="AU294" s="77"/>
      <c r="AV294" s="77"/>
      <c r="AW294" s="77"/>
      <c r="AX294" s="77"/>
      <c r="AY294" s="77"/>
      <c r="AZ294" s="77"/>
      <c r="BA294" s="77"/>
      <c r="BB294" s="77"/>
      <c r="BC294" s="77"/>
      <c r="BD294" s="77"/>
    </row>
    <row r="295" spans="1:56" s="67" customFormat="1" ht="132" customHeight="1" thickTop="1" thickBot="1">
      <c r="A295" s="467" t="s">
        <v>368</v>
      </c>
      <c r="B295" s="610"/>
      <c r="C295" s="610"/>
      <c r="D295" s="610"/>
      <c r="E295" s="610"/>
      <c r="F295" s="610"/>
      <c r="G295" s="610"/>
      <c r="H295" s="610"/>
      <c r="I295" s="610"/>
      <c r="J295" s="610"/>
      <c r="K295" s="610"/>
      <c r="L295" s="349"/>
      <c r="M295" s="610"/>
      <c r="N295" s="661"/>
      <c r="O295" s="75" t="s">
        <v>20</v>
      </c>
      <c r="P295" s="136" t="s">
        <v>21</v>
      </c>
      <c r="Q295" s="139"/>
      <c r="R295" s="138"/>
      <c r="S295" s="137"/>
      <c r="T295" s="76"/>
      <c r="U295" s="77"/>
      <c r="V295" s="77"/>
      <c r="W295" s="77"/>
      <c r="X295" s="76"/>
      <c r="Y295" s="76"/>
      <c r="Z295" s="76"/>
      <c r="AA295" s="76"/>
      <c r="AB295" s="76"/>
      <c r="AC295" s="76"/>
      <c r="AD295" s="76"/>
      <c r="AE295" s="76"/>
      <c r="AF295" s="76"/>
      <c r="AG295" s="76"/>
      <c r="AH295" s="76"/>
      <c r="AI295" s="76"/>
      <c r="AJ295" s="76"/>
      <c r="AK295" s="76"/>
      <c r="AL295" s="76"/>
      <c r="AM295" s="76"/>
      <c r="AN295" s="77"/>
      <c r="AO295" s="77"/>
      <c r="AP295" s="77"/>
      <c r="AQ295" s="77"/>
      <c r="AR295" s="77"/>
      <c r="AS295" s="77"/>
      <c r="AT295" s="77"/>
      <c r="AU295" s="77"/>
      <c r="AV295" s="77"/>
      <c r="AW295" s="77"/>
      <c r="AX295" s="77"/>
      <c r="AY295" s="77"/>
      <c r="AZ295" s="77"/>
      <c r="BA295" s="77"/>
      <c r="BB295" s="77"/>
      <c r="BC295" s="77"/>
      <c r="BD295" s="77"/>
    </row>
    <row r="296" spans="1:56" s="64" customFormat="1" ht="69.599999999999994" customHeight="1" thickTop="1">
      <c r="A296" s="468" t="s">
        <v>25</v>
      </c>
      <c r="B296" s="574"/>
      <c r="C296" s="574"/>
      <c r="D296" s="574"/>
      <c r="E296" s="574"/>
      <c r="F296" s="574"/>
      <c r="G296" s="574"/>
      <c r="H296" s="574"/>
      <c r="I296" s="574"/>
      <c r="J296" s="574"/>
      <c r="K296" s="574"/>
      <c r="L296" s="454"/>
      <c r="M296" s="574"/>
      <c r="N296" s="574"/>
      <c r="O296" s="574"/>
      <c r="P296" s="575"/>
      <c r="Q296" s="122"/>
      <c r="R296" s="138"/>
      <c r="S296" s="162"/>
    </row>
    <row r="297" spans="1:56" s="67" customFormat="1" ht="75" customHeight="1">
      <c r="A297" s="456"/>
      <c r="B297" s="457"/>
      <c r="C297" s="457"/>
      <c r="D297" s="457"/>
      <c r="E297" s="457"/>
      <c r="F297" s="457"/>
      <c r="G297" s="457"/>
      <c r="H297" s="457"/>
      <c r="I297" s="457"/>
      <c r="J297" s="457"/>
      <c r="K297" s="457"/>
      <c r="L297" s="458"/>
      <c r="M297" s="457"/>
      <c r="N297" s="457"/>
      <c r="O297" s="457"/>
      <c r="P297" s="459"/>
      <c r="Q297" s="139"/>
      <c r="R297" s="138"/>
      <c r="S297" s="141"/>
      <c r="T297" s="64"/>
    </row>
    <row r="298" spans="1:56" s="67" customFormat="1" ht="75" customHeight="1" thickBot="1">
      <c r="A298" s="471"/>
      <c r="B298" s="472"/>
      <c r="C298" s="472"/>
      <c r="D298" s="472"/>
      <c r="E298" s="472"/>
      <c r="F298" s="472"/>
      <c r="G298" s="472"/>
      <c r="H298" s="472"/>
      <c r="I298" s="472"/>
      <c r="J298" s="472"/>
      <c r="K298" s="472"/>
      <c r="L298" s="473"/>
      <c r="M298" s="472"/>
      <c r="N298" s="472"/>
      <c r="O298" s="472"/>
      <c r="P298" s="474"/>
      <c r="Q298" s="139"/>
      <c r="R298" s="138"/>
      <c r="S298" s="141"/>
      <c r="T298" s="64"/>
    </row>
    <row r="299" spans="1:56" s="64" customFormat="1" ht="69.900000000000006" customHeight="1" thickBot="1">
      <c r="A299" s="443" t="s">
        <v>473</v>
      </c>
      <c r="B299" s="475"/>
      <c r="C299" s="475"/>
      <c r="D299" s="475"/>
      <c r="E299" s="475"/>
      <c r="F299" s="475"/>
      <c r="G299" s="475"/>
      <c r="H299" s="475"/>
      <c r="I299" s="475"/>
      <c r="J299" s="475"/>
      <c r="K299" s="475"/>
      <c r="L299" s="445"/>
      <c r="M299" s="475"/>
      <c r="N299" s="475"/>
      <c r="O299" s="475"/>
      <c r="P299" s="476"/>
      <c r="Q299" s="139"/>
      <c r="R299" s="138"/>
      <c r="S299" s="78"/>
      <c r="T299" s="76"/>
      <c r="U299" s="76"/>
      <c r="V299" s="76"/>
      <c r="W299" s="76"/>
      <c r="X299" s="77"/>
      <c r="Y299" s="77"/>
      <c r="Z299" s="77"/>
      <c r="AA299" s="77"/>
      <c r="AB299" s="77"/>
      <c r="AC299" s="77"/>
      <c r="AD299" s="77"/>
      <c r="AE299" s="77"/>
      <c r="AF299" s="77"/>
      <c r="AG299" s="77"/>
      <c r="AH299" s="77"/>
      <c r="AI299" s="77"/>
      <c r="AJ299" s="77"/>
      <c r="AK299" s="77"/>
      <c r="AL299" s="77"/>
      <c r="AM299" s="77"/>
      <c r="AN299" s="76"/>
      <c r="AO299" s="76"/>
      <c r="AP299" s="76"/>
      <c r="AQ299" s="76"/>
      <c r="AR299" s="76"/>
      <c r="AS299" s="76"/>
      <c r="AT299" s="76"/>
      <c r="AU299" s="76"/>
      <c r="AV299" s="76"/>
      <c r="AW299" s="76"/>
      <c r="AX299" s="76"/>
      <c r="AY299" s="76"/>
      <c r="AZ299" s="76"/>
      <c r="BA299" s="76"/>
      <c r="BB299" s="76"/>
      <c r="BC299" s="76"/>
      <c r="BD299" s="76"/>
    </row>
    <row r="300" spans="1:56" s="67" customFormat="1" ht="132" customHeight="1" thickTop="1" thickBot="1">
      <c r="A300" s="477" t="s">
        <v>474</v>
      </c>
      <c r="B300" s="379"/>
      <c r="C300" s="379"/>
      <c r="D300" s="379"/>
      <c r="E300" s="379"/>
      <c r="F300" s="379"/>
      <c r="G300" s="379"/>
      <c r="H300" s="379"/>
      <c r="I300" s="379"/>
      <c r="J300" s="379"/>
      <c r="K300" s="379"/>
      <c r="L300" s="379"/>
      <c r="M300" s="379"/>
      <c r="N300" s="576"/>
      <c r="O300" s="75" t="s">
        <v>20</v>
      </c>
      <c r="P300" s="136" t="s">
        <v>21</v>
      </c>
      <c r="Q300" s="139"/>
      <c r="R300" s="138"/>
      <c r="S300" s="137"/>
      <c r="T300" s="76"/>
      <c r="U300" s="77"/>
      <c r="V300" s="77"/>
      <c r="W300" s="77"/>
      <c r="X300" s="77"/>
      <c r="Y300" s="77"/>
      <c r="Z300" s="77"/>
      <c r="AA300" s="77"/>
      <c r="AB300" s="77"/>
      <c r="AC300" s="77"/>
      <c r="AD300" s="77"/>
      <c r="AE300" s="77"/>
      <c r="AF300" s="77"/>
      <c r="AG300" s="77"/>
      <c r="AH300" s="77"/>
      <c r="AI300" s="77"/>
      <c r="AJ300" s="77"/>
      <c r="AK300" s="77"/>
      <c r="AL300" s="77"/>
      <c r="AM300" s="77"/>
      <c r="AN300" s="77"/>
      <c r="AO300" s="77"/>
      <c r="AP300" s="77"/>
      <c r="AQ300" s="77"/>
      <c r="AR300" s="77"/>
      <c r="AS300" s="77"/>
      <c r="AT300" s="77"/>
      <c r="AU300" s="77"/>
      <c r="AV300" s="77"/>
      <c r="AW300" s="77"/>
      <c r="AX300" s="77"/>
      <c r="AY300" s="77"/>
      <c r="AZ300" s="77"/>
      <c r="BA300" s="77"/>
      <c r="BB300" s="77"/>
      <c r="BC300" s="77"/>
      <c r="BD300" s="77"/>
    </row>
    <row r="301" spans="1:56" s="64" customFormat="1" ht="69.900000000000006" customHeight="1" thickTop="1">
      <c r="A301" s="468" t="s">
        <v>25</v>
      </c>
      <c r="B301" s="574"/>
      <c r="C301" s="574"/>
      <c r="D301" s="574"/>
      <c r="E301" s="574"/>
      <c r="F301" s="574"/>
      <c r="G301" s="574"/>
      <c r="H301" s="574"/>
      <c r="I301" s="574"/>
      <c r="J301" s="574"/>
      <c r="K301" s="574"/>
      <c r="L301" s="454"/>
      <c r="M301" s="574"/>
      <c r="N301" s="574"/>
      <c r="O301" s="574"/>
      <c r="P301" s="575"/>
      <c r="Q301" s="122"/>
      <c r="R301" s="138"/>
      <c r="S301" s="162"/>
    </row>
    <row r="302" spans="1:56" s="67" customFormat="1" ht="75" customHeight="1">
      <c r="A302" s="456"/>
      <c r="B302" s="457"/>
      <c r="C302" s="457"/>
      <c r="D302" s="457"/>
      <c r="E302" s="457"/>
      <c r="F302" s="457"/>
      <c r="G302" s="457"/>
      <c r="H302" s="457"/>
      <c r="I302" s="457"/>
      <c r="J302" s="457"/>
      <c r="K302" s="457"/>
      <c r="L302" s="458"/>
      <c r="M302" s="457"/>
      <c r="N302" s="457"/>
      <c r="O302" s="457"/>
      <c r="P302" s="459"/>
      <c r="Q302" s="139"/>
      <c r="R302" s="138"/>
      <c r="S302" s="141"/>
      <c r="T302" s="64"/>
    </row>
    <row r="303" spans="1:56" s="67" customFormat="1" ht="75" customHeight="1" thickBot="1">
      <c r="A303" s="471"/>
      <c r="B303" s="472"/>
      <c r="C303" s="472"/>
      <c r="D303" s="472"/>
      <c r="E303" s="472"/>
      <c r="F303" s="472"/>
      <c r="G303" s="472"/>
      <c r="H303" s="472"/>
      <c r="I303" s="472"/>
      <c r="J303" s="472"/>
      <c r="K303" s="472"/>
      <c r="L303" s="473"/>
      <c r="M303" s="472"/>
      <c r="N303" s="472"/>
      <c r="O303" s="472"/>
      <c r="P303" s="474"/>
      <c r="Q303" s="139"/>
      <c r="R303" s="138"/>
      <c r="S303" s="141"/>
      <c r="T303" s="64"/>
    </row>
    <row r="304" spans="1:56" s="64" customFormat="1" ht="69.900000000000006" customHeight="1" thickBot="1">
      <c r="A304" s="443" t="s">
        <v>475</v>
      </c>
      <c r="B304" s="475"/>
      <c r="C304" s="475"/>
      <c r="D304" s="475"/>
      <c r="E304" s="475"/>
      <c r="F304" s="475"/>
      <c r="G304" s="475"/>
      <c r="H304" s="475"/>
      <c r="I304" s="475"/>
      <c r="J304" s="475"/>
      <c r="K304" s="475"/>
      <c r="L304" s="445"/>
      <c r="M304" s="475"/>
      <c r="N304" s="475"/>
      <c r="O304" s="475"/>
      <c r="P304" s="476"/>
      <c r="Q304" s="139"/>
      <c r="R304" s="138"/>
      <c r="S304" s="211" t="s">
        <v>476</v>
      </c>
      <c r="T304" s="76"/>
      <c r="U304" s="76"/>
      <c r="V304" s="76"/>
      <c r="W304" s="76"/>
      <c r="X304" s="76"/>
      <c r="Y304" s="76"/>
      <c r="Z304" s="76"/>
      <c r="AA304" s="76"/>
      <c r="AB304" s="76"/>
      <c r="AC304" s="76"/>
      <c r="AD304" s="76"/>
      <c r="AE304" s="76"/>
      <c r="AF304" s="76"/>
      <c r="AG304" s="76"/>
      <c r="AH304" s="76"/>
      <c r="AI304" s="76"/>
      <c r="AJ304" s="76"/>
      <c r="AK304" s="76"/>
      <c r="AL304" s="76"/>
      <c r="AM304" s="76"/>
      <c r="AN304" s="76"/>
      <c r="AO304" s="76"/>
      <c r="AP304" s="76"/>
      <c r="AQ304" s="76"/>
      <c r="AR304" s="76"/>
      <c r="AS304" s="76"/>
      <c r="AT304" s="76"/>
      <c r="AU304" s="76"/>
      <c r="AV304" s="76"/>
      <c r="AW304" s="76"/>
      <c r="AX304" s="76"/>
      <c r="AY304" s="76"/>
      <c r="AZ304" s="76"/>
      <c r="BA304" s="76"/>
      <c r="BB304" s="76"/>
      <c r="BC304" s="76"/>
      <c r="BD304" s="76"/>
    </row>
    <row r="305" spans="1:56" s="67" customFormat="1" ht="132" customHeight="1" thickTop="1" thickBot="1">
      <c r="A305" s="477" t="s">
        <v>477</v>
      </c>
      <c r="B305" s="379"/>
      <c r="C305" s="379"/>
      <c r="D305" s="379"/>
      <c r="E305" s="379"/>
      <c r="F305" s="379"/>
      <c r="G305" s="379"/>
      <c r="H305" s="379"/>
      <c r="I305" s="379"/>
      <c r="J305" s="379"/>
      <c r="K305" s="379"/>
      <c r="L305" s="379"/>
      <c r="M305" s="379"/>
      <c r="N305" s="576"/>
      <c r="O305" s="75" t="s">
        <v>20</v>
      </c>
      <c r="P305" s="136" t="s">
        <v>21</v>
      </c>
      <c r="Q305" s="139"/>
      <c r="R305" s="138"/>
      <c r="S305" s="137"/>
      <c r="T305" s="76"/>
      <c r="U305" s="77"/>
      <c r="V305" s="77"/>
      <c r="W305" s="77"/>
      <c r="X305" s="77"/>
      <c r="Y305" s="77"/>
      <c r="Z305" s="77"/>
      <c r="AA305" s="77"/>
      <c r="AB305" s="77"/>
      <c r="AC305" s="77"/>
      <c r="AD305" s="77"/>
      <c r="AE305" s="77"/>
      <c r="AF305" s="77"/>
      <c r="AG305" s="77"/>
      <c r="AH305" s="77"/>
      <c r="AI305" s="77"/>
      <c r="AJ305" s="77"/>
      <c r="AK305" s="77"/>
      <c r="AL305" s="77"/>
      <c r="AM305" s="77"/>
      <c r="AN305" s="77"/>
      <c r="AO305" s="77"/>
      <c r="AP305" s="77"/>
      <c r="AQ305" s="77"/>
      <c r="AR305" s="77"/>
      <c r="AS305" s="77"/>
      <c r="AT305" s="77"/>
      <c r="AU305" s="77"/>
      <c r="AV305" s="77"/>
      <c r="AW305" s="77"/>
      <c r="AX305" s="77"/>
      <c r="AY305" s="77"/>
      <c r="AZ305" s="77"/>
      <c r="BA305" s="77"/>
      <c r="BB305" s="77"/>
      <c r="BC305" s="77"/>
      <c r="BD305" s="77"/>
    </row>
    <row r="306" spans="1:56" s="64" customFormat="1" ht="69.900000000000006" customHeight="1" thickTop="1">
      <c r="A306" s="468" t="s">
        <v>25</v>
      </c>
      <c r="B306" s="574"/>
      <c r="C306" s="574"/>
      <c r="D306" s="574"/>
      <c r="E306" s="574"/>
      <c r="F306" s="574"/>
      <c r="G306" s="574"/>
      <c r="H306" s="574"/>
      <c r="I306" s="574"/>
      <c r="J306" s="574"/>
      <c r="K306" s="574"/>
      <c r="L306" s="454"/>
      <c r="M306" s="574"/>
      <c r="N306" s="574"/>
      <c r="O306" s="574"/>
      <c r="P306" s="575"/>
      <c r="Q306" s="122"/>
      <c r="R306" s="138"/>
      <c r="S306" s="162"/>
    </row>
    <row r="307" spans="1:56" s="67" customFormat="1" ht="75" customHeight="1">
      <c r="A307" s="456"/>
      <c r="B307" s="457"/>
      <c r="C307" s="457"/>
      <c r="D307" s="457"/>
      <c r="E307" s="457"/>
      <c r="F307" s="457"/>
      <c r="G307" s="457"/>
      <c r="H307" s="457"/>
      <c r="I307" s="457"/>
      <c r="J307" s="457"/>
      <c r="K307" s="457"/>
      <c r="L307" s="458"/>
      <c r="M307" s="457"/>
      <c r="N307" s="457"/>
      <c r="O307" s="457"/>
      <c r="P307" s="459"/>
      <c r="Q307" s="139"/>
      <c r="R307" s="138"/>
      <c r="S307" s="141"/>
      <c r="T307" s="64"/>
    </row>
    <row r="308" spans="1:56" s="67" customFormat="1" ht="75" customHeight="1" thickBot="1">
      <c r="A308" s="471"/>
      <c r="B308" s="472"/>
      <c r="C308" s="472"/>
      <c r="D308" s="472"/>
      <c r="E308" s="472"/>
      <c r="F308" s="472"/>
      <c r="G308" s="472"/>
      <c r="H308" s="472"/>
      <c r="I308" s="472"/>
      <c r="J308" s="472"/>
      <c r="K308" s="472"/>
      <c r="L308" s="473"/>
      <c r="M308" s="472"/>
      <c r="N308" s="472"/>
      <c r="O308" s="472"/>
      <c r="P308" s="474"/>
      <c r="Q308" s="139"/>
      <c r="R308" s="138"/>
      <c r="S308" s="141"/>
      <c r="T308" s="64"/>
    </row>
    <row r="309" spans="1:56" s="64" customFormat="1" ht="69.900000000000006" customHeight="1" thickBot="1">
      <c r="A309" s="562" t="s">
        <v>373</v>
      </c>
      <c r="B309" s="563"/>
      <c r="C309" s="563"/>
      <c r="D309" s="563"/>
      <c r="E309" s="563"/>
      <c r="F309" s="563"/>
      <c r="G309" s="563"/>
      <c r="H309" s="563"/>
      <c r="I309" s="563"/>
      <c r="J309" s="563"/>
      <c r="K309" s="563"/>
      <c r="L309" s="563"/>
      <c r="M309" s="563"/>
      <c r="N309" s="563"/>
      <c r="O309" s="563"/>
      <c r="P309" s="564"/>
      <c r="Q309" s="122"/>
      <c r="R309" s="138"/>
      <c r="S309" s="78"/>
      <c r="T309" s="76"/>
      <c r="U309" s="76"/>
      <c r="V309" s="76"/>
      <c r="W309" s="76"/>
      <c r="X309" s="77"/>
      <c r="Y309" s="77"/>
      <c r="Z309" s="77"/>
      <c r="AA309" s="77"/>
      <c r="AB309" s="77"/>
      <c r="AC309" s="77"/>
      <c r="AD309" s="77"/>
      <c r="AE309" s="77"/>
      <c r="AF309" s="77"/>
      <c r="AG309" s="77"/>
      <c r="AH309" s="77"/>
      <c r="AI309" s="77"/>
      <c r="AJ309" s="77"/>
      <c r="AK309" s="77"/>
      <c r="AL309" s="77"/>
      <c r="AM309" s="77"/>
      <c r="AN309" s="76"/>
      <c r="AO309" s="76"/>
      <c r="AP309" s="76"/>
      <c r="AQ309" s="76"/>
      <c r="AR309" s="76"/>
      <c r="AS309" s="76"/>
      <c r="AT309" s="76"/>
      <c r="AU309" s="76"/>
      <c r="AV309" s="76"/>
      <c r="AW309" s="76"/>
      <c r="AX309" s="76"/>
      <c r="AY309" s="76"/>
      <c r="AZ309" s="76"/>
      <c r="BA309" s="76"/>
      <c r="BB309" s="76"/>
      <c r="BC309" s="76"/>
      <c r="BD309" s="76"/>
    </row>
    <row r="310" spans="1:56" s="64" customFormat="1" ht="69.900000000000006" customHeight="1" thickBot="1">
      <c r="A310" s="443" t="s">
        <v>478</v>
      </c>
      <c r="B310" s="475"/>
      <c r="C310" s="475"/>
      <c r="D310" s="475"/>
      <c r="E310" s="475"/>
      <c r="F310" s="475"/>
      <c r="G310" s="475"/>
      <c r="H310" s="475"/>
      <c r="I310" s="475"/>
      <c r="J310" s="475"/>
      <c r="K310" s="475"/>
      <c r="L310" s="445"/>
      <c r="M310" s="475"/>
      <c r="N310" s="475"/>
      <c r="O310" s="475"/>
      <c r="P310" s="476"/>
      <c r="Q310" s="139"/>
      <c r="R310" s="138"/>
      <c r="S310" s="78"/>
      <c r="T310" s="76"/>
      <c r="U310" s="76"/>
      <c r="V310" s="76"/>
      <c r="W310" s="76"/>
      <c r="X310" s="76"/>
      <c r="Y310" s="76"/>
      <c r="Z310" s="76"/>
      <c r="AA310" s="76"/>
      <c r="AB310" s="76"/>
      <c r="AC310" s="76"/>
      <c r="AD310" s="76"/>
      <c r="AE310" s="76"/>
      <c r="AF310" s="76"/>
      <c r="AG310" s="76"/>
      <c r="AH310" s="76"/>
      <c r="AI310" s="76"/>
      <c r="AJ310" s="76"/>
      <c r="AK310" s="76"/>
      <c r="AL310" s="76"/>
      <c r="AM310" s="76"/>
      <c r="AN310" s="76"/>
      <c r="AO310" s="76"/>
      <c r="AP310" s="76"/>
      <c r="AQ310" s="76"/>
      <c r="AR310" s="76"/>
      <c r="AS310" s="76"/>
      <c r="AT310" s="76"/>
      <c r="AU310" s="76"/>
      <c r="AV310" s="76"/>
      <c r="AW310" s="76"/>
      <c r="AX310" s="76"/>
      <c r="AY310" s="76"/>
      <c r="AZ310" s="76"/>
      <c r="BA310" s="76"/>
      <c r="BB310" s="76"/>
      <c r="BC310" s="76"/>
      <c r="BD310" s="76"/>
    </row>
    <row r="311" spans="1:56" s="67" customFormat="1" ht="199.95" customHeight="1" thickTop="1" thickBot="1">
      <c r="A311" s="477" t="s">
        <v>375</v>
      </c>
      <c r="B311" s="379"/>
      <c r="C311" s="379"/>
      <c r="D311" s="379"/>
      <c r="E311" s="379"/>
      <c r="F311" s="379"/>
      <c r="G311" s="379"/>
      <c r="H311" s="379"/>
      <c r="I311" s="379"/>
      <c r="J311" s="379"/>
      <c r="K311" s="379"/>
      <c r="L311" s="379"/>
      <c r="M311" s="379"/>
      <c r="N311" s="576"/>
      <c r="O311" s="75" t="s">
        <v>20</v>
      </c>
      <c r="P311" s="136" t="s">
        <v>21</v>
      </c>
      <c r="Q311" s="139"/>
      <c r="R311" s="138"/>
      <c r="S311" s="137"/>
      <c r="T311" s="76"/>
      <c r="U311" s="77"/>
      <c r="V311" s="77"/>
      <c r="W311" s="77"/>
      <c r="X311" s="76"/>
      <c r="Y311" s="76"/>
      <c r="Z311" s="76"/>
      <c r="AA311" s="76"/>
      <c r="AB311" s="76"/>
      <c r="AC311" s="76"/>
      <c r="AD311" s="76"/>
      <c r="AE311" s="76"/>
      <c r="AF311" s="76"/>
      <c r="AG311" s="76"/>
      <c r="AH311" s="76"/>
      <c r="AI311" s="76"/>
      <c r="AJ311" s="76"/>
      <c r="AK311" s="76"/>
      <c r="AL311" s="76"/>
      <c r="AM311" s="76"/>
      <c r="AN311" s="77"/>
      <c r="AO311" s="77"/>
      <c r="AP311" s="77"/>
      <c r="AQ311" s="77"/>
      <c r="AR311" s="77"/>
      <c r="AS311" s="77"/>
      <c r="AT311" s="77"/>
      <c r="AU311" s="77"/>
      <c r="AV311" s="77"/>
      <c r="AW311" s="77"/>
      <c r="AX311" s="77"/>
      <c r="AY311" s="77"/>
      <c r="AZ311" s="77"/>
      <c r="BA311" s="77"/>
      <c r="BB311" s="77"/>
      <c r="BC311" s="77"/>
      <c r="BD311" s="77"/>
    </row>
    <row r="312" spans="1:56" s="52" customFormat="1" ht="69.900000000000006" customHeight="1" thickTop="1">
      <c r="A312" s="698" t="s">
        <v>479</v>
      </c>
      <c r="B312" s="505"/>
      <c r="C312" s="505"/>
      <c r="D312" s="505"/>
      <c r="E312" s="505"/>
      <c r="F312" s="505"/>
      <c r="G312" s="505"/>
      <c r="H312" s="505"/>
      <c r="I312" s="505"/>
      <c r="J312" s="505"/>
      <c r="K312" s="505"/>
      <c r="L312" s="505"/>
      <c r="M312" s="505"/>
      <c r="N312" s="505"/>
      <c r="O312" s="505"/>
      <c r="P312" s="699"/>
      <c r="Q312" s="161"/>
      <c r="R312" s="133"/>
      <c r="S312" s="162"/>
    </row>
    <row r="313" spans="1:56" s="52" customFormat="1" ht="69.900000000000006" customHeight="1">
      <c r="A313" s="507" t="s">
        <v>90</v>
      </c>
      <c r="B313" s="508"/>
      <c r="C313" s="508"/>
      <c r="D313" s="508"/>
      <c r="E313" s="508"/>
      <c r="F313" s="508"/>
      <c r="G313" s="508"/>
      <c r="H313" s="508"/>
      <c r="I313" s="508"/>
      <c r="J313" s="508"/>
      <c r="K313" s="508"/>
      <c r="L313" s="508"/>
      <c r="M313" s="508"/>
      <c r="N313" s="508"/>
      <c r="O313" s="508"/>
      <c r="P313" s="509"/>
      <c r="Q313" s="161"/>
      <c r="R313" s="133"/>
      <c r="S313" s="162"/>
    </row>
    <row r="314" spans="1:56" s="67" customFormat="1" ht="69.599999999999994" customHeight="1">
      <c r="A314" s="658" t="s">
        <v>480</v>
      </c>
      <c r="B314" s="659"/>
      <c r="C314" s="659"/>
      <c r="D314" s="659"/>
      <c r="E314" s="659"/>
      <c r="F314" s="659"/>
      <c r="G314" s="659"/>
      <c r="H314" s="659"/>
      <c r="I314" s="659"/>
      <c r="J314" s="659"/>
      <c r="K314" s="659"/>
      <c r="L314" s="659"/>
      <c r="M314" s="659"/>
      <c r="N314" s="659"/>
      <c r="O314" s="659"/>
      <c r="P314" s="660"/>
      <c r="Q314" s="139"/>
      <c r="R314" s="138"/>
      <c r="S314" s="78"/>
      <c r="T314" s="104"/>
      <c r="U314" s="77"/>
      <c r="V314" s="77"/>
      <c r="W314" s="77"/>
      <c r="X314" s="77"/>
      <c r="Y314" s="77"/>
      <c r="Z314" s="77"/>
      <c r="AA314" s="77"/>
      <c r="AB314" s="77"/>
      <c r="AC314" s="77"/>
      <c r="AD314" s="77"/>
      <c r="AE314" s="77"/>
      <c r="AF314" s="77"/>
      <c r="AG314" s="77"/>
      <c r="AH314" s="77"/>
      <c r="AI314" s="77"/>
      <c r="AJ314" s="77"/>
      <c r="AK314" s="77"/>
      <c r="AL314" s="77"/>
      <c r="AM314" s="77"/>
      <c r="AN314" s="77"/>
      <c r="AO314" s="77"/>
      <c r="AP314" s="77"/>
      <c r="AQ314" s="77"/>
      <c r="AR314" s="77"/>
      <c r="AS314" s="77"/>
      <c r="AT314" s="77"/>
      <c r="AU314" s="77"/>
      <c r="AV314" s="77"/>
      <c r="AW314" s="77"/>
      <c r="AX314" s="77"/>
      <c r="AY314" s="77"/>
      <c r="AZ314" s="77"/>
      <c r="BA314" s="77"/>
      <c r="BB314" s="77"/>
      <c r="BC314" s="77"/>
      <c r="BD314" s="77"/>
    </row>
    <row r="315" spans="1:56" s="67" customFormat="1" ht="69.599999999999994" customHeight="1">
      <c r="A315" s="556" t="s">
        <v>85</v>
      </c>
      <c r="B315" s="557"/>
      <c r="C315" s="557"/>
      <c r="D315" s="557"/>
      <c r="E315" s="557"/>
      <c r="F315" s="557"/>
      <c r="G315" s="557"/>
      <c r="H315" s="557"/>
      <c r="I315" s="557"/>
      <c r="J315" s="557"/>
      <c r="K315" s="557"/>
      <c r="L315" s="557"/>
      <c r="M315" s="557"/>
      <c r="N315" s="557"/>
      <c r="O315" s="557"/>
      <c r="P315" s="558"/>
      <c r="Q315" s="139"/>
      <c r="R315" s="138"/>
      <c r="S315" s="78"/>
      <c r="T315" s="76"/>
      <c r="U315" s="77"/>
      <c r="V315" s="77"/>
      <c r="W315" s="77"/>
      <c r="X315" s="77"/>
      <c r="Y315" s="77"/>
      <c r="Z315" s="77"/>
      <c r="AA315" s="77"/>
      <c r="AB315" s="77"/>
      <c r="AC315" s="77"/>
      <c r="AD315" s="77"/>
      <c r="AE315" s="77"/>
      <c r="AF315" s="77"/>
      <c r="AG315" s="77"/>
      <c r="AH315" s="77"/>
      <c r="AI315" s="77"/>
      <c r="AJ315" s="77"/>
      <c r="AK315" s="77"/>
      <c r="AL315" s="77"/>
      <c r="AM315" s="77"/>
      <c r="AN315" s="77"/>
      <c r="AO315" s="77"/>
      <c r="AP315" s="77"/>
      <c r="AQ315" s="77"/>
      <c r="AR315" s="77"/>
      <c r="AS315" s="77"/>
      <c r="AT315" s="77"/>
      <c r="AU315" s="77"/>
      <c r="AV315" s="77"/>
      <c r="AW315" s="77"/>
      <c r="AX315" s="77"/>
      <c r="AY315" s="77"/>
      <c r="AZ315" s="77"/>
      <c r="BA315" s="77"/>
      <c r="BB315" s="77"/>
      <c r="BC315" s="77"/>
      <c r="BD315" s="77"/>
    </row>
    <row r="316" spans="1:56" s="64" customFormat="1" ht="69.900000000000006" customHeight="1">
      <c r="A316" s="468" t="s">
        <v>25</v>
      </c>
      <c r="B316" s="574"/>
      <c r="C316" s="574"/>
      <c r="D316" s="574"/>
      <c r="E316" s="574"/>
      <c r="F316" s="574"/>
      <c r="G316" s="574"/>
      <c r="H316" s="574"/>
      <c r="I316" s="574"/>
      <c r="J316" s="574"/>
      <c r="K316" s="574"/>
      <c r="L316" s="454"/>
      <c r="M316" s="574"/>
      <c r="N316" s="574"/>
      <c r="O316" s="574"/>
      <c r="P316" s="575"/>
      <c r="Q316" s="122"/>
      <c r="R316" s="138"/>
      <c r="S316" s="162"/>
    </row>
    <row r="317" spans="1:56" s="67" customFormat="1" ht="75" customHeight="1">
      <c r="A317" s="456"/>
      <c r="B317" s="457"/>
      <c r="C317" s="457"/>
      <c r="D317" s="457"/>
      <c r="E317" s="457"/>
      <c r="F317" s="457"/>
      <c r="G317" s="457"/>
      <c r="H317" s="457"/>
      <c r="I317" s="457"/>
      <c r="J317" s="457"/>
      <c r="K317" s="457"/>
      <c r="L317" s="458"/>
      <c r="M317" s="457"/>
      <c r="N317" s="457"/>
      <c r="O317" s="457"/>
      <c r="P317" s="459"/>
      <c r="Q317" s="139"/>
      <c r="R317" s="138"/>
      <c r="S317" s="141"/>
      <c r="T317" s="64"/>
    </row>
    <row r="318" spans="1:56" s="67" customFormat="1" ht="75" customHeight="1" thickBot="1">
      <c r="A318" s="471"/>
      <c r="B318" s="472"/>
      <c r="C318" s="472"/>
      <c r="D318" s="472"/>
      <c r="E318" s="472"/>
      <c r="F318" s="472"/>
      <c r="G318" s="472"/>
      <c r="H318" s="472"/>
      <c r="I318" s="472"/>
      <c r="J318" s="472"/>
      <c r="K318" s="472"/>
      <c r="L318" s="473"/>
      <c r="M318" s="472"/>
      <c r="N318" s="472"/>
      <c r="O318" s="472"/>
      <c r="P318" s="474"/>
      <c r="Q318" s="139"/>
      <c r="R318" s="138"/>
      <c r="S318" s="141"/>
      <c r="T318" s="64"/>
    </row>
    <row r="319" spans="1:56" s="64" customFormat="1" ht="69.900000000000006" customHeight="1" thickBot="1">
      <c r="A319" s="443" t="s">
        <v>481</v>
      </c>
      <c r="B319" s="475"/>
      <c r="C319" s="475"/>
      <c r="D319" s="475"/>
      <c r="E319" s="475"/>
      <c r="F319" s="475"/>
      <c r="G319" s="475"/>
      <c r="H319" s="475"/>
      <c r="I319" s="475"/>
      <c r="J319" s="475"/>
      <c r="K319" s="475"/>
      <c r="L319" s="445"/>
      <c r="M319" s="475"/>
      <c r="N319" s="475"/>
      <c r="O319" s="475"/>
      <c r="P319" s="476"/>
      <c r="Q319" s="139"/>
      <c r="R319" s="138"/>
      <c r="S319" s="78"/>
      <c r="T319" s="76"/>
      <c r="U319" s="76"/>
      <c r="V319" s="76"/>
      <c r="W319" s="76"/>
      <c r="X319" s="76"/>
      <c r="Y319" s="76"/>
      <c r="Z319" s="76"/>
      <c r="AA319" s="76"/>
      <c r="AB319" s="76"/>
      <c r="AC319" s="76"/>
      <c r="AD319" s="76"/>
      <c r="AE319" s="76"/>
      <c r="AF319" s="76"/>
      <c r="AG319" s="76"/>
      <c r="AH319" s="76"/>
      <c r="AI319" s="76"/>
      <c r="AJ319" s="76"/>
      <c r="AK319" s="76"/>
      <c r="AL319" s="76"/>
      <c r="AM319" s="76"/>
      <c r="AN319" s="76"/>
      <c r="AO319" s="76"/>
      <c r="AP319" s="76"/>
      <c r="AQ319" s="76"/>
      <c r="AR319" s="76"/>
      <c r="AS319" s="76"/>
      <c r="AT319" s="76"/>
      <c r="AU319" s="76"/>
      <c r="AV319" s="76"/>
      <c r="AW319" s="76"/>
      <c r="AX319" s="76"/>
      <c r="AY319" s="76"/>
      <c r="AZ319" s="76"/>
      <c r="BA319" s="76"/>
      <c r="BB319" s="76"/>
      <c r="BC319" s="76"/>
      <c r="BD319" s="76"/>
    </row>
    <row r="320" spans="1:56" s="67" customFormat="1" ht="199.95" customHeight="1" thickTop="1" thickBot="1">
      <c r="A320" s="500" t="s">
        <v>482</v>
      </c>
      <c r="B320" s="502"/>
      <c r="C320" s="502"/>
      <c r="D320" s="502"/>
      <c r="E320" s="502"/>
      <c r="F320" s="502"/>
      <c r="G320" s="502"/>
      <c r="H320" s="502"/>
      <c r="I320" s="502"/>
      <c r="J320" s="502"/>
      <c r="K320" s="502"/>
      <c r="L320" s="502"/>
      <c r="M320" s="738"/>
      <c r="N320" s="135" t="s">
        <v>24</v>
      </c>
      <c r="O320" s="75" t="s">
        <v>20</v>
      </c>
      <c r="P320" s="136" t="s">
        <v>21</v>
      </c>
      <c r="Q320" s="139"/>
      <c r="R320" s="138"/>
      <c r="S320" s="137"/>
      <c r="T320" s="99"/>
      <c r="U320" s="77"/>
      <c r="V320" s="77"/>
      <c r="W320" s="77"/>
      <c r="X320" s="76"/>
      <c r="Y320" s="76"/>
      <c r="Z320" s="76"/>
      <c r="AA320" s="76"/>
      <c r="AB320" s="76"/>
      <c r="AC320" s="76"/>
      <c r="AD320" s="76"/>
      <c r="AE320" s="76"/>
      <c r="AF320" s="76"/>
      <c r="AG320" s="76"/>
      <c r="AH320" s="76"/>
      <c r="AI320" s="76"/>
      <c r="AJ320" s="76"/>
      <c r="AK320" s="76"/>
      <c r="AL320" s="76"/>
      <c r="AM320" s="76"/>
      <c r="AN320" s="77"/>
      <c r="AO320" s="77"/>
      <c r="AP320" s="77"/>
      <c r="AQ320" s="77"/>
      <c r="AR320" s="77"/>
      <c r="AS320" s="77"/>
      <c r="AT320" s="77"/>
      <c r="AU320" s="77"/>
      <c r="AV320" s="77"/>
      <c r="AW320" s="77"/>
      <c r="AX320" s="77"/>
      <c r="AY320" s="77"/>
      <c r="AZ320" s="77"/>
      <c r="BA320" s="77"/>
      <c r="BB320" s="77"/>
      <c r="BC320" s="77"/>
      <c r="BD320" s="77"/>
    </row>
    <row r="321" spans="1:258" s="64" customFormat="1" ht="69.900000000000006" customHeight="1" thickTop="1">
      <c r="A321" s="503" t="s">
        <v>483</v>
      </c>
      <c r="B321" s="577"/>
      <c r="C321" s="577"/>
      <c r="D321" s="577"/>
      <c r="E321" s="577"/>
      <c r="F321" s="577"/>
      <c r="G321" s="577"/>
      <c r="H321" s="577"/>
      <c r="I321" s="577"/>
      <c r="J321" s="577"/>
      <c r="K321" s="577"/>
      <c r="L321" s="505"/>
      <c r="M321" s="577"/>
      <c r="N321" s="577"/>
      <c r="O321" s="577"/>
      <c r="P321" s="578"/>
      <c r="Q321" s="122"/>
      <c r="R321" s="138"/>
      <c r="S321" s="162"/>
    </row>
    <row r="322" spans="1:258" s="64" customFormat="1" ht="69.900000000000006" customHeight="1">
      <c r="A322" s="507" t="s">
        <v>90</v>
      </c>
      <c r="B322" s="508"/>
      <c r="C322" s="508"/>
      <c r="D322" s="508"/>
      <c r="E322" s="508"/>
      <c r="F322" s="508"/>
      <c r="G322" s="508"/>
      <c r="H322" s="508"/>
      <c r="I322" s="508"/>
      <c r="J322" s="508"/>
      <c r="K322" s="508"/>
      <c r="L322" s="508"/>
      <c r="M322" s="508"/>
      <c r="N322" s="508"/>
      <c r="O322" s="508"/>
      <c r="P322" s="509"/>
      <c r="Q322" s="161"/>
      <c r="R322" s="133"/>
      <c r="S322" s="162"/>
      <c r="T322" s="52"/>
      <c r="U322" s="52"/>
      <c r="V322" s="52"/>
      <c r="W322" s="52"/>
      <c r="X322" s="52"/>
      <c r="Y322" s="52"/>
      <c r="Z322" s="52"/>
      <c r="AA322" s="52"/>
      <c r="AB322" s="52"/>
      <c r="AC322" s="52"/>
      <c r="AD322" s="52"/>
      <c r="AE322" s="52"/>
      <c r="AF322" s="52"/>
      <c r="AG322" s="52"/>
      <c r="AH322" s="52"/>
      <c r="AI322" s="52"/>
      <c r="AJ322" s="52"/>
      <c r="AK322" s="52"/>
      <c r="AL322" s="52"/>
      <c r="AM322" s="52"/>
      <c r="AN322" s="52"/>
      <c r="AO322" s="52"/>
      <c r="AP322" s="52"/>
      <c r="AQ322" s="52"/>
      <c r="AR322" s="52"/>
      <c r="AS322" s="52"/>
      <c r="AT322" s="52"/>
      <c r="AU322" s="52"/>
      <c r="AV322" s="52"/>
      <c r="AW322" s="52"/>
      <c r="AX322" s="52"/>
      <c r="AY322" s="52"/>
      <c r="AZ322" s="52"/>
      <c r="BA322" s="52"/>
      <c r="BB322" s="52"/>
      <c r="BC322" s="52"/>
      <c r="BD322" s="52"/>
      <c r="BE322" s="52"/>
      <c r="BF322" s="52"/>
      <c r="BG322" s="52"/>
      <c r="BH322" s="52"/>
      <c r="BI322" s="52"/>
      <c r="BJ322" s="52"/>
      <c r="BK322" s="52"/>
      <c r="BL322" s="52"/>
      <c r="BM322" s="52"/>
      <c r="BN322" s="52"/>
      <c r="BO322" s="52"/>
      <c r="BP322" s="52"/>
      <c r="BQ322" s="52"/>
      <c r="BR322" s="52"/>
      <c r="BS322" s="52"/>
      <c r="BT322" s="52"/>
      <c r="BU322" s="52"/>
      <c r="BV322" s="52"/>
      <c r="BW322" s="52"/>
      <c r="BX322" s="52"/>
      <c r="BY322" s="52"/>
      <c r="BZ322" s="52"/>
      <c r="CA322" s="52"/>
      <c r="CB322" s="52"/>
      <c r="CC322" s="52"/>
      <c r="CD322" s="52"/>
      <c r="CE322" s="52"/>
      <c r="CF322" s="52"/>
      <c r="CG322" s="52"/>
      <c r="CH322" s="52"/>
      <c r="CI322" s="52"/>
      <c r="CJ322" s="52"/>
      <c r="CK322" s="52"/>
      <c r="CL322" s="52"/>
      <c r="CM322" s="52"/>
      <c r="CN322" s="52"/>
      <c r="CO322" s="52"/>
      <c r="CP322" s="52"/>
      <c r="CQ322" s="52"/>
      <c r="CR322" s="52"/>
      <c r="CS322" s="52"/>
      <c r="CT322" s="52"/>
      <c r="CU322" s="52"/>
      <c r="CV322" s="52"/>
      <c r="CW322" s="52"/>
      <c r="CX322" s="52"/>
      <c r="CY322" s="52"/>
      <c r="CZ322" s="52"/>
      <c r="DA322" s="52"/>
      <c r="DB322" s="52"/>
      <c r="DC322" s="52"/>
      <c r="DD322" s="52"/>
      <c r="DE322" s="52"/>
      <c r="DF322" s="52"/>
      <c r="DG322" s="52"/>
      <c r="DH322" s="52"/>
      <c r="DI322" s="52"/>
      <c r="DJ322" s="52"/>
      <c r="DK322" s="52"/>
      <c r="DL322" s="52"/>
      <c r="DM322" s="52"/>
      <c r="DN322" s="52"/>
      <c r="DO322" s="52"/>
      <c r="DP322" s="52"/>
      <c r="DQ322" s="52"/>
      <c r="DR322" s="52"/>
      <c r="DS322" s="52"/>
      <c r="DT322" s="52"/>
      <c r="DU322" s="52"/>
      <c r="DV322" s="52"/>
      <c r="DW322" s="52"/>
      <c r="DX322" s="52"/>
      <c r="DY322" s="52"/>
      <c r="DZ322" s="52"/>
      <c r="EA322" s="52"/>
      <c r="EB322" s="52"/>
      <c r="EC322" s="52"/>
      <c r="ED322" s="52"/>
      <c r="EE322" s="52"/>
      <c r="EF322" s="52"/>
      <c r="EG322" s="52"/>
      <c r="EH322" s="52"/>
      <c r="EI322" s="52"/>
      <c r="EJ322" s="52"/>
      <c r="EK322" s="52"/>
      <c r="EL322" s="52"/>
      <c r="EM322" s="52"/>
      <c r="EN322" s="52"/>
      <c r="EO322" s="52"/>
      <c r="EP322" s="52"/>
      <c r="EQ322" s="52"/>
      <c r="ER322" s="52"/>
      <c r="ES322" s="52"/>
      <c r="ET322" s="52"/>
      <c r="EU322" s="52"/>
      <c r="EV322" s="52"/>
      <c r="EW322" s="52"/>
      <c r="EX322" s="52"/>
      <c r="EY322" s="52"/>
      <c r="EZ322" s="52"/>
      <c r="FA322" s="52"/>
      <c r="FB322" s="52"/>
      <c r="FC322" s="52"/>
      <c r="FD322" s="52"/>
      <c r="FE322" s="52"/>
      <c r="FF322" s="52"/>
      <c r="FG322" s="52"/>
      <c r="FH322" s="52"/>
      <c r="FI322" s="52"/>
      <c r="FJ322" s="52"/>
      <c r="FK322" s="52"/>
      <c r="FL322" s="52"/>
      <c r="FM322" s="52"/>
      <c r="FN322" s="52"/>
      <c r="FO322" s="52"/>
      <c r="FP322" s="52"/>
      <c r="FQ322" s="52"/>
      <c r="FR322" s="52"/>
      <c r="FS322" s="52"/>
      <c r="FT322" s="52"/>
      <c r="FU322" s="52"/>
      <c r="FV322" s="52"/>
      <c r="FW322" s="52"/>
      <c r="FX322" s="52"/>
      <c r="FY322" s="52"/>
      <c r="FZ322" s="52"/>
      <c r="GA322" s="52"/>
      <c r="GB322" s="52"/>
      <c r="GC322" s="52"/>
      <c r="GD322" s="52"/>
      <c r="GE322" s="52"/>
      <c r="GF322" s="52"/>
      <c r="GG322" s="52"/>
      <c r="GH322" s="52"/>
      <c r="GI322" s="52"/>
      <c r="GJ322" s="52"/>
      <c r="GK322" s="52"/>
      <c r="GL322" s="52"/>
      <c r="GM322" s="52"/>
      <c r="GN322" s="52"/>
      <c r="GO322" s="52"/>
      <c r="GP322" s="52"/>
      <c r="GQ322" s="52"/>
      <c r="GR322" s="52"/>
      <c r="GS322" s="52"/>
      <c r="GT322" s="52"/>
      <c r="GU322" s="52"/>
      <c r="GV322" s="52"/>
      <c r="GW322" s="52"/>
      <c r="GX322" s="52"/>
      <c r="GY322" s="52"/>
      <c r="GZ322" s="52"/>
      <c r="HA322" s="52"/>
      <c r="HB322" s="52"/>
      <c r="HC322" s="52"/>
      <c r="HD322" s="52"/>
      <c r="HE322" s="52"/>
      <c r="HF322" s="52"/>
      <c r="HG322" s="52"/>
      <c r="HH322" s="52"/>
      <c r="HI322" s="52"/>
      <c r="HJ322" s="52"/>
      <c r="HK322" s="52"/>
      <c r="HL322" s="52"/>
      <c r="HM322" s="52"/>
      <c r="HN322" s="52"/>
      <c r="HO322" s="52"/>
      <c r="HP322" s="52"/>
      <c r="HQ322" s="52"/>
      <c r="HR322" s="52"/>
      <c r="HS322" s="52"/>
      <c r="HT322" s="52"/>
      <c r="HU322" s="52"/>
      <c r="HV322" s="52"/>
      <c r="HW322" s="52"/>
      <c r="HX322" s="52"/>
      <c r="HY322" s="52"/>
      <c r="HZ322" s="52"/>
      <c r="IA322" s="52"/>
      <c r="IB322" s="52"/>
      <c r="IC322" s="52"/>
      <c r="ID322" s="52"/>
      <c r="IE322" s="52"/>
      <c r="IF322" s="52"/>
      <c r="IG322" s="52"/>
      <c r="IH322" s="52"/>
      <c r="II322" s="52"/>
      <c r="IJ322" s="52"/>
      <c r="IK322" s="52"/>
      <c r="IL322" s="52"/>
      <c r="IM322" s="52"/>
      <c r="IN322" s="52"/>
      <c r="IO322" s="52"/>
      <c r="IP322" s="52"/>
      <c r="IQ322" s="52"/>
      <c r="IR322" s="52"/>
      <c r="IS322" s="52"/>
      <c r="IT322" s="52"/>
      <c r="IU322" s="52"/>
      <c r="IV322" s="52"/>
      <c r="IW322" s="52"/>
      <c r="IX322" s="52"/>
    </row>
    <row r="323" spans="1:258" s="67" customFormat="1" ht="69.599999999999994" customHeight="1">
      <c r="A323" s="764" t="s">
        <v>484</v>
      </c>
      <c r="B323" s="765"/>
      <c r="C323" s="765"/>
      <c r="D323" s="765"/>
      <c r="E323" s="765"/>
      <c r="F323" s="765"/>
      <c r="G323" s="765"/>
      <c r="H323" s="765"/>
      <c r="I323" s="765"/>
      <c r="J323" s="765"/>
      <c r="K323" s="765"/>
      <c r="L323" s="765"/>
      <c r="M323" s="765"/>
      <c r="N323" s="765"/>
      <c r="O323" s="765"/>
      <c r="P323" s="766"/>
      <c r="Q323" s="122"/>
      <c r="R323" s="138"/>
      <c r="S323" s="123"/>
      <c r="T323" s="104"/>
      <c r="U323" s="124"/>
      <c r="V323" s="124"/>
      <c r="W323" s="124"/>
      <c r="X323" s="124"/>
      <c r="Y323" s="124"/>
      <c r="Z323" s="124"/>
      <c r="AA323" s="124"/>
      <c r="AB323" s="124"/>
      <c r="AC323" s="124"/>
      <c r="AD323" s="124"/>
      <c r="AE323" s="124"/>
      <c r="AF323" s="124"/>
      <c r="AG323" s="124"/>
      <c r="AH323" s="124"/>
      <c r="AI323" s="124"/>
      <c r="AJ323" s="124"/>
      <c r="AK323" s="124"/>
      <c r="AL323" s="124"/>
      <c r="AM323" s="124"/>
      <c r="AN323" s="124"/>
      <c r="AO323" s="124"/>
      <c r="AP323" s="124"/>
      <c r="AQ323" s="124"/>
      <c r="AR323" s="124"/>
      <c r="AS323" s="124"/>
      <c r="AT323" s="124"/>
      <c r="AU323" s="124"/>
      <c r="AV323" s="124"/>
      <c r="AW323" s="124"/>
      <c r="AX323" s="124"/>
      <c r="AY323" s="124"/>
      <c r="AZ323" s="124"/>
      <c r="BA323" s="124"/>
      <c r="BB323" s="124"/>
      <c r="BC323" s="124"/>
      <c r="BD323" s="124"/>
    </row>
    <row r="324" spans="1:258" s="67" customFormat="1" ht="69" customHeight="1">
      <c r="A324" s="737" t="s">
        <v>100</v>
      </c>
      <c r="B324" s="687"/>
      <c r="C324" s="687"/>
      <c r="D324" s="687"/>
      <c r="E324" s="687"/>
      <c r="F324" s="687"/>
      <c r="G324" s="687"/>
      <c r="H324" s="687"/>
      <c r="I324" s="687"/>
      <c r="J324" s="687"/>
      <c r="K324" s="687"/>
      <c r="L324" s="687"/>
      <c r="M324" s="687"/>
      <c r="N324" s="687"/>
      <c r="O324" s="687"/>
      <c r="P324" s="688"/>
      <c r="Q324" s="139"/>
      <c r="R324" s="138"/>
      <c r="S324" s="78"/>
      <c r="T324" s="76"/>
      <c r="U324" s="77"/>
      <c r="V324" s="77"/>
      <c r="W324" s="77"/>
      <c r="X324" s="77"/>
      <c r="Y324" s="77"/>
      <c r="Z324" s="77"/>
      <c r="AA324" s="77"/>
      <c r="AB324" s="77"/>
      <c r="AC324" s="77"/>
      <c r="AD324" s="77"/>
      <c r="AE324" s="77"/>
      <c r="AF324" s="77"/>
      <c r="AG324" s="77"/>
      <c r="AH324" s="77"/>
      <c r="AI324" s="77"/>
      <c r="AJ324" s="77"/>
      <c r="AK324" s="77"/>
      <c r="AL324" s="77"/>
      <c r="AM324" s="77"/>
      <c r="AN324" s="77"/>
      <c r="AO324" s="77"/>
      <c r="AP324" s="77"/>
      <c r="AQ324" s="77"/>
      <c r="AR324" s="77"/>
      <c r="AS324" s="77"/>
      <c r="AT324" s="77"/>
      <c r="AU324" s="77"/>
      <c r="AV324" s="77"/>
      <c r="AW324" s="77"/>
      <c r="AX324" s="77"/>
      <c r="AY324" s="77"/>
      <c r="AZ324" s="77"/>
      <c r="BA324" s="77"/>
      <c r="BB324" s="77"/>
      <c r="BC324" s="77"/>
      <c r="BD324" s="77"/>
    </row>
    <row r="325" spans="1:258" s="67" customFormat="1" ht="69.599999999999994" customHeight="1">
      <c r="A325" s="556" t="s">
        <v>85</v>
      </c>
      <c r="B325" s="557"/>
      <c r="C325" s="557"/>
      <c r="D325" s="557"/>
      <c r="E325" s="557"/>
      <c r="F325" s="557"/>
      <c r="G325" s="557"/>
      <c r="H325" s="557"/>
      <c r="I325" s="557"/>
      <c r="J325" s="557"/>
      <c r="K325" s="557"/>
      <c r="L325" s="557"/>
      <c r="M325" s="557"/>
      <c r="N325" s="557"/>
      <c r="O325" s="557"/>
      <c r="P325" s="558"/>
      <c r="Q325" s="139"/>
      <c r="R325" s="138"/>
      <c r="S325" s="78"/>
      <c r="T325" s="76"/>
      <c r="U325" s="77"/>
      <c r="V325" s="77"/>
      <c r="W325" s="77"/>
      <c r="X325" s="77"/>
      <c r="Y325" s="77"/>
      <c r="Z325" s="77"/>
      <c r="AA325" s="77"/>
      <c r="AB325" s="77"/>
      <c r="AC325" s="77"/>
      <c r="AD325" s="77"/>
      <c r="AE325" s="77"/>
      <c r="AF325" s="77"/>
      <c r="AG325" s="77"/>
      <c r="AH325" s="77"/>
      <c r="AI325" s="77"/>
      <c r="AJ325" s="77"/>
      <c r="AK325" s="77"/>
      <c r="AL325" s="77"/>
      <c r="AM325" s="77"/>
      <c r="AN325" s="77"/>
      <c r="AO325" s="77"/>
      <c r="AP325" s="77"/>
      <c r="AQ325" s="77"/>
      <c r="AR325" s="77"/>
      <c r="AS325" s="77"/>
      <c r="AT325" s="77"/>
      <c r="AU325" s="77"/>
      <c r="AV325" s="77"/>
      <c r="AW325" s="77"/>
      <c r="AX325" s="77"/>
      <c r="AY325" s="77"/>
      <c r="AZ325" s="77"/>
      <c r="BA325" s="77"/>
      <c r="BB325" s="77"/>
      <c r="BC325" s="77"/>
      <c r="BD325" s="77"/>
    </row>
    <row r="326" spans="1:258" s="64" customFormat="1" ht="69.900000000000006" customHeight="1">
      <c r="A326" s="468" t="s">
        <v>25</v>
      </c>
      <c r="B326" s="574"/>
      <c r="C326" s="574"/>
      <c r="D326" s="574"/>
      <c r="E326" s="574"/>
      <c r="F326" s="574"/>
      <c r="G326" s="574"/>
      <c r="H326" s="574"/>
      <c r="I326" s="574"/>
      <c r="J326" s="574"/>
      <c r="K326" s="574"/>
      <c r="L326" s="454"/>
      <c r="M326" s="574"/>
      <c r="N326" s="574"/>
      <c r="O326" s="574"/>
      <c r="P326" s="575"/>
      <c r="Q326" s="122"/>
      <c r="R326" s="138"/>
      <c r="S326" s="162"/>
    </row>
    <row r="327" spans="1:258" s="67" customFormat="1" ht="75" customHeight="1">
      <c r="A327" s="456"/>
      <c r="B327" s="457"/>
      <c r="C327" s="457"/>
      <c r="D327" s="457"/>
      <c r="E327" s="457"/>
      <c r="F327" s="457"/>
      <c r="G327" s="457"/>
      <c r="H327" s="457"/>
      <c r="I327" s="457"/>
      <c r="J327" s="457"/>
      <c r="K327" s="457"/>
      <c r="L327" s="458"/>
      <c r="M327" s="457"/>
      <c r="N327" s="457"/>
      <c r="O327" s="457"/>
      <c r="P327" s="459"/>
      <c r="Q327" s="139"/>
      <c r="R327" s="138"/>
      <c r="S327" s="141"/>
      <c r="T327" s="64"/>
    </row>
    <row r="328" spans="1:258" s="67" customFormat="1" ht="75" customHeight="1" thickBot="1">
      <c r="A328" s="471"/>
      <c r="B328" s="472"/>
      <c r="C328" s="472"/>
      <c r="D328" s="472"/>
      <c r="E328" s="472"/>
      <c r="F328" s="472"/>
      <c r="G328" s="472"/>
      <c r="H328" s="472"/>
      <c r="I328" s="472"/>
      <c r="J328" s="472"/>
      <c r="K328" s="472"/>
      <c r="L328" s="473"/>
      <c r="M328" s="472"/>
      <c r="N328" s="472"/>
      <c r="O328" s="472"/>
      <c r="P328" s="474"/>
      <c r="Q328" s="139"/>
      <c r="R328" s="138"/>
      <c r="S328" s="141"/>
      <c r="T328" s="64"/>
    </row>
    <row r="329" spans="1:258" s="64" customFormat="1" ht="69.900000000000006" customHeight="1" thickBot="1">
      <c r="A329" s="443" t="s">
        <v>485</v>
      </c>
      <c r="B329" s="475"/>
      <c r="C329" s="475"/>
      <c r="D329" s="475"/>
      <c r="E329" s="475"/>
      <c r="F329" s="475"/>
      <c r="G329" s="475"/>
      <c r="H329" s="475"/>
      <c r="I329" s="475"/>
      <c r="J329" s="475"/>
      <c r="K329" s="475"/>
      <c r="L329" s="445"/>
      <c r="M329" s="475"/>
      <c r="N329" s="475"/>
      <c r="O329" s="475"/>
      <c r="P329" s="476"/>
      <c r="Q329" s="139"/>
      <c r="R329" s="138"/>
      <c r="S329" s="78"/>
      <c r="T329" s="76"/>
      <c r="U329" s="76"/>
      <c r="V329" s="76"/>
      <c r="W329" s="76"/>
      <c r="X329" s="76"/>
      <c r="Y329" s="76"/>
      <c r="Z329" s="76"/>
      <c r="AA329" s="76"/>
      <c r="AB329" s="76"/>
      <c r="AC329" s="76"/>
      <c r="AD329" s="76"/>
      <c r="AE329" s="76"/>
      <c r="AF329" s="76"/>
      <c r="AG329" s="76"/>
      <c r="AH329" s="76"/>
      <c r="AI329" s="76"/>
      <c r="AJ329" s="76"/>
      <c r="AK329" s="76"/>
      <c r="AL329" s="76"/>
      <c r="AM329" s="76"/>
      <c r="AN329" s="76"/>
      <c r="AO329" s="76"/>
      <c r="AP329" s="76"/>
      <c r="AQ329" s="76"/>
      <c r="AR329" s="76"/>
      <c r="AS329" s="76"/>
      <c r="AT329" s="76"/>
      <c r="AU329" s="76"/>
      <c r="AV329" s="76"/>
      <c r="AW329" s="76"/>
      <c r="AX329" s="76"/>
      <c r="AY329" s="76"/>
      <c r="AZ329" s="76"/>
      <c r="BA329" s="76"/>
      <c r="BB329" s="76"/>
      <c r="BC329" s="76"/>
      <c r="BD329" s="76"/>
    </row>
    <row r="330" spans="1:258" s="67" customFormat="1" ht="135" customHeight="1" thickTop="1" thickBot="1">
      <c r="A330" s="579" t="s">
        <v>486</v>
      </c>
      <c r="B330" s="379"/>
      <c r="C330" s="379"/>
      <c r="D330" s="379"/>
      <c r="E330" s="379"/>
      <c r="F330" s="379"/>
      <c r="G330" s="379"/>
      <c r="H330" s="379"/>
      <c r="I330" s="379"/>
      <c r="J330" s="379"/>
      <c r="K330" s="379"/>
      <c r="L330" s="379"/>
      <c r="M330" s="570"/>
      <c r="N330" s="112" t="s">
        <v>24</v>
      </c>
      <c r="O330" s="71" t="s">
        <v>20</v>
      </c>
      <c r="P330" s="72" t="s">
        <v>21</v>
      </c>
      <c r="Q330" s="139"/>
      <c r="R330" s="138"/>
      <c r="S330" s="137"/>
      <c r="T330" s="76"/>
      <c r="U330" s="77"/>
      <c r="V330" s="77"/>
      <c r="W330" s="77"/>
      <c r="X330" s="77"/>
      <c r="Y330" s="77"/>
      <c r="Z330" s="77"/>
      <c r="AA330" s="77"/>
      <c r="AB330" s="77"/>
      <c r="AC330" s="77"/>
      <c r="AD330" s="77"/>
      <c r="AE330" s="77"/>
      <c r="AF330" s="77"/>
      <c r="AG330" s="77"/>
      <c r="AH330" s="77"/>
      <c r="AI330" s="77"/>
      <c r="AJ330" s="77"/>
      <c r="AK330" s="77"/>
      <c r="AL330" s="77"/>
      <c r="AM330" s="77"/>
      <c r="AN330" s="77"/>
      <c r="AO330" s="77"/>
      <c r="AP330" s="77"/>
      <c r="AQ330" s="77"/>
      <c r="AR330" s="77"/>
      <c r="AS330" s="77"/>
      <c r="AT330" s="77"/>
      <c r="AU330" s="77"/>
      <c r="AV330" s="77"/>
      <c r="AW330" s="77"/>
      <c r="AX330" s="77"/>
      <c r="AY330" s="77"/>
      <c r="AZ330" s="77"/>
      <c r="BA330" s="77"/>
      <c r="BB330" s="77"/>
      <c r="BC330" s="77"/>
      <c r="BD330" s="77"/>
    </row>
    <row r="331" spans="1:258" s="64" customFormat="1" ht="69.900000000000006" customHeight="1" thickTop="1">
      <c r="A331" s="452" t="s">
        <v>25</v>
      </c>
      <c r="B331" s="574"/>
      <c r="C331" s="574"/>
      <c r="D331" s="574"/>
      <c r="E331" s="574"/>
      <c r="F331" s="574"/>
      <c r="G331" s="574"/>
      <c r="H331" s="574"/>
      <c r="I331" s="574"/>
      <c r="J331" s="574"/>
      <c r="K331" s="574"/>
      <c r="L331" s="454"/>
      <c r="M331" s="574"/>
      <c r="N331" s="574"/>
      <c r="O331" s="574"/>
      <c r="P331" s="575"/>
      <c r="Q331" s="122"/>
      <c r="R331" s="138"/>
      <c r="S331" s="162"/>
    </row>
    <row r="332" spans="1:258" s="67" customFormat="1" ht="75" customHeight="1">
      <c r="A332" s="456"/>
      <c r="B332" s="457"/>
      <c r="C332" s="457"/>
      <c r="D332" s="457"/>
      <c r="E332" s="457"/>
      <c r="F332" s="457"/>
      <c r="G332" s="457"/>
      <c r="H332" s="457"/>
      <c r="I332" s="457"/>
      <c r="J332" s="457"/>
      <c r="K332" s="457"/>
      <c r="L332" s="458"/>
      <c r="M332" s="457"/>
      <c r="N332" s="457"/>
      <c r="O332" s="457"/>
      <c r="P332" s="459"/>
      <c r="Q332" s="139"/>
      <c r="R332" s="138"/>
      <c r="S332" s="141"/>
      <c r="T332" s="64"/>
    </row>
    <row r="333" spans="1:258" s="67" customFormat="1" ht="75" customHeight="1" thickBot="1">
      <c r="A333" s="471"/>
      <c r="B333" s="472"/>
      <c r="C333" s="472"/>
      <c r="D333" s="472"/>
      <c r="E333" s="472"/>
      <c r="F333" s="472"/>
      <c r="G333" s="472"/>
      <c r="H333" s="472"/>
      <c r="I333" s="472"/>
      <c r="J333" s="472"/>
      <c r="K333" s="472"/>
      <c r="L333" s="473"/>
      <c r="M333" s="472"/>
      <c r="N333" s="472"/>
      <c r="O333" s="472"/>
      <c r="P333" s="474"/>
      <c r="Q333" s="139"/>
      <c r="R333" s="138"/>
      <c r="S333" s="141"/>
      <c r="T333" s="64"/>
    </row>
    <row r="334" spans="1:258" s="64" customFormat="1" ht="69.900000000000006" customHeight="1" thickBot="1">
      <c r="A334" s="568" t="s">
        <v>487</v>
      </c>
      <c r="B334" s="445"/>
      <c r="C334" s="445"/>
      <c r="D334" s="445"/>
      <c r="E334" s="445"/>
      <c r="F334" s="445"/>
      <c r="G334" s="445"/>
      <c r="H334" s="445"/>
      <c r="I334" s="445"/>
      <c r="J334" s="445"/>
      <c r="K334" s="445"/>
      <c r="L334" s="445"/>
      <c r="M334" s="445"/>
      <c r="N334" s="445"/>
      <c r="O334" s="445"/>
      <c r="P334" s="569"/>
      <c r="Q334" s="139"/>
      <c r="R334" s="138"/>
      <c r="S334" s="78"/>
      <c r="T334" s="76"/>
      <c r="U334" s="76"/>
      <c r="V334" s="76"/>
      <c r="W334" s="76"/>
      <c r="X334" s="76"/>
      <c r="Y334" s="76"/>
      <c r="Z334" s="76"/>
      <c r="AA334" s="76"/>
      <c r="AB334" s="76"/>
      <c r="AC334" s="76"/>
      <c r="AD334" s="76"/>
      <c r="AE334" s="76"/>
      <c r="AF334" s="76"/>
      <c r="AG334" s="76"/>
      <c r="AH334" s="76"/>
      <c r="AI334" s="76"/>
      <c r="AJ334" s="76"/>
      <c r="AK334" s="76"/>
      <c r="AL334" s="76"/>
      <c r="AM334" s="76"/>
      <c r="AN334" s="76"/>
      <c r="AO334" s="76"/>
      <c r="AP334" s="76"/>
      <c r="AQ334" s="76"/>
      <c r="AR334" s="76"/>
      <c r="AS334" s="76"/>
      <c r="AT334" s="76"/>
      <c r="AU334" s="76"/>
      <c r="AV334" s="76"/>
      <c r="AW334" s="76"/>
      <c r="AX334" s="76"/>
      <c r="AY334" s="76"/>
      <c r="AZ334" s="76"/>
      <c r="BA334" s="76"/>
      <c r="BB334" s="76"/>
      <c r="BC334" s="76"/>
      <c r="BD334" s="76"/>
    </row>
    <row r="335" spans="1:258" s="67" customFormat="1" ht="132" customHeight="1" thickTop="1" thickBot="1">
      <c r="A335" s="447" t="s">
        <v>488</v>
      </c>
      <c r="B335" s="352"/>
      <c r="C335" s="352"/>
      <c r="D335" s="352"/>
      <c r="E335" s="352"/>
      <c r="F335" s="352"/>
      <c r="G335" s="352"/>
      <c r="H335" s="352"/>
      <c r="I335" s="352"/>
      <c r="J335" s="352"/>
      <c r="K335" s="352"/>
      <c r="L335" s="352"/>
      <c r="M335" s="352"/>
      <c r="N335" s="689"/>
      <c r="O335" s="65" t="s">
        <v>20</v>
      </c>
      <c r="P335" s="66" t="s">
        <v>21</v>
      </c>
      <c r="Q335" s="139"/>
      <c r="R335" s="138"/>
      <c r="S335" s="137"/>
      <c r="T335" s="76"/>
      <c r="U335" s="77"/>
      <c r="V335" s="77"/>
      <c r="W335" s="77"/>
      <c r="X335" s="76"/>
      <c r="Y335" s="76"/>
      <c r="Z335" s="76"/>
      <c r="AA335" s="76"/>
      <c r="AB335" s="76"/>
      <c r="AC335" s="76"/>
      <c r="AD335" s="76"/>
      <c r="AE335" s="76"/>
      <c r="AF335" s="76"/>
      <c r="AG335" s="76"/>
      <c r="AH335" s="76"/>
      <c r="AI335" s="76"/>
      <c r="AJ335" s="76"/>
      <c r="AK335" s="76"/>
      <c r="AL335" s="76"/>
      <c r="AM335" s="76"/>
      <c r="AN335" s="77"/>
      <c r="AO335" s="77"/>
      <c r="AP335" s="77"/>
      <c r="AQ335" s="77"/>
      <c r="AR335" s="77"/>
      <c r="AS335" s="77"/>
      <c r="AT335" s="77"/>
      <c r="AU335" s="77"/>
      <c r="AV335" s="77"/>
      <c r="AW335" s="77"/>
      <c r="AX335" s="77"/>
      <c r="AY335" s="77"/>
      <c r="AZ335" s="77"/>
      <c r="BA335" s="77"/>
      <c r="BB335" s="77"/>
      <c r="BC335" s="77"/>
      <c r="BD335" s="77"/>
    </row>
    <row r="336" spans="1:258" s="67" customFormat="1" ht="132" customHeight="1" thickTop="1" thickBot="1">
      <c r="A336" s="467" t="s">
        <v>489</v>
      </c>
      <c r="B336" s="610"/>
      <c r="C336" s="610"/>
      <c r="D336" s="610"/>
      <c r="E336" s="610"/>
      <c r="F336" s="610"/>
      <c r="G336" s="610"/>
      <c r="H336" s="610"/>
      <c r="I336" s="610"/>
      <c r="J336" s="610"/>
      <c r="K336" s="610"/>
      <c r="L336" s="349"/>
      <c r="M336" s="610"/>
      <c r="N336" s="661"/>
      <c r="O336" s="75" t="s">
        <v>20</v>
      </c>
      <c r="P336" s="136" t="s">
        <v>21</v>
      </c>
      <c r="Q336" s="139"/>
      <c r="R336" s="138"/>
      <c r="S336" s="137"/>
      <c r="T336" s="76"/>
      <c r="U336" s="77"/>
      <c r="V336" s="77"/>
      <c r="W336" s="77"/>
      <c r="X336" s="77"/>
      <c r="Y336" s="77"/>
      <c r="Z336" s="77"/>
      <c r="AA336" s="77"/>
      <c r="AB336" s="77"/>
      <c r="AC336" s="77"/>
      <c r="AD336" s="77"/>
      <c r="AE336" s="77"/>
      <c r="AF336" s="77"/>
      <c r="AG336" s="77"/>
      <c r="AH336" s="77"/>
      <c r="AI336" s="77"/>
      <c r="AJ336" s="77"/>
      <c r="AK336" s="77"/>
      <c r="AL336" s="77"/>
      <c r="AM336" s="77"/>
      <c r="AN336" s="77"/>
      <c r="AO336" s="77"/>
      <c r="AP336" s="77"/>
      <c r="AQ336" s="77"/>
      <c r="AR336" s="77"/>
      <c r="AS336" s="77"/>
      <c r="AT336" s="77"/>
      <c r="AU336" s="77"/>
      <c r="AV336" s="77"/>
      <c r="AW336" s="77"/>
      <c r="AX336" s="77"/>
      <c r="AY336" s="77"/>
      <c r="AZ336" s="77"/>
      <c r="BA336" s="77"/>
      <c r="BB336" s="77"/>
      <c r="BC336" s="77"/>
      <c r="BD336" s="77"/>
    </row>
    <row r="337" spans="1:258" s="64" customFormat="1" ht="69.900000000000006" customHeight="1" thickTop="1">
      <c r="A337" s="503" t="s">
        <v>52</v>
      </c>
      <c r="B337" s="577"/>
      <c r="C337" s="577"/>
      <c r="D337" s="577"/>
      <c r="E337" s="577"/>
      <c r="F337" s="577"/>
      <c r="G337" s="577"/>
      <c r="H337" s="577"/>
      <c r="I337" s="577"/>
      <c r="J337" s="577"/>
      <c r="K337" s="577"/>
      <c r="L337" s="505"/>
      <c r="M337" s="577"/>
      <c r="N337" s="577"/>
      <c r="O337" s="577"/>
      <c r="P337" s="578"/>
      <c r="Q337" s="122"/>
      <c r="R337" s="138"/>
      <c r="S337" s="162"/>
    </row>
    <row r="338" spans="1:258" s="64" customFormat="1" ht="69.900000000000006" customHeight="1">
      <c r="A338" s="507" t="s">
        <v>194</v>
      </c>
      <c r="B338" s="508"/>
      <c r="C338" s="508"/>
      <c r="D338" s="508"/>
      <c r="E338" s="508"/>
      <c r="F338" s="508"/>
      <c r="G338" s="508"/>
      <c r="H338" s="508"/>
      <c r="I338" s="508"/>
      <c r="J338" s="508"/>
      <c r="K338" s="508"/>
      <c r="L338" s="508"/>
      <c r="M338" s="508"/>
      <c r="N338" s="508"/>
      <c r="O338" s="508"/>
      <c r="P338" s="509"/>
      <c r="Q338" s="161"/>
      <c r="R338" s="133"/>
      <c r="S338" s="162"/>
      <c r="T338" s="52"/>
      <c r="U338" s="52"/>
      <c r="V338" s="52"/>
      <c r="W338" s="52"/>
      <c r="X338" s="52"/>
      <c r="Y338" s="52"/>
      <c r="Z338" s="52"/>
      <c r="AA338" s="52"/>
      <c r="AB338" s="52"/>
      <c r="AC338" s="52"/>
      <c r="AD338" s="52"/>
      <c r="AE338" s="52"/>
      <c r="AF338" s="52"/>
      <c r="AG338" s="52"/>
      <c r="AH338" s="52"/>
      <c r="AI338" s="52"/>
      <c r="AJ338" s="52"/>
      <c r="AK338" s="52"/>
      <c r="AL338" s="52"/>
      <c r="AM338" s="52"/>
      <c r="AN338" s="52"/>
      <c r="AO338" s="52"/>
      <c r="AP338" s="52"/>
      <c r="AQ338" s="52"/>
      <c r="AR338" s="52"/>
      <c r="AS338" s="52"/>
      <c r="AT338" s="52"/>
      <c r="AU338" s="52"/>
      <c r="AV338" s="52"/>
      <c r="AW338" s="52"/>
      <c r="AX338" s="52"/>
      <c r="AY338" s="52"/>
      <c r="AZ338" s="52"/>
      <c r="BA338" s="52"/>
      <c r="BB338" s="52"/>
      <c r="BC338" s="52"/>
      <c r="BD338" s="52"/>
      <c r="BE338" s="52"/>
      <c r="BF338" s="52"/>
      <c r="BG338" s="52"/>
      <c r="BH338" s="52"/>
      <c r="BI338" s="52"/>
      <c r="BJ338" s="52"/>
      <c r="BK338" s="52"/>
      <c r="BL338" s="52"/>
      <c r="BM338" s="52"/>
      <c r="BN338" s="52"/>
      <c r="BO338" s="52"/>
      <c r="BP338" s="52"/>
      <c r="BQ338" s="52"/>
      <c r="BR338" s="52"/>
      <c r="BS338" s="52"/>
      <c r="BT338" s="52"/>
      <c r="BU338" s="52"/>
      <c r="BV338" s="52"/>
      <c r="BW338" s="52"/>
      <c r="BX338" s="52"/>
      <c r="BY338" s="52"/>
      <c r="BZ338" s="52"/>
      <c r="CA338" s="52"/>
      <c r="CB338" s="52"/>
      <c r="CC338" s="52"/>
      <c r="CD338" s="52"/>
      <c r="CE338" s="52"/>
      <c r="CF338" s="52"/>
      <c r="CG338" s="52"/>
      <c r="CH338" s="52"/>
      <c r="CI338" s="52"/>
      <c r="CJ338" s="52"/>
      <c r="CK338" s="52"/>
      <c r="CL338" s="52"/>
      <c r="CM338" s="52"/>
      <c r="CN338" s="52"/>
      <c r="CO338" s="52"/>
      <c r="CP338" s="52"/>
      <c r="CQ338" s="52"/>
      <c r="CR338" s="52"/>
      <c r="CS338" s="52"/>
      <c r="CT338" s="52"/>
      <c r="CU338" s="52"/>
      <c r="CV338" s="52"/>
      <c r="CW338" s="52"/>
      <c r="CX338" s="52"/>
      <c r="CY338" s="52"/>
      <c r="CZ338" s="52"/>
      <c r="DA338" s="52"/>
      <c r="DB338" s="52"/>
      <c r="DC338" s="52"/>
      <c r="DD338" s="52"/>
      <c r="DE338" s="52"/>
      <c r="DF338" s="52"/>
      <c r="DG338" s="52"/>
      <c r="DH338" s="52"/>
      <c r="DI338" s="52"/>
      <c r="DJ338" s="52"/>
      <c r="DK338" s="52"/>
      <c r="DL338" s="52"/>
      <c r="DM338" s="52"/>
      <c r="DN338" s="52"/>
      <c r="DO338" s="52"/>
      <c r="DP338" s="52"/>
      <c r="DQ338" s="52"/>
      <c r="DR338" s="52"/>
      <c r="DS338" s="52"/>
      <c r="DT338" s="52"/>
      <c r="DU338" s="52"/>
      <c r="DV338" s="52"/>
      <c r="DW338" s="52"/>
      <c r="DX338" s="52"/>
      <c r="DY338" s="52"/>
      <c r="DZ338" s="52"/>
      <c r="EA338" s="52"/>
      <c r="EB338" s="52"/>
      <c r="EC338" s="52"/>
      <c r="ED338" s="52"/>
      <c r="EE338" s="52"/>
      <c r="EF338" s="52"/>
      <c r="EG338" s="52"/>
      <c r="EH338" s="52"/>
      <c r="EI338" s="52"/>
      <c r="EJ338" s="52"/>
      <c r="EK338" s="52"/>
      <c r="EL338" s="52"/>
      <c r="EM338" s="52"/>
      <c r="EN338" s="52"/>
      <c r="EO338" s="52"/>
      <c r="EP338" s="52"/>
      <c r="EQ338" s="52"/>
      <c r="ER338" s="52"/>
      <c r="ES338" s="52"/>
      <c r="ET338" s="52"/>
      <c r="EU338" s="52"/>
      <c r="EV338" s="52"/>
      <c r="EW338" s="52"/>
      <c r="EX338" s="52"/>
      <c r="EY338" s="52"/>
      <c r="EZ338" s="52"/>
      <c r="FA338" s="52"/>
      <c r="FB338" s="52"/>
      <c r="FC338" s="52"/>
      <c r="FD338" s="52"/>
      <c r="FE338" s="52"/>
      <c r="FF338" s="52"/>
      <c r="FG338" s="52"/>
      <c r="FH338" s="52"/>
      <c r="FI338" s="52"/>
      <c r="FJ338" s="52"/>
      <c r="FK338" s="52"/>
      <c r="FL338" s="52"/>
      <c r="FM338" s="52"/>
      <c r="FN338" s="52"/>
      <c r="FO338" s="52"/>
      <c r="FP338" s="52"/>
      <c r="FQ338" s="52"/>
      <c r="FR338" s="52"/>
      <c r="FS338" s="52"/>
      <c r="FT338" s="52"/>
      <c r="FU338" s="52"/>
      <c r="FV338" s="52"/>
      <c r="FW338" s="52"/>
      <c r="FX338" s="52"/>
      <c r="FY338" s="52"/>
      <c r="FZ338" s="52"/>
      <c r="GA338" s="52"/>
      <c r="GB338" s="52"/>
      <c r="GC338" s="52"/>
      <c r="GD338" s="52"/>
      <c r="GE338" s="52"/>
      <c r="GF338" s="52"/>
      <c r="GG338" s="52"/>
      <c r="GH338" s="52"/>
      <c r="GI338" s="52"/>
      <c r="GJ338" s="52"/>
      <c r="GK338" s="52"/>
      <c r="GL338" s="52"/>
      <c r="GM338" s="52"/>
      <c r="GN338" s="52"/>
      <c r="GO338" s="52"/>
      <c r="GP338" s="52"/>
      <c r="GQ338" s="52"/>
      <c r="GR338" s="52"/>
      <c r="GS338" s="52"/>
      <c r="GT338" s="52"/>
      <c r="GU338" s="52"/>
      <c r="GV338" s="52"/>
      <c r="GW338" s="52"/>
      <c r="GX338" s="52"/>
      <c r="GY338" s="52"/>
      <c r="GZ338" s="52"/>
      <c r="HA338" s="52"/>
      <c r="HB338" s="52"/>
      <c r="HC338" s="52"/>
      <c r="HD338" s="52"/>
      <c r="HE338" s="52"/>
      <c r="HF338" s="52"/>
      <c r="HG338" s="52"/>
      <c r="HH338" s="52"/>
      <c r="HI338" s="52"/>
      <c r="HJ338" s="52"/>
      <c r="HK338" s="52"/>
      <c r="HL338" s="52"/>
      <c r="HM338" s="52"/>
      <c r="HN338" s="52"/>
      <c r="HO338" s="52"/>
      <c r="HP338" s="52"/>
      <c r="HQ338" s="52"/>
      <c r="HR338" s="52"/>
      <c r="HS338" s="52"/>
      <c r="HT338" s="52"/>
      <c r="HU338" s="52"/>
      <c r="HV338" s="52"/>
      <c r="HW338" s="52"/>
      <c r="HX338" s="52"/>
      <c r="HY338" s="52"/>
      <c r="HZ338" s="52"/>
      <c r="IA338" s="52"/>
      <c r="IB338" s="52"/>
      <c r="IC338" s="52"/>
      <c r="ID338" s="52"/>
      <c r="IE338" s="52"/>
      <c r="IF338" s="52"/>
      <c r="IG338" s="52"/>
      <c r="IH338" s="52"/>
      <c r="II338" s="52"/>
      <c r="IJ338" s="52"/>
      <c r="IK338" s="52"/>
      <c r="IL338" s="52"/>
      <c r="IM338" s="52"/>
      <c r="IN338" s="52"/>
      <c r="IO338" s="52"/>
      <c r="IP338" s="52"/>
      <c r="IQ338" s="52"/>
      <c r="IR338" s="52"/>
      <c r="IS338" s="52"/>
      <c r="IT338" s="52"/>
      <c r="IU338" s="52"/>
      <c r="IV338" s="52"/>
      <c r="IW338" s="52"/>
      <c r="IX338" s="52"/>
    </row>
    <row r="339" spans="1:258" s="67" customFormat="1" ht="69.599999999999994" customHeight="1">
      <c r="A339" s="764" t="s">
        <v>195</v>
      </c>
      <c r="B339" s="765"/>
      <c r="C339" s="765"/>
      <c r="D339" s="765"/>
      <c r="E339" s="765"/>
      <c r="F339" s="765"/>
      <c r="G339" s="765"/>
      <c r="H339" s="765"/>
      <c r="I339" s="765"/>
      <c r="J339" s="765"/>
      <c r="K339" s="765"/>
      <c r="L339" s="765"/>
      <c r="M339" s="765"/>
      <c r="N339" s="765"/>
      <c r="O339" s="765"/>
      <c r="P339" s="766"/>
      <c r="Q339" s="122"/>
      <c r="R339" s="138"/>
      <c r="S339" s="123"/>
      <c r="T339" s="104"/>
      <c r="U339" s="124"/>
      <c r="V339" s="124"/>
      <c r="W339" s="124"/>
      <c r="X339" s="124"/>
      <c r="Y339" s="124"/>
      <c r="Z339" s="124"/>
      <c r="AA339" s="124"/>
      <c r="AB339" s="124"/>
      <c r="AC339" s="124"/>
      <c r="AD339" s="124"/>
      <c r="AE339" s="124"/>
      <c r="AF339" s="124"/>
      <c r="AG339" s="124"/>
      <c r="AH339" s="124"/>
      <c r="AI339" s="124"/>
      <c r="AJ339" s="124"/>
      <c r="AK339" s="124"/>
      <c r="AL339" s="124"/>
      <c r="AM339" s="124"/>
      <c r="AN339" s="124"/>
      <c r="AO339" s="124"/>
      <c r="AP339" s="124"/>
      <c r="AQ339" s="124"/>
      <c r="AR339" s="124"/>
      <c r="AS339" s="124"/>
      <c r="AT339" s="124"/>
      <c r="AU339" s="124"/>
      <c r="AV339" s="124"/>
      <c r="AW339" s="124"/>
      <c r="AX339" s="124"/>
      <c r="AY339" s="124"/>
      <c r="AZ339" s="124"/>
      <c r="BA339" s="124"/>
      <c r="BB339" s="124"/>
      <c r="BC339" s="124"/>
      <c r="BD339" s="124"/>
    </row>
    <row r="340" spans="1:258" s="67" customFormat="1" ht="69.599999999999994" customHeight="1">
      <c r="A340" s="556" t="s">
        <v>85</v>
      </c>
      <c r="B340" s="557"/>
      <c r="C340" s="557"/>
      <c r="D340" s="557"/>
      <c r="E340" s="557"/>
      <c r="F340" s="557"/>
      <c r="G340" s="557"/>
      <c r="H340" s="557"/>
      <c r="I340" s="557"/>
      <c r="J340" s="557"/>
      <c r="K340" s="557"/>
      <c r="L340" s="557"/>
      <c r="M340" s="557"/>
      <c r="N340" s="557"/>
      <c r="O340" s="557"/>
      <c r="P340" s="558"/>
      <c r="Q340" s="139"/>
      <c r="R340" s="138"/>
      <c r="S340" s="78"/>
      <c r="T340" s="76"/>
      <c r="U340" s="77"/>
      <c r="V340" s="77"/>
      <c r="W340" s="77"/>
      <c r="X340" s="77"/>
      <c r="Y340" s="77"/>
      <c r="Z340" s="77"/>
      <c r="AA340" s="77"/>
      <c r="AB340" s="77"/>
      <c r="AC340" s="77"/>
      <c r="AD340" s="77"/>
      <c r="AE340" s="77"/>
      <c r="AF340" s="77"/>
      <c r="AG340" s="77"/>
      <c r="AH340" s="77"/>
      <c r="AI340" s="77"/>
      <c r="AJ340" s="77"/>
      <c r="AK340" s="77"/>
      <c r="AL340" s="77"/>
      <c r="AM340" s="77"/>
      <c r="AN340" s="77"/>
      <c r="AO340" s="77"/>
      <c r="AP340" s="77"/>
      <c r="AQ340" s="77"/>
      <c r="AR340" s="77"/>
      <c r="AS340" s="77"/>
      <c r="AT340" s="77"/>
      <c r="AU340" s="77"/>
      <c r="AV340" s="77"/>
      <c r="AW340" s="77"/>
      <c r="AX340" s="77"/>
      <c r="AY340" s="77"/>
      <c r="AZ340" s="77"/>
      <c r="BA340" s="77"/>
      <c r="BB340" s="77"/>
      <c r="BC340" s="77"/>
      <c r="BD340" s="77"/>
    </row>
    <row r="341" spans="1:258" s="52" customFormat="1" ht="69.599999999999994" customHeight="1">
      <c r="A341" s="600" t="s">
        <v>196</v>
      </c>
      <c r="B341" s="601"/>
      <c r="C341" s="601"/>
      <c r="D341" s="601"/>
      <c r="E341" s="601"/>
      <c r="F341" s="601"/>
      <c r="G341" s="601"/>
      <c r="H341" s="601"/>
      <c r="I341" s="601"/>
      <c r="J341" s="601"/>
      <c r="K341" s="601"/>
      <c r="L341" s="601"/>
      <c r="M341" s="601"/>
      <c r="N341" s="601"/>
      <c r="O341" s="601"/>
      <c r="P341" s="602"/>
      <c r="Q341" s="161"/>
      <c r="R341" s="133"/>
      <c r="S341" s="162"/>
    </row>
    <row r="342" spans="1:258" s="67" customFormat="1" ht="69.599999999999994" customHeight="1">
      <c r="A342" s="764" t="s">
        <v>197</v>
      </c>
      <c r="B342" s="765"/>
      <c r="C342" s="765"/>
      <c r="D342" s="765"/>
      <c r="E342" s="765"/>
      <c r="F342" s="765"/>
      <c r="G342" s="765"/>
      <c r="H342" s="765"/>
      <c r="I342" s="765"/>
      <c r="J342" s="765"/>
      <c r="K342" s="765"/>
      <c r="L342" s="765"/>
      <c r="M342" s="765"/>
      <c r="N342" s="765"/>
      <c r="O342" s="765"/>
      <c r="P342" s="766"/>
      <c r="Q342" s="122"/>
      <c r="R342" s="138"/>
      <c r="S342" s="123"/>
      <c r="T342" s="104"/>
      <c r="U342" s="124"/>
      <c r="V342" s="124"/>
      <c r="W342" s="124"/>
      <c r="X342" s="124"/>
      <c r="Y342" s="124"/>
      <c r="Z342" s="124"/>
      <c r="AA342" s="124"/>
      <c r="AB342" s="124"/>
      <c r="AC342" s="124"/>
      <c r="AD342" s="124"/>
      <c r="AE342" s="124"/>
      <c r="AF342" s="124"/>
      <c r="AG342" s="124"/>
      <c r="AH342" s="124"/>
      <c r="AI342" s="124"/>
      <c r="AJ342" s="124"/>
      <c r="AK342" s="124"/>
      <c r="AL342" s="124"/>
      <c r="AM342" s="124"/>
      <c r="AN342" s="124"/>
      <c r="AO342" s="124"/>
      <c r="AP342" s="124"/>
      <c r="AQ342" s="124"/>
      <c r="AR342" s="124"/>
      <c r="AS342" s="124"/>
      <c r="AT342" s="124"/>
      <c r="AU342" s="124"/>
      <c r="AV342" s="124"/>
      <c r="AW342" s="124"/>
      <c r="AX342" s="124"/>
      <c r="AY342" s="124"/>
      <c r="AZ342" s="124"/>
      <c r="BA342" s="124"/>
      <c r="BB342" s="124"/>
      <c r="BC342" s="124"/>
      <c r="BD342" s="124"/>
    </row>
    <row r="343" spans="1:258" s="67" customFormat="1" ht="69.599999999999994" customHeight="1">
      <c r="A343" s="556" t="s">
        <v>85</v>
      </c>
      <c r="B343" s="557"/>
      <c r="C343" s="557"/>
      <c r="D343" s="557"/>
      <c r="E343" s="557"/>
      <c r="F343" s="557"/>
      <c r="G343" s="557"/>
      <c r="H343" s="557"/>
      <c r="I343" s="557"/>
      <c r="J343" s="557"/>
      <c r="K343" s="557"/>
      <c r="L343" s="557"/>
      <c r="M343" s="557"/>
      <c r="N343" s="557"/>
      <c r="O343" s="557"/>
      <c r="P343" s="558"/>
      <c r="Q343" s="139"/>
      <c r="R343" s="138"/>
      <c r="S343" s="78"/>
      <c r="T343" s="76"/>
      <c r="U343" s="77"/>
      <c r="V343" s="77"/>
      <c r="W343" s="77"/>
      <c r="X343" s="77"/>
      <c r="Y343" s="77"/>
      <c r="Z343" s="77"/>
      <c r="AA343" s="77"/>
      <c r="AB343" s="77"/>
      <c r="AC343" s="77"/>
      <c r="AD343" s="77"/>
      <c r="AE343" s="77"/>
      <c r="AF343" s="77"/>
      <c r="AG343" s="77"/>
      <c r="AH343" s="77"/>
      <c r="AI343" s="77"/>
      <c r="AJ343" s="77"/>
      <c r="AK343" s="77"/>
      <c r="AL343" s="77"/>
      <c r="AM343" s="77"/>
      <c r="AN343" s="77"/>
      <c r="AO343" s="77"/>
      <c r="AP343" s="77"/>
      <c r="AQ343" s="77"/>
      <c r="AR343" s="77"/>
      <c r="AS343" s="77"/>
      <c r="AT343" s="77"/>
      <c r="AU343" s="77"/>
      <c r="AV343" s="77"/>
      <c r="AW343" s="77"/>
      <c r="AX343" s="77"/>
      <c r="AY343" s="77"/>
      <c r="AZ343" s="77"/>
      <c r="BA343" s="77"/>
      <c r="BB343" s="77"/>
      <c r="BC343" s="77"/>
      <c r="BD343" s="77"/>
    </row>
    <row r="344" spans="1:258" s="64" customFormat="1" ht="69.900000000000006" customHeight="1">
      <c r="A344" s="468" t="s">
        <v>25</v>
      </c>
      <c r="B344" s="574"/>
      <c r="C344" s="574"/>
      <c r="D344" s="574"/>
      <c r="E344" s="574"/>
      <c r="F344" s="574"/>
      <c r="G344" s="574"/>
      <c r="H344" s="574"/>
      <c r="I344" s="574"/>
      <c r="J344" s="574"/>
      <c r="K344" s="574"/>
      <c r="L344" s="454"/>
      <c r="M344" s="574"/>
      <c r="N344" s="574"/>
      <c r="O344" s="574"/>
      <c r="P344" s="575"/>
      <c r="Q344" s="122"/>
      <c r="R344" s="138"/>
      <c r="S344" s="162"/>
    </row>
    <row r="345" spans="1:258" s="67" customFormat="1" ht="75" customHeight="1">
      <c r="A345" s="456"/>
      <c r="B345" s="457"/>
      <c r="C345" s="457"/>
      <c r="D345" s="457"/>
      <c r="E345" s="457"/>
      <c r="F345" s="457"/>
      <c r="G345" s="457"/>
      <c r="H345" s="457"/>
      <c r="I345" s="457"/>
      <c r="J345" s="457"/>
      <c r="K345" s="457"/>
      <c r="L345" s="458"/>
      <c r="M345" s="457"/>
      <c r="N345" s="457"/>
      <c r="O345" s="457"/>
      <c r="P345" s="459"/>
      <c r="Q345" s="139"/>
      <c r="R345" s="138"/>
      <c r="S345" s="141"/>
      <c r="T345" s="64"/>
    </row>
    <row r="346" spans="1:258" s="67" customFormat="1" ht="75" customHeight="1" thickBot="1">
      <c r="A346" s="471"/>
      <c r="B346" s="472"/>
      <c r="C346" s="472"/>
      <c r="D346" s="472"/>
      <c r="E346" s="472"/>
      <c r="F346" s="472"/>
      <c r="G346" s="472"/>
      <c r="H346" s="472"/>
      <c r="I346" s="472"/>
      <c r="J346" s="472"/>
      <c r="K346" s="472"/>
      <c r="L346" s="473"/>
      <c r="M346" s="472"/>
      <c r="N346" s="472"/>
      <c r="O346" s="472"/>
      <c r="P346" s="474"/>
      <c r="Q346" s="139"/>
      <c r="R346" s="138"/>
      <c r="S346" s="141"/>
      <c r="T346" s="64"/>
    </row>
    <row r="347" spans="1:258" s="64" customFormat="1" ht="69.900000000000006" customHeight="1" thickBot="1">
      <c r="A347" s="568" t="s">
        <v>490</v>
      </c>
      <c r="B347" s="445"/>
      <c r="C347" s="445"/>
      <c r="D347" s="445"/>
      <c r="E347" s="445"/>
      <c r="F347" s="445"/>
      <c r="G347" s="445"/>
      <c r="H347" s="445"/>
      <c r="I347" s="445"/>
      <c r="J347" s="445"/>
      <c r="K347" s="445"/>
      <c r="L347" s="445"/>
      <c r="M347" s="445"/>
      <c r="N347" s="445"/>
      <c r="O347" s="445"/>
      <c r="P347" s="569"/>
      <c r="Q347" s="139"/>
      <c r="R347" s="138"/>
      <c r="S347" s="211" t="s">
        <v>491</v>
      </c>
      <c r="T347" s="76"/>
      <c r="U347" s="76"/>
      <c r="V347" s="76"/>
      <c r="W347" s="76"/>
      <c r="X347" s="77"/>
      <c r="Y347" s="77"/>
      <c r="Z347" s="77"/>
      <c r="AA347" s="77"/>
      <c r="AB347" s="77"/>
      <c r="AC347" s="77"/>
      <c r="AD347" s="77"/>
      <c r="AE347" s="77"/>
      <c r="AF347" s="77"/>
      <c r="AG347" s="77"/>
      <c r="AH347" s="77"/>
      <c r="AI347" s="77"/>
      <c r="AJ347" s="77"/>
      <c r="AK347" s="77"/>
      <c r="AL347" s="77"/>
      <c r="AM347" s="77"/>
      <c r="AN347" s="76"/>
      <c r="AO347" s="76"/>
      <c r="AP347" s="76"/>
      <c r="AQ347" s="76"/>
      <c r="AR347" s="76"/>
      <c r="AS347" s="76"/>
      <c r="AT347" s="76"/>
      <c r="AU347" s="76"/>
      <c r="AV347" s="76"/>
      <c r="AW347" s="76"/>
      <c r="AX347" s="76"/>
      <c r="AY347" s="76"/>
      <c r="AZ347" s="76"/>
      <c r="BA347" s="76"/>
      <c r="BB347" s="76"/>
      <c r="BC347" s="76"/>
      <c r="BD347" s="76"/>
    </row>
    <row r="348" spans="1:258" s="67" customFormat="1" ht="271.2" customHeight="1" thickTop="1" thickBot="1">
      <c r="A348" s="761" t="s">
        <v>492</v>
      </c>
      <c r="B348" s="762"/>
      <c r="C348" s="762"/>
      <c r="D348" s="762"/>
      <c r="E348" s="762"/>
      <c r="F348" s="762"/>
      <c r="G348" s="762"/>
      <c r="H348" s="762"/>
      <c r="I348" s="762"/>
      <c r="J348" s="762"/>
      <c r="K348" s="762"/>
      <c r="L348" s="762"/>
      <c r="M348" s="762"/>
      <c r="N348" s="763"/>
      <c r="O348" s="68" t="s">
        <v>20</v>
      </c>
      <c r="P348" s="69" t="s">
        <v>21</v>
      </c>
      <c r="Q348" s="139"/>
      <c r="R348" s="138"/>
      <c r="S348" s="137"/>
      <c r="T348" s="99"/>
      <c r="U348" s="77"/>
      <c r="V348" s="77"/>
      <c r="W348" s="77"/>
      <c r="X348" s="76"/>
      <c r="Y348" s="76"/>
      <c r="Z348" s="76"/>
      <c r="AA348" s="76"/>
      <c r="AB348" s="76"/>
      <c r="AC348" s="76"/>
      <c r="AD348" s="76"/>
      <c r="AE348" s="76"/>
      <c r="AF348" s="76"/>
      <c r="AG348" s="76"/>
      <c r="AH348" s="76"/>
      <c r="AI348" s="76"/>
      <c r="AJ348" s="76"/>
      <c r="AK348" s="76"/>
      <c r="AL348" s="76"/>
      <c r="AM348" s="76"/>
      <c r="AN348" s="77"/>
      <c r="AO348" s="77"/>
      <c r="AP348" s="77"/>
      <c r="AQ348" s="77"/>
      <c r="AR348" s="77"/>
      <c r="AS348" s="77"/>
      <c r="AT348" s="77"/>
      <c r="AU348" s="77"/>
      <c r="AV348" s="77"/>
      <c r="AW348" s="77"/>
      <c r="AX348" s="77"/>
      <c r="AY348" s="77"/>
      <c r="AZ348" s="77"/>
      <c r="BA348" s="77"/>
      <c r="BB348" s="77"/>
      <c r="BC348" s="77"/>
      <c r="BD348" s="77"/>
    </row>
    <row r="349" spans="1:258" s="67" customFormat="1" ht="132" customHeight="1" thickTop="1" thickBot="1">
      <c r="A349" s="466" t="s">
        <v>493</v>
      </c>
      <c r="B349" s="537"/>
      <c r="C349" s="537"/>
      <c r="D349" s="537"/>
      <c r="E349" s="537"/>
      <c r="F349" s="537"/>
      <c r="G349" s="537"/>
      <c r="H349" s="537"/>
      <c r="I349" s="537"/>
      <c r="J349" s="537"/>
      <c r="K349" s="537"/>
      <c r="L349" s="295"/>
      <c r="M349" s="537"/>
      <c r="N349" s="703"/>
      <c r="O349" s="68" t="s">
        <v>20</v>
      </c>
      <c r="P349" s="69" t="s">
        <v>21</v>
      </c>
      <c r="Q349" s="139"/>
      <c r="R349" s="138"/>
      <c r="S349" s="137"/>
      <c r="T349" s="76"/>
      <c r="U349" s="77"/>
      <c r="V349" s="77"/>
      <c r="W349" s="77"/>
      <c r="X349" s="77"/>
      <c r="Y349" s="77"/>
      <c r="Z349" s="77"/>
      <c r="AA349" s="77"/>
      <c r="AB349" s="77"/>
      <c r="AC349" s="77"/>
      <c r="AD349" s="77"/>
      <c r="AE349" s="77"/>
      <c r="AF349" s="77"/>
      <c r="AG349" s="77"/>
      <c r="AH349" s="77"/>
      <c r="AI349" s="77"/>
      <c r="AJ349" s="77"/>
      <c r="AK349" s="77"/>
      <c r="AL349" s="77"/>
      <c r="AM349" s="77"/>
      <c r="AN349" s="77"/>
      <c r="AO349" s="77"/>
      <c r="AP349" s="77"/>
      <c r="AQ349" s="77"/>
      <c r="AR349" s="77"/>
      <c r="AS349" s="77"/>
      <c r="AT349" s="77"/>
      <c r="AU349" s="77"/>
      <c r="AV349" s="77"/>
      <c r="AW349" s="77"/>
      <c r="AX349" s="77"/>
      <c r="AY349" s="77"/>
      <c r="AZ349" s="77"/>
      <c r="BA349" s="77"/>
      <c r="BB349" s="77"/>
      <c r="BC349" s="77"/>
      <c r="BD349" s="77"/>
    </row>
    <row r="350" spans="1:258" s="67" customFormat="1" ht="132" customHeight="1" thickTop="1" thickBot="1">
      <c r="A350" s="467" t="s">
        <v>387</v>
      </c>
      <c r="B350" s="610"/>
      <c r="C350" s="610"/>
      <c r="D350" s="610"/>
      <c r="E350" s="610"/>
      <c r="F350" s="610"/>
      <c r="G350" s="610"/>
      <c r="H350" s="610"/>
      <c r="I350" s="610"/>
      <c r="J350" s="610"/>
      <c r="K350" s="610"/>
      <c r="L350" s="349"/>
      <c r="M350" s="610"/>
      <c r="N350" s="661"/>
      <c r="O350" s="75" t="s">
        <v>20</v>
      </c>
      <c r="P350" s="136" t="s">
        <v>21</v>
      </c>
      <c r="Q350" s="139"/>
      <c r="R350" s="138"/>
      <c r="S350" s="137"/>
      <c r="T350" s="76"/>
      <c r="U350" s="77"/>
      <c r="V350" s="77"/>
      <c r="W350" s="77"/>
      <c r="X350" s="77"/>
      <c r="Y350" s="77"/>
      <c r="Z350" s="77"/>
      <c r="AA350" s="77"/>
      <c r="AB350" s="77"/>
      <c r="AC350" s="77"/>
      <c r="AD350" s="77"/>
      <c r="AE350" s="77"/>
      <c r="AF350" s="77"/>
      <c r="AG350" s="77"/>
      <c r="AH350" s="77"/>
      <c r="AI350" s="77"/>
      <c r="AJ350" s="77"/>
      <c r="AK350" s="77"/>
      <c r="AL350" s="77"/>
      <c r="AM350" s="77"/>
      <c r="AN350" s="77"/>
      <c r="AO350" s="77"/>
      <c r="AP350" s="77"/>
      <c r="AQ350" s="77"/>
      <c r="AR350" s="77"/>
      <c r="AS350" s="77"/>
      <c r="AT350" s="77"/>
      <c r="AU350" s="77"/>
      <c r="AV350" s="77"/>
      <c r="AW350" s="77"/>
      <c r="AX350" s="77"/>
      <c r="AY350" s="77"/>
      <c r="AZ350" s="77"/>
      <c r="BA350" s="77"/>
      <c r="BB350" s="77"/>
      <c r="BC350" s="77"/>
      <c r="BD350" s="77"/>
    </row>
    <row r="351" spans="1:258" s="64" customFormat="1" ht="69.900000000000006" customHeight="1" thickTop="1">
      <c r="A351" s="468" t="s">
        <v>25</v>
      </c>
      <c r="B351" s="574"/>
      <c r="C351" s="574"/>
      <c r="D351" s="574"/>
      <c r="E351" s="574"/>
      <c r="F351" s="574"/>
      <c r="G351" s="574"/>
      <c r="H351" s="574"/>
      <c r="I351" s="574"/>
      <c r="J351" s="574"/>
      <c r="K351" s="574"/>
      <c r="L351" s="454"/>
      <c r="M351" s="574"/>
      <c r="N351" s="574"/>
      <c r="O351" s="574"/>
      <c r="P351" s="575"/>
      <c r="Q351" s="122"/>
      <c r="R351" s="138"/>
      <c r="S351" s="162"/>
    </row>
    <row r="352" spans="1:258" s="67" customFormat="1" ht="75" customHeight="1">
      <c r="A352" s="456"/>
      <c r="B352" s="457"/>
      <c r="C352" s="457"/>
      <c r="D352" s="457"/>
      <c r="E352" s="457"/>
      <c r="F352" s="457"/>
      <c r="G352" s="457"/>
      <c r="H352" s="457"/>
      <c r="I352" s="457"/>
      <c r="J352" s="457"/>
      <c r="K352" s="457"/>
      <c r="L352" s="458"/>
      <c r="M352" s="457"/>
      <c r="N352" s="457"/>
      <c r="O352" s="457"/>
      <c r="P352" s="459"/>
      <c r="Q352" s="139"/>
      <c r="R352" s="138"/>
      <c r="S352" s="141"/>
      <c r="T352" s="64"/>
    </row>
    <row r="353" spans="1:56" s="67" customFormat="1" ht="75" customHeight="1" thickBot="1">
      <c r="A353" s="471"/>
      <c r="B353" s="472"/>
      <c r="C353" s="472"/>
      <c r="D353" s="472"/>
      <c r="E353" s="472"/>
      <c r="F353" s="472"/>
      <c r="G353" s="472"/>
      <c r="H353" s="472"/>
      <c r="I353" s="472"/>
      <c r="J353" s="472"/>
      <c r="K353" s="472"/>
      <c r="L353" s="473"/>
      <c r="M353" s="472"/>
      <c r="N353" s="472"/>
      <c r="O353" s="472"/>
      <c r="P353" s="474"/>
      <c r="Q353" s="139"/>
      <c r="R353" s="138"/>
      <c r="S353" s="141"/>
      <c r="T353" s="64"/>
    </row>
    <row r="354" spans="1:56" s="64" customFormat="1" ht="69.75" customHeight="1" thickBot="1">
      <c r="A354" s="443" t="s">
        <v>494</v>
      </c>
      <c r="B354" s="475"/>
      <c r="C354" s="475"/>
      <c r="D354" s="475"/>
      <c r="E354" s="475"/>
      <c r="F354" s="475"/>
      <c r="G354" s="475"/>
      <c r="H354" s="475"/>
      <c r="I354" s="475"/>
      <c r="J354" s="475"/>
      <c r="K354" s="475"/>
      <c r="L354" s="445"/>
      <c r="M354" s="475"/>
      <c r="N354" s="475"/>
      <c r="O354" s="475"/>
      <c r="P354" s="476"/>
      <c r="Q354" s="139"/>
      <c r="R354" s="138"/>
      <c r="S354" s="78"/>
      <c r="T354" s="76"/>
      <c r="U354" s="76"/>
      <c r="V354" s="76"/>
      <c r="W354" s="76"/>
      <c r="X354" s="77"/>
      <c r="Y354" s="77"/>
      <c r="Z354" s="77"/>
      <c r="AA354" s="77"/>
      <c r="AB354" s="77"/>
      <c r="AC354" s="77"/>
      <c r="AD354" s="77"/>
      <c r="AE354" s="77"/>
      <c r="AF354" s="77"/>
      <c r="AG354" s="77"/>
      <c r="AH354" s="77"/>
      <c r="AI354" s="77"/>
      <c r="AJ354" s="77"/>
      <c r="AK354" s="77"/>
      <c r="AL354" s="77"/>
      <c r="AM354" s="77"/>
      <c r="AN354" s="76"/>
      <c r="AO354" s="76"/>
      <c r="AP354" s="76"/>
      <c r="AQ354" s="76"/>
      <c r="AR354" s="76"/>
      <c r="AS354" s="76"/>
      <c r="AT354" s="76"/>
      <c r="AU354" s="76"/>
      <c r="AV354" s="76"/>
      <c r="AW354" s="76"/>
      <c r="AX354" s="76"/>
      <c r="AY354" s="76"/>
      <c r="AZ354" s="76"/>
      <c r="BA354" s="76"/>
      <c r="BB354" s="76"/>
      <c r="BC354" s="76"/>
      <c r="BD354" s="76"/>
    </row>
    <row r="355" spans="1:56" s="64" customFormat="1" ht="141.75" customHeight="1" thickBot="1">
      <c r="A355" s="700" t="s">
        <v>204</v>
      </c>
      <c r="B355" s="701"/>
      <c r="C355" s="701"/>
      <c r="D355" s="701"/>
      <c r="E355" s="701"/>
      <c r="F355" s="701"/>
      <c r="G355" s="701"/>
      <c r="H355" s="701"/>
      <c r="I355" s="701"/>
      <c r="J355" s="701"/>
      <c r="K355" s="701"/>
      <c r="L355" s="701"/>
      <c r="M355" s="701"/>
      <c r="N355" s="701"/>
      <c r="O355" s="701"/>
      <c r="P355" s="702"/>
      <c r="Q355" s="139"/>
      <c r="R355" s="138"/>
      <c r="S355" s="78"/>
      <c r="T355" s="76"/>
      <c r="U355" s="76"/>
      <c r="V355" s="76"/>
      <c r="W355" s="76"/>
      <c r="X355" s="76"/>
      <c r="Y355" s="76"/>
      <c r="Z355" s="76"/>
      <c r="AA355" s="76"/>
      <c r="AB355" s="76"/>
      <c r="AC355" s="76"/>
      <c r="AD355" s="76"/>
      <c r="AE355" s="76"/>
      <c r="AF355" s="76"/>
      <c r="AG355" s="76"/>
      <c r="AH355" s="76"/>
      <c r="AI355" s="76"/>
      <c r="AJ355" s="76"/>
      <c r="AK355" s="76"/>
      <c r="AL355" s="76"/>
      <c r="AM355" s="76"/>
      <c r="AN355" s="76"/>
      <c r="AO355" s="76"/>
      <c r="AP355" s="76"/>
      <c r="AQ355" s="76"/>
      <c r="AR355" s="76"/>
      <c r="AS355" s="76"/>
      <c r="AT355" s="76"/>
      <c r="AU355" s="76"/>
      <c r="AV355" s="76"/>
      <c r="AW355" s="76"/>
      <c r="AX355" s="76"/>
      <c r="AY355" s="76"/>
      <c r="AZ355" s="76"/>
      <c r="BA355" s="76"/>
      <c r="BB355" s="76"/>
      <c r="BC355" s="76"/>
      <c r="BD355" s="76"/>
    </row>
    <row r="356" spans="1:56" s="67" customFormat="1" ht="199.95" customHeight="1" thickTop="1" thickBot="1">
      <c r="A356" s="485" t="s">
        <v>495</v>
      </c>
      <c r="B356" s="598"/>
      <c r="C356" s="598"/>
      <c r="D356" s="598"/>
      <c r="E356" s="598"/>
      <c r="F356" s="598"/>
      <c r="G356" s="598"/>
      <c r="H356" s="598"/>
      <c r="I356" s="598"/>
      <c r="J356" s="598"/>
      <c r="K356" s="598"/>
      <c r="L356" s="352"/>
      <c r="M356" s="598"/>
      <c r="N356" s="638"/>
      <c r="O356" s="68" t="s">
        <v>20</v>
      </c>
      <c r="P356" s="69" t="s">
        <v>21</v>
      </c>
      <c r="Q356" s="139"/>
      <c r="R356" s="138"/>
      <c r="S356" s="137"/>
      <c r="T356" s="76"/>
      <c r="U356" s="77"/>
      <c r="V356" s="77"/>
      <c r="W356" s="77"/>
      <c r="X356" s="77"/>
      <c r="Y356" s="77"/>
      <c r="Z356" s="77"/>
      <c r="AA356" s="77"/>
      <c r="AB356" s="77"/>
      <c r="AC356" s="77"/>
      <c r="AD356" s="77"/>
      <c r="AE356" s="77"/>
      <c r="AF356" s="77"/>
      <c r="AG356" s="77"/>
      <c r="AH356" s="77"/>
      <c r="AI356" s="77"/>
      <c r="AJ356" s="77"/>
      <c r="AK356" s="77"/>
      <c r="AL356" s="77"/>
      <c r="AM356" s="77"/>
      <c r="AN356" s="77"/>
      <c r="AO356" s="77"/>
      <c r="AP356" s="77"/>
      <c r="AQ356" s="77"/>
      <c r="AR356" s="77"/>
      <c r="AS356" s="77"/>
      <c r="AT356" s="77"/>
      <c r="AU356" s="77"/>
      <c r="AV356" s="77"/>
      <c r="AW356" s="77"/>
      <c r="AX356" s="77"/>
      <c r="AY356" s="77"/>
      <c r="AZ356" s="77"/>
      <c r="BA356" s="77"/>
      <c r="BB356" s="77"/>
      <c r="BC356" s="77"/>
      <c r="BD356" s="77"/>
    </row>
    <row r="357" spans="1:56" s="67" customFormat="1" ht="201" customHeight="1" thickTop="1" thickBot="1">
      <c r="A357" s="466" t="s">
        <v>496</v>
      </c>
      <c r="B357" s="537"/>
      <c r="C357" s="537"/>
      <c r="D357" s="537"/>
      <c r="E357" s="537"/>
      <c r="F357" s="537"/>
      <c r="G357" s="537"/>
      <c r="H357" s="537"/>
      <c r="I357" s="537"/>
      <c r="J357" s="537"/>
      <c r="K357" s="537"/>
      <c r="L357" s="295"/>
      <c r="M357" s="537"/>
      <c r="N357" s="703"/>
      <c r="O357" s="68" t="s">
        <v>20</v>
      </c>
      <c r="P357" s="69" t="s">
        <v>21</v>
      </c>
      <c r="Q357" s="139"/>
      <c r="R357" s="138"/>
      <c r="S357" s="137"/>
      <c r="T357" s="99"/>
      <c r="U357" s="77"/>
      <c r="V357" s="77"/>
      <c r="W357" s="77"/>
      <c r="X357" s="76"/>
      <c r="Y357" s="76"/>
      <c r="Z357" s="76"/>
      <c r="AA357" s="76"/>
      <c r="AB357" s="76"/>
      <c r="AC357" s="76"/>
      <c r="AD357" s="76"/>
      <c r="AE357" s="76"/>
      <c r="AF357" s="76"/>
      <c r="AG357" s="76"/>
      <c r="AH357" s="76"/>
      <c r="AI357" s="76"/>
      <c r="AJ357" s="76"/>
      <c r="AK357" s="76"/>
      <c r="AL357" s="76"/>
      <c r="AM357" s="76"/>
      <c r="AN357" s="77"/>
      <c r="AO357" s="77"/>
      <c r="AP357" s="77"/>
      <c r="AQ357" s="77"/>
      <c r="AR357" s="77"/>
      <c r="AS357" s="77"/>
      <c r="AT357" s="77"/>
      <c r="AU357" s="77"/>
      <c r="AV357" s="77"/>
      <c r="AW357" s="77"/>
      <c r="AX357" s="77"/>
      <c r="AY357" s="77"/>
      <c r="AZ357" s="77"/>
      <c r="BA357" s="77"/>
      <c r="BB357" s="77"/>
      <c r="BC357" s="77"/>
      <c r="BD357" s="77"/>
    </row>
    <row r="358" spans="1:56" s="67" customFormat="1" ht="132" customHeight="1" thickTop="1" thickBot="1">
      <c r="A358" s="466" t="s">
        <v>497</v>
      </c>
      <c r="B358" s="537"/>
      <c r="C358" s="537"/>
      <c r="D358" s="537"/>
      <c r="E358" s="537"/>
      <c r="F358" s="537"/>
      <c r="G358" s="537"/>
      <c r="H358" s="537"/>
      <c r="I358" s="537"/>
      <c r="J358" s="537"/>
      <c r="K358" s="537"/>
      <c r="L358" s="295"/>
      <c r="M358" s="537"/>
      <c r="N358" s="703"/>
      <c r="O358" s="68" t="s">
        <v>20</v>
      </c>
      <c r="P358" s="69" t="s">
        <v>21</v>
      </c>
      <c r="Q358" s="139"/>
      <c r="R358" s="138"/>
      <c r="S358" s="137"/>
      <c r="T358" s="76"/>
      <c r="U358" s="77"/>
      <c r="V358" s="77"/>
      <c r="W358" s="77"/>
      <c r="X358" s="76"/>
      <c r="Y358" s="76"/>
      <c r="Z358" s="76"/>
      <c r="AA358" s="76"/>
      <c r="AB358" s="76"/>
      <c r="AC358" s="76"/>
      <c r="AD358" s="76"/>
      <c r="AE358" s="76"/>
      <c r="AF358" s="76"/>
      <c r="AG358" s="76"/>
      <c r="AH358" s="76"/>
      <c r="AI358" s="76"/>
      <c r="AJ358" s="76"/>
      <c r="AK358" s="76"/>
      <c r="AL358" s="76"/>
      <c r="AM358" s="76"/>
      <c r="AN358" s="77"/>
      <c r="AO358" s="77"/>
      <c r="AP358" s="77"/>
      <c r="AQ358" s="77"/>
      <c r="AR358" s="77"/>
      <c r="AS358" s="77"/>
      <c r="AT358" s="77"/>
      <c r="AU358" s="77"/>
      <c r="AV358" s="77"/>
      <c r="AW358" s="77"/>
      <c r="AX358" s="77"/>
      <c r="AY358" s="77"/>
      <c r="AZ358" s="77"/>
      <c r="BA358" s="77"/>
      <c r="BB358" s="77"/>
      <c r="BC358" s="77"/>
      <c r="BD358" s="77"/>
    </row>
    <row r="359" spans="1:56" s="67" customFormat="1" ht="132" customHeight="1" thickTop="1" thickBot="1">
      <c r="A359" s="467" t="s">
        <v>498</v>
      </c>
      <c r="B359" s="610"/>
      <c r="C359" s="610"/>
      <c r="D359" s="610"/>
      <c r="E359" s="610"/>
      <c r="F359" s="610"/>
      <c r="G359" s="610"/>
      <c r="H359" s="610"/>
      <c r="I359" s="610"/>
      <c r="J359" s="610"/>
      <c r="K359" s="610"/>
      <c r="L359" s="349"/>
      <c r="M359" s="610"/>
      <c r="N359" s="661"/>
      <c r="O359" s="75" t="s">
        <v>20</v>
      </c>
      <c r="P359" s="136" t="s">
        <v>21</v>
      </c>
      <c r="Q359" s="139"/>
      <c r="R359" s="138"/>
      <c r="S359" s="137"/>
      <c r="T359" s="76"/>
      <c r="U359" s="77"/>
      <c r="V359" s="77"/>
      <c r="W359" s="77"/>
      <c r="X359" s="64"/>
      <c r="Y359" s="64"/>
      <c r="Z359" s="64"/>
      <c r="AA359" s="64"/>
      <c r="AB359" s="64"/>
      <c r="AC359" s="64"/>
      <c r="AD359" s="64"/>
      <c r="AE359" s="64"/>
      <c r="AF359" s="64"/>
      <c r="AG359" s="64"/>
      <c r="AH359" s="64"/>
      <c r="AI359" s="64"/>
      <c r="AJ359" s="64"/>
      <c r="AK359" s="64"/>
      <c r="AL359" s="64"/>
      <c r="AM359" s="64"/>
      <c r="AN359" s="77"/>
      <c r="AO359" s="77"/>
      <c r="AP359" s="77"/>
      <c r="AQ359" s="77"/>
      <c r="AR359" s="77"/>
      <c r="AS359" s="77"/>
      <c r="AT359" s="77"/>
      <c r="AU359" s="77"/>
      <c r="AV359" s="77"/>
      <c r="AW359" s="77"/>
      <c r="AX359" s="77"/>
      <c r="AY359" s="77"/>
      <c r="AZ359" s="77"/>
      <c r="BA359" s="77"/>
      <c r="BB359" s="77"/>
      <c r="BC359" s="77"/>
      <c r="BD359" s="77"/>
    </row>
    <row r="360" spans="1:56" s="64" customFormat="1" ht="69.900000000000006" customHeight="1" thickTop="1">
      <c r="A360" s="468" t="s">
        <v>25</v>
      </c>
      <c r="B360" s="574"/>
      <c r="C360" s="574"/>
      <c r="D360" s="574"/>
      <c r="E360" s="574"/>
      <c r="F360" s="574"/>
      <c r="G360" s="574"/>
      <c r="H360" s="574"/>
      <c r="I360" s="574"/>
      <c r="J360" s="574"/>
      <c r="K360" s="574"/>
      <c r="L360" s="454"/>
      <c r="M360" s="574"/>
      <c r="N360" s="574"/>
      <c r="O360" s="574"/>
      <c r="P360" s="575"/>
      <c r="Q360" s="122"/>
      <c r="R360" s="138"/>
      <c r="S360" s="162"/>
    </row>
    <row r="361" spans="1:56" s="67" customFormat="1" ht="75" customHeight="1">
      <c r="A361" s="456"/>
      <c r="B361" s="457"/>
      <c r="C361" s="457"/>
      <c r="D361" s="457"/>
      <c r="E361" s="457"/>
      <c r="F361" s="457"/>
      <c r="G361" s="457"/>
      <c r="H361" s="457"/>
      <c r="I361" s="457"/>
      <c r="J361" s="457"/>
      <c r="K361" s="457"/>
      <c r="L361" s="458"/>
      <c r="M361" s="457"/>
      <c r="N361" s="457"/>
      <c r="O361" s="457"/>
      <c r="P361" s="459"/>
      <c r="Q361" s="139"/>
      <c r="R361" s="138"/>
      <c r="S361" s="141"/>
      <c r="T361" s="64"/>
    </row>
    <row r="362" spans="1:56" s="67" customFormat="1" ht="75" customHeight="1" thickBot="1">
      <c r="A362" s="471"/>
      <c r="B362" s="472"/>
      <c r="C362" s="472"/>
      <c r="D362" s="472"/>
      <c r="E362" s="472"/>
      <c r="F362" s="472"/>
      <c r="G362" s="472"/>
      <c r="H362" s="472"/>
      <c r="I362" s="472"/>
      <c r="J362" s="472"/>
      <c r="K362" s="472"/>
      <c r="L362" s="473"/>
      <c r="M362" s="472"/>
      <c r="N362" s="472"/>
      <c r="O362" s="472"/>
      <c r="P362" s="474"/>
      <c r="Q362" s="139"/>
      <c r="R362" s="138"/>
      <c r="S362" s="141"/>
      <c r="T362" s="64"/>
    </row>
    <row r="363" spans="1:56" s="64" customFormat="1" ht="21" customHeight="1">
      <c r="A363" s="139"/>
      <c r="B363" s="139"/>
      <c r="C363" s="139"/>
      <c r="D363" s="139"/>
      <c r="E363" s="139"/>
      <c r="F363" s="139"/>
      <c r="G363" s="139"/>
      <c r="H363" s="139"/>
      <c r="I363" s="139"/>
      <c r="J363" s="139"/>
      <c r="K363" s="139"/>
      <c r="L363" s="134"/>
      <c r="M363" s="139"/>
      <c r="N363" s="139"/>
      <c r="O363" s="196"/>
      <c r="P363" s="196"/>
      <c r="Q363" s="139"/>
      <c r="R363" s="138"/>
      <c r="S363" s="78"/>
      <c r="T363" s="76"/>
      <c r="U363" s="76"/>
      <c r="V363" s="76"/>
      <c r="W363" s="76"/>
      <c r="AN363" s="76"/>
      <c r="AO363" s="76"/>
      <c r="AP363" s="76"/>
      <c r="AQ363" s="76"/>
      <c r="AR363" s="76"/>
      <c r="AS363" s="76"/>
      <c r="AT363" s="76"/>
      <c r="AU363" s="76"/>
      <c r="AV363" s="76"/>
      <c r="AW363" s="76"/>
      <c r="AX363" s="76"/>
      <c r="AY363" s="76"/>
      <c r="AZ363" s="76"/>
      <c r="BA363" s="76"/>
      <c r="BB363" s="76"/>
      <c r="BC363" s="76"/>
      <c r="BD363" s="76"/>
    </row>
    <row r="364" spans="1:56" s="113" customFormat="1" ht="409.5" customHeight="1">
      <c r="A364" s="710" t="s">
        <v>499</v>
      </c>
      <c r="B364" s="711"/>
      <c r="C364" s="711"/>
      <c r="D364" s="711"/>
      <c r="E364" s="711"/>
      <c r="F364" s="711"/>
      <c r="G364" s="711"/>
      <c r="H364" s="711"/>
      <c r="I364" s="711"/>
      <c r="J364" s="711"/>
      <c r="K364" s="711"/>
      <c r="L364" s="711"/>
      <c r="M364" s="711"/>
      <c r="N364" s="711"/>
      <c r="O364" s="711"/>
      <c r="P364" s="711"/>
      <c r="Q364" s="711"/>
      <c r="R364" s="711"/>
      <c r="S364" s="712"/>
      <c r="X364" s="62"/>
      <c r="Y364" s="62"/>
      <c r="Z364" s="62"/>
      <c r="AA364" s="62"/>
      <c r="AB364" s="62"/>
      <c r="AC364" s="62"/>
      <c r="AD364" s="62"/>
      <c r="AE364" s="62"/>
      <c r="AF364" s="62"/>
      <c r="AG364" s="62"/>
      <c r="AH364" s="62"/>
      <c r="AI364" s="62"/>
      <c r="AJ364" s="62"/>
      <c r="AK364" s="62"/>
      <c r="AL364" s="62"/>
      <c r="AM364" s="62"/>
    </row>
    <row r="365" spans="1:56" s="113" customFormat="1" ht="43.5" customHeight="1">
      <c r="A365" s="716"/>
      <c r="B365" s="717"/>
      <c r="C365" s="717"/>
      <c r="D365" s="717"/>
      <c r="E365" s="717"/>
      <c r="F365" s="717"/>
      <c r="G365" s="717"/>
      <c r="H365" s="717"/>
      <c r="I365" s="717"/>
      <c r="J365" s="717"/>
      <c r="K365" s="717"/>
      <c r="L365" s="717"/>
      <c r="M365" s="717"/>
      <c r="N365" s="717"/>
      <c r="O365" s="717"/>
      <c r="P365" s="717"/>
      <c r="Q365" s="717"/>
      <c r="R365" s="717"/>
      <c r="S365" s="718"/>
      <c r="X365" s="62"/>
      <c r="Y365" s="62"/>
      <c r="Z365" s="62"/>
      <c r="AA365" s="62"/>
      <c r="AB365" s="62"/>
      <c r="AC365" s="62"/>
      <c r="AD365" s="62"/>
      <c r="AE365" s="62"/>
      <c r="AF365" s="62"/>
      <c r="AG365" s="62"/>
      <c r="AH365" s="62"/>
      <c r="AI365" s="62"/>
      <c r="AJ365" s="62"/>
      <c r="AK365" s="62"/>
      <c r="AL365" s="62"/>
      <c r="AM365" s="62"/>
    </row>
    <row r="366" spans="1:56" s="57" customFormat="1" ht="13.5" customHeight="1">
      <c r="A366" s="167"/>
      <c r="B366" s="167"/>
      <c r="C366" s="167"/>
      <c r="D366" s="167"/>
      <c r="E366" s="167"/>
      <c r="F366" s="167"/>
      <c r="G366" s="167"/>
      <c r="H366" s="167"/>
      <c r="I366" s="167"/>
      <c r="J366" s="167"/>
      <c r="K366" s="167"/>
      <c r="L366" s="167"/>
      <c r="M366" s="167"/>
      <c r="N366" s="167"/>
      <c r="O366" s="167"/>
      <c r="P366" s="167"/>
      <c r="Q366" s="167"/>
      <c r="R366" s="167"/>
      <c r="S366" s="167"/>
      <c r="T366" s="166"/>
      <c r="X366" s="4"/>
      <c r="Y366" s="4"/>
      <c r="Z366" s="4"/>
      <c r="AA366" s="4"/>
      <c r="AB366" s="4"/>
      <c r="AC366" s="4"/>
      <c r="AD366" s="4"/>
      <c r="AE366" s="4"/>
      <c r="AF366" s="4"/>
      <c r="AG366" s="4"/>
      <c r="AH366" s="4"/>
      <c r="AI366" s="4"/>
      <c r="AJ366" s="4"/>
      <c r="AK366" s="4"/>
      <c r="AL366" s="4"/>
      <c r="AM366" s="4"/>
    </row>
    <row r="367" spans="1:56" s="170" customFormat="1" ht="55.2">
      <c r="A367" s="421" t="s">
        <v>210</v>
      </c>
      <c r="B367" s="422"/>
      <c r="C367" s="422"/>
      <c r="D367" s="422"/>
      <c r="E367" s="422"/>
      <c r="F367" s="422"/>
      <c r="G367" s="422"/>
      <c r="H367" s="422"/>
      <c r="I367" s="422"/>
      <c r="J367" s="422"/>
      <c r="K367" s="422"/>
      <c r="L367" s="422"/>
      <c r="M367" s="422"/>
      <c r="N367" s="422"/>
      <c r="O367" s="422"/>
      <c r="P367" s="423"/>
      <c r="Q367" s="168"/>
      <c r="R367" s="168"/>
      <c r="S367" s="169"/>
    </row>
    <row r="368" spans="1:56" s="170" customFormat="1" ht="103.5" customHeight="1">
      <c r="A368" s="707" t="s">
        <v>211</v>
      </c>
      <c r="B368" s="708"/>
      <c r="C368" s="708"/>
      <c r="D368" s="708"/>
      <c r="E368" s="708"/>
      <c r="F368" s="708"/>
      <c r="G368" s="708"/>
      <c r="H368" s="708"/>
      <c r="I368" s="708"/>
      <c r="J368" s="708"/>
      <c r="K368" s="708"/>
      <c r="L368" s="708"/>
      <c r="M368" s="708"/>
      <c r="N368" s="708"/>
      <c r="O368" s="708"/>
      <c r="P368" s="709"/>
      <c r="Q368" s="168"/>
      <c r="R368" s="168"/>
      <c r="S368" s="169"/>
    </row>
    <row r="369" spans="1:19" s="170" customFormat="1" ht="103.5" customHeight="1">
      <c r="A369" s="704" t="s">
        <v>212</v>
      </c>
      <c r="B369" s="705"/>
      <c r="C369" s="705"/>
      <c r="D369" s="705"/>
      <c r="E369" s="705"/>
      <c r="F369" s="705"/>
      <c r="G369" s="705"/>
      <c r="H369" s="705"/>
      <c r="I369" s="705"/>
      <c r="J369" s="705"/>
      <c r="K369" s="705"/>
      <c r="L369" s="705"/>
      <c r="M369" s="705"/>
      <c r="N369" s="705"/>
      <c r="O369" s="705"/>
      <c r="P369" s="706"/>
      <c r="Q369" s="168"/>
      <c r="R369" s="168"/>
      <c r="S369" s="169"/>
    </row>
    <row r="370" spans="1:19" s="170" customFormat="1" ht="91.5" customHeight="1">
      <c r="A370" s="171"/>
      <c r="B370" s="172" t="s">
        <v>213</v>
      </c>
      <c r="C370" s="173"/>
      <c r="D370" s="173"/>
      <c r="E370" s="173"/>
      <c r="F370" s="173"/>
      <c r="G370" s="173"/>
      <c r="H370" s="173"/>
      <c r="I370" s="174"/>
      <c r="J370" s="174"/>
      <c r="K370" s="175"/>
      <c r="L370" s="175"/>
      <c r="M370" s="175"/>
      <c r="N370" s="176"/>
      <c r="O370" s="176"/>
      <c r="P370" s="177"/>
      <c r="Q370" s="168"/>
      <c r="R370" s="168"/>
      <c r="S370" s="169"/>
    </row>
    <row r="371" spans="1:19" s="170" customFormat="1" ht="19.5" customHeight="1">
      <c r="A371" s="178"/>
      <c r="B371" s="179"/>
      <c r="C371" s="173"/>
      <c r="D371" s="173"/>
      <c r="E371" s="173"/>
      <c r="F371" s="173"/>
      <c r="G371" s="173"/>
      <c r="H371" s="173"/>
      <c r="I371" s="174"/>
      <c r="J371" s="174"/>
      <c r="K371" s="173"/>
      <c r="L371" s="173"/>
      <c r="M371" s="173"/>
      <c r="N371" s="174"/>
      <c r="O371" s="174"/>
      <c r="P371" s="180"/>
      <c r="Q371" s="168"/>
      <c r="R371" s="168"/>
      <c r="S371" s="169"/>
    </row>
    <row r="372" spans="1:19" s="170" customFormat="1" ht="38.1" customHeight="1">
      <c r="A372" s="175"/>
      <c r="B372" s="172"/>
      <c r="C372" s="175"/>
      <c r="D372" s="175"/>
      <c r="E372" s="175"/>
      <c r="F372" s="175"/>
      <c r="G372" s="175"/>
      <c r="H372" s="175"/>
      <c r="I372" s="176"/>
      <c r="J372" s="176"/>
      <c r="K372" s="175"/>
      <c r="L372" s="175"/>
      <c r="M372" s="175"/>
      <c r="N372" s="176"/>
      <c r="O372" s="176"/>
      <c r="P372" s="175"/>
      <c r="Q372" s="168"/>
      <c r="R372" s="168"/>
      <c r="S372" s="169"/>
    </row>
    <row r="373" spans="1:19" s="170" customFormat="1" ht="55.2">
      <c r="A373" s="421" t="s">
        <v>210</v>
      </c>
      <c r="B373" s="422"/>
      <c r="C373" s="422"/>
      <c r="D373" s="422"/>
      <c r="E373" s="422"/>
      <c r="F373" s="422"/>
      <c r="G373" s="422"/>
      <c r="H373" s="422"/>
      <c r="I373" s="422"/>
      <c r="J373" s="422"/>
      <c r="K373" s="422"/>
      <c r="L373" s="422"/>
      <c r="M373" s="422"/>
      <c r="N373" s="422"/>
      <c r="O373" s="422"/>
      <c r="P373" s="423"/>
      <c r="Q373" s="168"/>
      <c r="R373" s="168"/>
      <c r="S373" s="169"/>
    </row>
    <row r="374" spans="1:19" s="170" customFormat="1" ht="103.5" customHeight="1">
      <c r="A374" s="707" t="s">
        <v>211</v>
      </c>
      <c r="B374" s="708"/>
      <c r="C374" s="708"/>
      <c r="D374" s="708"/>
      <c r="E374" s="708"/>
      <c r="F374" s="708"/>
      <c r="G374" s="708"/>
      <c r="H374" s="708"/>
      <c r="I374" s="708"/>
      <c r="J374" s="708"/>
      <c r="K374" s="708"/>
      <c r="L374" s="708"/>
      <c r="M374" s="708"/>
      <c r="N374" s="708"/>
      <c r="O374" s="708"/>
      <c r="P374" s="709"/>
      <c r="Q374" s="168"/>
      <c r="R374" s="168"/>
      <c r="S374" s="169"/>
    </row>
    <row r="375" spans="1:19" s="170" customFormat="1" ht="103.5" customHeight="1">
      <c r="A375" s="704" t="s">
        <v>212</v>
      </c>
      <c r="B375" s="705"/>
      <c r="C375" s="705"/>
      <c r="D375" s="705"/>
      <c r="E375" s="705"/>
      <c r="F375" s="705"/>
      <c r="G375" s="705"/>
      <c r="H375" s="705"/>
      <c r="I375" s="705"/>
      <c r="J375" s="705"/>
      <c r="K375" s="705"/>
      <c r="L375" s="705"/>
      <c r="M375" s="705"/>
      <c r="N375" s="705"/>
      <c r="O375" s="705"/>
      <c r="P375" s="706"/>
      <c r="Q375" s="168"/>
      <c r="R375" s="168"/>
      <c r="S375" s="169"/>
    </row>
    <row r="376" spans="1:19" s="170" customFormat="1" ht="91.5" customHeight="1">
      <c r="A376" s="171"/>
      <c r="B376" s="172" t="s">
        <v>213</v>
      </c>
      <c r="C376" s="173"/>
      <c r="D376" s="173"/>
      <c r="E376" s="173"/>
      <c r="F376" s="173"/>
      <c r="G376" s="173"/>
      <c r="H376" s="173"/>
      <c r="I376" s="174"/>
      <c r="J376" s="174"/>
      <c r="K376" s="175"/>
      <c r="L376" s="175"/>
      <c r="M376" s="175"/>
      <c r="N376" s="176"/>
      <c r="O376" s="176"/>
      <c r="P376" s="177"/>
      <c r="Q376" s="168"/>
      <c r="R376" s="168"/>
      <c r="S376" s="169"/>
    </row>
    <row r="377" spans="1:19" s="170" customFormat="1" ht="19.5" customHeight="1">
      <c r="A377" s="178"/>
      <c r="B377" s="179"/>
      <c r="C377" s="173"/>
      <c r="D377" s="173"/>
      <c r="E377" s="173"/>
      <c r="F377" s="173"/>
      <c r="G377" s="173"/>
      <c r="H377" s="173"/>
      <c r="I377" s="174"/>
      <c r="J377" s="174"/>
      <c r="K377" s="173"/>
      <c r="L377" s="173"/>
      <c r="M377" s="173"/>
      <c r="N377" s="174"/>
      <c r="O377" s="174"/>
      <c r="P377" s="180"/>
      <c r="Q377" s="168"/>
      <c r="R377" s="168"/>
      <c r="S377" s="169"/>
    </row>
    <row r="378" spans="1:19" s="170" customFormat="1" ht="55.2">
      <c r="A378" s="424"/>
      <c r="B378" s="424"/>
      <c r="C378" s="424"/>
      <c r="D378" s="424"/>
      <c r="E378" s="424"/>
      <c r="F378" s="424"/>
      <c r="G378" s="424"/>
      <c r="H378" s="424"/>
      <c r="I378" s="424"/>
      <c r="J378" s="424"/>
      <c r="K378" s="424"/>
      <c r="L378" s="424"/>
      <c r="M378" s="424"/>
      <c r="N378" s="424"/>
      <c r="O378" s="424"/>
      <c r="P378" s="175"/>
      <c r="Q378" s="168"/>
      <c r="R378" s="168"/>
      <c r="S378" s="169"/>
    </row>
  </sheetData>
  <mergeCells count="410">
    <mergeCell ref="A368:P368"/>
    <mergeCell ref="A369:P369"/>
    <mergeCell ref="A373:P373"/>
    <mergeCell ref="A374:P374"/>
    <mergeCell ref="A375:P375"/>
    <mergeCell ref="A378:O378"/>
    <mergeCell ref="A359:N359"/>
    <mergeCell ref="A360:P360"/>
    <mergeCell ref="A361:P361"/>
    <mergeCell ref="A362:P362"/>
    <mergeCell ref="A364:S365"/>
    <mergeCell ref="A367:P367"/>
    <mergeCell ref="A353:P353"/>
    <mergeCell ref="A354:P354"/>
    <mergeCell ref="A355:P355"/>
    <mergeCell ref="A356:N356"/>
    <mergeCell ref="A357:N357"/>
    <mergeCell ref="A358:N358"/>
    <mergeCell ref="A347:P347"/>
    <mergeCell ref="A348:N348"/>
    <mergeCell ref="A349:N349"/>
    <mergeCell ref="A350:N350"/>
    <mergeCell ref="A351:P351"/>
    <mergeCell ref="A352:P352"/>
    <mergeCell ref="A341:P341"/>
    <mergeCell ref="A342:P342"/>
    <mergeCell ref="A343:P343"/>
    <mergeCell ref="A344:P344"/>
    <mergeCell ref="A345:P345"/>
    <mergeCell ref="A346:P346"/>
    <mergeCell ref="A335:N335"/>
    <mergeCell ref="A336:N336"/>
    <mergeCell ref="A337:P337"/>
    <mergeCell ref="A338:P338"/>
    <mergeCell ref="A339:P339"/>
    <mergeCell ref="A340:P340"/>
    <mergeCell ref="A329:P329"/>
    <mergeCell ref="A330:M330"/>
    <mergeCell ref="A331:P331"/>
    <mergeCell ref="A332:P332"/>
    <mergeCell ref="A333:P333"/>
    <mergeCell ref="A334:P334"/>
    <mergeCell ref="A323:P323"/>
    <mergeCell ref="A324:P324"/>
    <mergeCell ref="A325:P325"/>
    <mergeCell ref="A326:P326"/>
    <mergeCell ref="A327:P327"/>
    <mergeCell ref="A328:P328"/>
    <mergeCell ref="A317:P317"/>
    <mergeCell ref="A318:P318"/>
    <mergeCell ref="A319:P319"/>
    <mergeCell ref="A320:M320"/>
    <mergeCell ref="A321:P321"/>
    <mergeCell ref="A322:P322"/>
    <mergeCell ref="A311:N311"/>
    <mergeCell ref="A312:P312"/>
    <mergeCell ref="A313:P313"/>
    <mergeCell ref="A314:P314"/>
    <mergeCell ref="A315:P315"/>
    <mergeCell ref="A316:P316"/>
    <mergeCell ref="A305:N305"/>
    <mergeCell ref="A306:P306"/>
    <mergeCell ref="A307:P307"/>
    <mergeCell ref="A308:P308"/>
    <mergeCell ref="A309:P309"/>
    <mergeCell ref="A310:P310"/>
    <mergeCell ref="A299:P299"/>
    <mergeCell ref="A300:N300"/>
    <mergeCell ref="A301:P301"/>
    <mergeCell ref="A302:P302"/>
    <mergeCell ref="A303:P303"/>
    <mergeCell ref="A304:P304"/>
    <mergeCell ref="A293:P293"/>
    <mergeCell ref="A294:N294"/>
    <mergeCell ref="A295:N295"/>
    <mergeCell ref="A296:P296"/>
    <mergeCell ref="A297:P297"/>
    <mergeCell ref="A298:P298"/>
    <mergeCell ref="A287:P287"/>
    <mergeCell ref="A288:P288"/>
    <mergeCell ref="A289:N289"/>
    <mergeCell ref="A290:P290"/>
    <mergeCell ref="A291:P291"/>
    <mergeCell ref="A292:P292"/>
    <mergeCell ref="A281:N281"/>
    <mergeCell ref="A282:P282"/>
    <mergeCell ref="A283:P283"/>
    <mergeCell ref="A284:P284"/>
    <mergeCell ref="A285:P285"/>
    <mergeCell ref="A286:P286"/>
    <mergeCell ref="A275:P275"/>
    <mergeCell ref="A276:N276"/>
    <mergeCell ref="A277:P277"/>
    <mergeCell ref="A278:P278"/>
    <mergeCell ref="A279:P279"/>
    <mergeCell ref="A280:P280"/>
    <mergeCell ref="A270:I270"/>
    <mergeCell ref="J270:P270"/>
    <mergeCell ref="A271:N271"/>
    <mergeCell ref="A272:P272"/>
    <mergeCell ref="A273:P273"/>
    <mergeCell ref="A274:P274"/>
    <mergeCell ref="A266:I266"/>
    <mergeCell ref="J266:P266"/>
    <mergeCell ref="A267:I267"/>
    <mergeCell ref="J267:P267"/>
    <mergeCell ref="A268:P268"/>
    <mergeCell ref="A269:I269"/>
    <mergeCell ref="J269:P269"/>
    <mergeCell ref="A261:I261"/>
    <mergeCell ref="J261:P261"/>
    <mergeCell ref="A262:I262"/>
    <mergeCell ref="J262:P262"/>
    <mergeCell ref="A263:I265"/>
    <mergeCell ref="K263:P263"/>
    <mergeCell ref="J264:P264"/>
    <mergeCell ref="J265:K265"/>
    <mergeCell ref="M265:P265"/>
    <mergeCell ref="A255:P255"/>
    <mergeCell ref="A256:P256"/>
    <mergeCell ref="A257:P257"/>
    <mergeCell ref="A258:I258"/>
    <mergeCell ref="J258:P258"/>
    <mergeCell ref="A259:I260"/>
    <mergeCell ref="J259:P259"/>
    <mergeCell ref="J260:K260"/>
    <mergeCell ref="M260:P260"/>
    <mergeCell ref="A251:I251"/>
    <mergeCell ref="J251:P251"/>
    <mergeCell ref="A252:I252"/>
    <mergeCell ref="J252:P252"/>
    <mergeCell ref="A253:P253"/>
    <mergeCell ref="A254:P254"/>
    <mergeCell ref="A247:I247"/>
    <mergeCell ref="J247:P247"/>
    <mergeCell ref="A248:I250"/>
    <mergeCell ref="K248:P248"/>
    <mergeCell ref="J249:P249"/>
    <mergeCell ref="J250:K250"/>
    <mergeCell ref="M250:P250"/>
    <mergeCell ref="A243:P243"/>
    <mergeCell ref="A244:I244"/>
    <mergeCell ref="J244:P244"/>
    <mergeCell ref="A245:I246"/>
    <mergeCell ref="J245:P245"/>
    <mergeCell ref="J246:K246"/>
    <mergeCell ref="M246:P246"/>
    <mergeCell ref="A238:I238"/>
    <mergeCell ref="J238:P238"/>
    <mergeCell ref="A239:P239"/>
    <mergeCell ref="A240:I240"/>
    <mergeCell ref="J240:P240"/>
    <mergeCell ref="A241:I242"/>
    <mergeCell ref="J241:P241"/>
    <mergeCell ref="J242:K242"/>
    <mergeCell ref="M242:P242"/>
    <mergeCell ref="A234:I236"/>
    <mergeCell ref="K234:P234"/>
    <mergeCell ref="J235:P235"/>
    <mergeCell ref="J236:K236"/>
    <mergeCell ref="M236:P236"/>
    <mergeCell ref="A237:I237"/>
    <mergeCell ref="J237:P237"/>
    <mergeCell ref="A231:I231"/>
    <mergeCell ref="J231:P231"/>
    <mergeCell ref="A232:I233"/>
    <mergeCell ref="J232:P232"/>
    <mergeCell ref="J233:K233"/>
    <mergeCell ref="M233:P233"/>
    <mergeCell ref="T225:T228"/>
    <mergeCell ref="A226:P226"/>
    <mergeCell ref="A227:P227"/>
    <mergeCell ref="A228:P228"/>
    <mergeCell ref="A229:P229"/>
    <mergeCell ref="A230:P230"/>
    <mergeCell ref="A223:I224"/>
    <mergeCell ref="J223:P223"/>
    <mergeCell ref="J224:K224"/>
    <mergeCell ref="M224:P224"/>
    <mergeCell ref="A225:I225"/>
    <mergeCell ref="J225:P225"/>
    <mergeCell ref="A217:I219"/>
    <mergeCell ref="K217:P217"/>
    <mergeCell ref="J218:P218"/>
    <mergeCell ref="J219:K219"/>
    <mergeCell ref="M219:P219"/>
    <mergeCell ref="A220:I222"/>
    <mergeCell ref="K220:P220"/>
    <mergeCell ref="J221:P221"/>
    <mergeCell ref="J222:K222"/>
    <mergeCell ref="M222:P222"/>
    <mergeCell ref="A213:I214"/>
    <mergeCell ref="J213:P213"/>
    <mergeCell ref="J214:K214"/>
    <mergeCell ref="M214:P214"/>
    <mergeCell ref="A215:I216"/>
    <mergeCell ref="J215:P215"/>
    <mergeCell ref="J216:K216"/>
    <mergeCell ref="M216:P216"/>
    <mergeCell ref="A207:P207"/>
    <mergeCell ref="A208:P208"/>
    <mergeCell ref="A209:N209"/>
    <mergeCell ref="A210:P210"/>
    <mergeCell ref="A211:P211"/>
    <mergeCell ref="A212:I212"/>
    <mergeCell ref="J212:P212"/>
    <mergeCell ref="A201:P201"/>
    <mergeCell ref="A202:P202"/>
    <mergeCell ref="A203:P203"/>
    <mergeCell ref="A204:N204"/>
    <mergeCell ref="A205:P205"/>
    <mergeCell ref="A206:P206"/>
    <mergeCell ref="A195:P195"/>
    <mergeCell ref="A196:P196"/>
    <mergeCell ref="A197:P197"/>
    <mergeCell ref="A198:P198"/>
    <mergeCell ref="A199:N199"/>
    <mergeCell ref="A200:P200"/>
    <mergeCell ref="A189:N189"/>
    <mergeCell ref="A190:P190"/>
    <mergeCell ref="A191:P191"/>
    <mergeCell ref="A192:P192"/>
    <mergeCell ref="A193:P193"/>
    <mergeCell ref="A194:N194"/>
    <mergeCell ref="A184:P184"/>
    <mergeCell ref="A185:P185"/>
    <mergeCell ref="A186:P186"/>
    <mergeCell ref="A187:P187"/>
    <mergeCell ref="A188:K188"/>
    <mergeCell ref="L188:P188"/>
    <mergeCell ref="A178:P178"/>
    <mergeCell ref="A179:P179"/>
    <mergeCell ref="A180:P180"/>
    <mergeCell ref="A181:P181"/>
    <mergeCell ref="A182:N182"/>
    <mergeCell ref="A183:N183"/>
    <mergeCell ref="A172:P172"/>
    <mergeCell ref="A173:P173"/>
    <mergeCell ref="A174:P174"/>
    <mergeCell ref="A175:P175"/>
    <mergeCell ref="A176:P176"/>
    <mergeCell ref="A177:N177"/>
    <mergeCell ref="A166:P166"/>
    <mergeCell ref="A167:P167"/>
    <mergeCell ref="A168:P168"/>
    <mergeCell ref="A169:P169"/>
    <mergeCell ref="A170:M170"/>
    <mergeCell ref="A171:M171"/>
    <mergeCell ref="A161:J161"/>
    <mergeCell ref="K161:P161"/>
    <mergeCell ref="A162:P162"/>
    <mergeCell ref="A163:P163"/>
    <mergeCell ref="A164:P164"/>
    <mergeCell ref="A165:P165"/>
    <mergeCell ref="A157:J158"/>
    <mergeCell ref="K157:L158"/>
    <mergeCell ref="M157:P157"/>
    <mergeCell ref="M158:P158"/>
    <mergeCell ref="A159:J160"/>
    <mergeCell ref="K159:L160"/>
    <mergeCell ref="M159:P159"/>
    <mergeCell ref="M160:P160"/>
    <mergeCell ref="A151:P151"/>
    <mergeCell ref="A152:P152"/>
    <mergeCell ref="A153:N153"/>
    <mergeCell ref="A154:P154"/>
    <mergeCell ref="A155:P155"/>
    <mergeCell ref="A156:J156"/>
    <mergeCell ref="K156:P156"/>
    <mergeCell ref="A145:P145"/>
    <mergeCell ref="A146:P146"/>
    <mergeCell ref="A147:P147"/>
    <mergeCell ref="A148:N148"/>
    <mergeCell ref="A149:P149"/>
    <mergeCell ref="A150:P150"/>
    <mergeCell ref="A139:P139"/>
    <mergeCell ref="A140:P140"/>
    <mergeCell ref="A141:P141"/>
    <mergeCell ref="A142:P142"/>
    <mergeCell ref="A143:N143"/>
    <mergeCell ref="A144:P144"/>
    <mergeCell ref="A133:P133"/>
    <mergeCell ref="A134:P134"/>
    <mergeCell ref="A135:P135"/>
    <mergeCell ref="A136:P136"/>
    <mergeCell ref="A137:P137"/>
    <mergeCell ref="A138:M138"/>
    <mergeCell ref="A127:N127"/>
    <mergeCell ref="A128:P128"/>
    <mergeCell ref="A129:P129"/>
    <mergeCell ref="A130:P130"/>
    <mergeCell ref="A131:P131"/>
    <mergeCell ref="A132:M132"/>
    <mergeCell ref="A121:P121"/>
    <mergeCell ref="A122:P122"/>
    <mergeCell ref="A123:P123"/>
    <mergeCell ref="A124:P124"/>
    <mergeCell ref="A125:N125"/>
    <mergeCell ref="A126:N126"/>
    <mergeCell ref="A115:P115"/>
    <mergeCell ref="A116:N116"/>
    <mergeCell ref="A117:P117"/>
    <mergeCell ref="A118:P118"/>
    <mergeCell ref="A119:P119"/>
    <mergeCell ref="A120:P120"/>
    <mergeCell ref="A109:P109"/>
    <mergeCell ref="A110:P110"/>
    <mergeCell ref="A111:N111"/>
    <mergeCell ref="A112:P112"/>
    <mergeCell ref="A113:P113"/>
    <mergeCell ref="A114:P114"/>
    <mergeCell ref="A103:P103"/>
    <mergeCell ref="A104:P104"/>
    <mergeCell ref="A105:P105"/>
    <mergeCell ref="A106:P106"/>
    <mergeCell ref="A107:P107"/>
    <mergeCell ref="A108:P108"/>
    <mergeCell ref="A97:P97"/>
    <mergeCell ref="A98:P98"/>
    <mergeCell ref="A99:P99"/>
    <mergeCell ref="A100:P100"/>
    <mergeCell ref="A101:P101"/>
    <mergeCell ref="A102:N102"/>
    <mergeCell ref="A91:N91"/>
    <mergeCell ref="A92:P92"/>
    <mergeCell ref="A93:P93"/>
    <mergeCell ref="A94:P94"/>
    <mergeCell ref="A95:P95"/>
    <mergeCell ref="A96:N96"/>
    <mergeCell ref="A85:P85"/>
    <mergeCell ref="A86:P86"/>
    <mergeCell ref="A87:P87"/>
    <mergeCell ref="A88:P88"/>
    <mergeCell ref="A89:P89"/>
    <mergeCell ref="A90:P90"/>
    <mergeCell ref="A79:P79"/>
    <mergeCell ref="A80:N82"/>
    <mergeCell ref="O80:O82"/>
    <mergeCell ref="P80:P82"/>
    <mergeCell ref="A83:P83"/>
    <mergeCell ref="A84:P84"/>
    <mergeCell ref="A73:N73"/>
    <mergeCell ref="A74:N74"/>
    <mergeCell ref="A75:N75"/>
    <mergeCell ref="A76:P76"/>
    <mergeCell ref="A77:P77"/>
    <mergeCell ref="A78:P78"/>
    <mergeCell ref="A68:J68"/>
    <mergeCell ref="K68:P68"/>
    <mergeCell ref="A69:P69"/>
    <mergeCell ref="A70:P70"/>
    <mergeCell ref="A71:P71"/>
    <mergeCell ref="A72:P72"/>
    <mergeCell ref="A62:P62"/>
    <mergeCell ref="A63:P63"/>
    <mergeCell ref="A64:P64"/>
    <mergeCell ref="A65:N65"/>
    <mergeCell ref="A66:P66"/>
    <mergeCell ref="A67:J67"/>
    <mergeCell ref="K67:P67"/>
    <mergeCell ref="A56:P56"/>
    <mergeCell ref="A57:P57"/>
    <mergeCell ref="A58:M58"/>
    <mergeCell ref="A59:M59"/>
    <mergeCell ref="A60:M60"/>
    <mergeCell ref="A61:P61"/>
    <mergeCell ref="A50:M50"/>
    <mergeCell ref="A51:M51"/>
    <mergeCell ref="A52:N52"/>
    <mergeCell ref="A53:N53"/>
    <mergeCell ref="A54:P54"/>
    <mergeCell ref="A55:P55"/>
    <mergeCell ref="A44:P44"/>
    <mergeCell ref="A45:P45"/>
    <mergeCell ref="A46:N46"/>
    <mergeCell ref="A47:N47"/>
    <mergeCell ref="A48:M48"/>
    <mergeCell ref="A49:M49"/>
    <mergeCell ref="S37:S38"/>
    <mergeCell ref="A39:N39"/>
    <mergeCell ref="A40:N40"/>
    <mergeCell ref="A41:P41"/>
    <mergeCell ref="A42:P42"/>
    <mergeCell ref="A43:P43"/>
    <mergeCell ref="A33:P33"/>
    <mergeCell ref="A34:P34"/>
    <mergeCell ref="A35:P35"/>
    <mergeCell ref="A36:P36"/>
    <mergeCell ref="A37:N38"/>
    <mergeCell ref="O37:O38"/>
    <mergeCell ref="P37:P38"/>
    <mergeCell ref="A29:N29"/>
    <mergeCell ref="A30:N30"/>
    <mergeCell ref="A31:N31"/>
    <mergeCell ref="A32:N32"/>
    <mergeCell ref="A21:N21"/>
    <mergeCell ref="A22:N22"/>
    <mergeCell ref="A23:M23"/>
    <mergeCell ref="A24:P24"/>
    <mergeCell ref="A25:P25"/>
    <mergeCell ref="A26:P26"/>
    <mergeCell ref="A1:S1"/>
    <mergeCell ref="A2:S2"/>
    <mergeCell ref="A6:S6"/>
    <mergeCell ref="N16:P16"/>
    <mergeCell ref="A19:P19"/>
    <mergeCell ref="S19:S20"/>
    <mergeCell ref="A20:P20"/>
    <mergeCell ref="A27:P27"/>
    <mergeCell ref="A28:N28"/>
  </mergeCells>
  <phoneticPr fontId="1"/>
  <printOptions horizontalCentered="1"/>
  <pageMargins left="0.23622047244094491" right="0.23622047244094491" top="0.35433070866141736" bottom="0" header="0.31496062992125984" footer="0.15748031496062992"/>
  <pageSetup paperSize="9" scale="20" fitToWidth="0" fitToHeight="0" orientation="portrait" r:id="rId1"/>
  <rowBreaks count="10" manualBreakCount="10">
    <brk id="15" max="18" man="1"/>
    <brk id="43" max="18" man="1"/>
    <brk id="71" max="18" man="1"/>
    <brk id="99" max="18" man="1"/>
    <brk id="130" max="18" man="1"/>
    <brk id="168" max="18" man="1"/>
    <brk id="207" max="18" man="1"/>
    <brk id="256" max="18" man="1"/>
    <brk id="303" max="18" man="1"/>
    <brk id="346" max="18"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X262"/>
  <sheetViews>
    <sheetView showWhiteSpace="0" view="pageBreakPreview" zoomScale="25" zoomScaleNormal="25" zoomScaleSheetLayoutView="25" zoomScalePageLayoutView="70" workbookViewId="0">
      <selection sqref="A1:S1"/>
    </sheetView>
  </sheetViews>
  <sheetFormatPr defaultRowHeight="38.1" customHeight="1"/>
  <cols>
    <col min="1" max="1" width="3.109375" style="116" customWidth="1"/>
    <col min="2" max="2" width="7.33203125" style="117" customWidth="1"/>
    <col min="3" max="8" width="7.33203125" style="116" customWidth="1"/>
    <col min="9" max="9" width="45.33203125" style="118" customWidth="1"/>
    <col min="10" max="10" width="35.33203125" style="118" customWidth="1"/>
    <col min="11" max="11" width="35.109375" style="116" customWidth="1"/>
    <col min="12" max="12" width="44.33203125" style="119" customWidth="1"/>
    <col min="13" max="13" width="71.21875" style="116" customWidth="1"/>
    <col min="14" max="14" width="55.88671875" style="116" customWidth="1"/>
    <col min="15" max="15" width="35" style="118" customWidth="1"/>
    <col min="16" max="16" width="42.109375" style="118" customWidth="1"/>
    <col min="17" max="17" width="2.33203125" style="116" customWidth="1"/>
    <col min="18" max="18" width="3" style="62" customWidth="1"/>
    <col min="19" max="19" width="24.6640625" style="62" customWidth="1"/>
    <col min="20" max="20" width="161.6640625" style="62" customWidth="1"/>
    <col min="21" max="258" width="9" style="62"/>
    <col min="259" max="259" width="4.21875" style="62" customWidth="1"/>
    <col min="260" max="271" width="7.33203125" style="62" customWidth="1"/>
    <col min="272" max="272" width="5.6640625" style="62" customWidth="1"/>
    <col min="273" max="273" width="1.33203125" style="62" customWidth="1"/>
    <col min="274" max="274" width="17.77734375" style="62" customWidth="1"/>
    <col min="275" max="514" width="9" style="62"/>
    <col min="515" max="515" width="4.21875" style="62" customWidth="1"/>
    <col min="516" max="527" width="7.33203125" style="62" customWidth="1"/>
    <col min="528" max="528" width="5.6640625" style="62" customWidth="1"/>
    <col min="529" max="529" width="1.33203125" style="62" customWidth="1"/>
    <col min="530" max="530" width="17.77734375" style="62" customWidth="1"/>
    <col min="531" max="770" width="9" style="62"/>
    <col min="771" max="771" width="4.21875" style="62" customWidth="1"/>
    <col min="772" max="783" width="7.33203125" style="62" customWidth="1"/>
    <col min="784" max="784" width="5.6640625" style="62" customWidth="1"/>
    <col min="785" max="785" width="1.33203125" style="62" customWidth="1"/>
    <col min="786" max="786" width="17.77734375" style="62" customWidth="1"/>
    <col min="787" max="1026" width="9" style="62"/>
    <col min="1027" max="1027" width="4.21875" style="62" customWidth="1"/>
    <col min="1028" max="1039" width="7.33203125" style="62" customWidth="1"/>
    <col min="1040" max="1040" width="5.6640625" style="62" customWidth="1"/>
    <col min="1041" max="1041" width="1.33203125" style="62" customWidth="1"/>
    <col min="1042" max="1042" width="17.77734375" style="62" customWidth="1"/>
    <col min="1043" max="1282" width="9" style="62"/>
    <col min="1283" max="1283" width="4.21875" style="62" customWidth="1"/>
    <col min="1284" max="1295" width="7.33203125" style="62" customWidth="1"/>
    <col min="1296" max="1296" width="5.6640625" style="62" customWidth="1"/>
    <col min="1297" max="1297" width="1.33203125" style="62" customWidth="1"/>
    <col min="1298" max="1298" width="17.77734375" style="62" customWidth="1"/>
    <col min="1299" max="1538" width="9" style="62"/>
    <col min="1539" max="1539" width="4.21875" style="62" customWidth="1"/>
    <col min="1540" max="1551" width="7.33203125" style="62" customWidth="1"/>
    <col min="1552" max="1552" width="5.6640625" style="62" customWidth="1"/>
    <col min="1553" max="1553" width="1.33203125" style="62" customWidth="1"/>
    <col min="1554" max="1554" width="17.77734375" style="62" customWidth="1"/>
    <col min="1555" max="1794" width="9" style="62"/>
    <col min="1795" max="1795" width="4.21875" style="62" customWidth="1"/>
    <col min="1796" max="1807" width="7.33203125" style="62" customWidth="1"/>
    <col min="1808" max="1808" width="5.6640625" style="62" customWidth="1"/>
    <col min="1809" max="1809" width="1.33203125" style="62" customWidth="1"/>
    <col min="1810" max="1810" width="17.77734375" style="62" customWidth="1"/>
    <col min="1811" max="2050" width="9" style="62"/>
    <col min="2051" max="2051" width="4.21875" style="62" customWidth="1"/>
    <col min="2052" max="2063" width="7.33203125" style="62" customWidth="1"/>
    <col min="2064" max="2064" width="5.6640625" style="62" customWidth="1"/>
    <col min="2065" max="2065" width="1.33203125" style="62" customWidth="1"/>
    <col min="2066" max="2066" width="17.77734375" style="62" customWidth="1"/>
    <col min="2067" max="2306" width="9" style="62"/>
    <col min="2307" max="2307" width="4.21875" style="62" customWidth="1"/>
    <col min="2308" max="2319" width="7.33203125" style="62" customWidth="1"/>
    <col min="2320" max="2320" width="5.6640625" style="62" customWidth="1"/>
    <col min="2321" max="2321" width="1.33203125" style="62" customWidth="1"/>
    <col min="2322" max="2322" width="17.77734375" style="62" customWidth="1"/>
    <col min="2323" max="2562" width="9" style="62"/>
    <col min="2563" max="2563" width="4.21875" style="62" customWidth="1"/>
    <col min="2564" max="2575" width="7.33203125" style="62" customWidth="1"/>
    <col min="2576" max="2576" width="5.6640625" style="62" customWidth="1"/>
    <col min="2577" max="2577" width="1.33203125" style="62" customWidth="1"/>
    <col min="2578" max="2578" width="17.77734375" style="62" customWidth="1"/>
    <col min="2579" max="2818" width="9" style="62"/>
    <col min="2819" max="2819" width="4.21875" style="62" customWidth="1"/>
    <col min="2820" max="2831" width="7.33203125" style="62" customWidth="1"/>
    <col min="2832" max="2832" width="5.6640625" style="62" customWidth="1"/>
    <col min="2833" max="2833" width="1.33203125" style="62" customWidth="1"/>
    <col min="2834" max="2834" width="17.77734375" style="62" customWidth="1"/>
    <col min="2835" max="3074" width="9" style="62"/>
    <col min="3075" max="3075" width="4.21875" style="62" customWidth="1"/>
    <col min="3076" max="3087" width="7.33203125" style="62" customWidth="1"/>
    <col min="3088" max="3088" width="5.6640625" style="62" customWidth="1"/>
    <col min="3089" max="3089" width="1.33203125" style="62" customWidth="1"/>
    <col min="3090" max="3090" width="17.77734375" style="62" customWidth="1"/>
    <col min="3091" max="3330" width="9" style="62"/>
    <col min="3331" max="3331" width="4.21875" style="62" customWidth="1"/>
    <col min="3332" max="3343" width="7.33203125" style="62" customWidth="1"/>
    <col min="3344" max="3344" width="5.6640625" style="62" customWidth="1"/>
    <col min="3345" max="3345" width="1.33203125" style="62" customWidth="1"/>
    <col min="3346" max="3346" width="17.77734375" style="62" customWidth="1"/>
    <col min="3347" max="3586" width="9" style="62"/>
    <col min="3587" max="3587" width="4.21875" style="62" customWidth="1"/>
    <col min="3588" max="3599" width="7.33203125" style="62" customWidth="1"/>
    <col min="3600" max="3600" width="5.6640625" style="62" customWidth="1"/>
    <col min="3601" max="3601" width="1.33203125" style="62" customWidth="1"/>
    <col min="3602" max="3602" width="17.77734375" style="62" customWidth="1"/>
    <col min="3603" max="3842" width="9" style="62"/>
    <col min="3843" max="3843" width="4.21875" style="62" customWidth="1"/>
    <col min="3844" max="3855" width="7.33203125" style="62" customWidth="1"/>
    <col min="3856" max="3856" width="5.6640625" style="62" customWidth="1"/>
    <col min="3857" max="3857" width="1.33203125" style="62" customWidth="1"/>
    <col min="3858" max="3858" width="17.77734375" style="62" customWidth="1"/>
    <col min="3859" max="4098" width="9" style="62"/>
    <col min="4099" max="4099" width="4.21875" style="62" customWidth="1"/>
    <col min="4100" max="4111" width="7.33203125" style="62" customWidth="1"/>
    <col min="4112" max="4112" width="5.6640625" style="62" customWidth="1"/>
    <col min="4113" max="4113" width="1.33203125" style="62" customWidth="1"/>
    <col min="4114" max="4114" width="17.77734375" style="62" customWidth="1"/>
    <col min="4115" max="4354" width="9" style="62"/>
    <col min="4355" max="4355" width="4.21875" style="62" customWidth="1"/>
    <col min="4356" max="4367" width="7.33203125" style="62" customWidth="1"/>
    <col min="4368" max="4368" width="5.6640625" style="62" customWidth="1"/>
    <col min="4369" max="4369" width="1.33203125" style="62" customWidth="1"/>
    <col min="4370" max="4370" width="17.77734375" style="62" customWidth="1"/>
    <col min="4371" max="4610" width="9" style="62"/>
    <col min="4611" max="4611" width="4.21875" style="62" customWidth="1"/>
    <col min="4612" max="4623" width="7.33203125" style="62" customWidth="1"/>
    <col min="4624" max="4624" width="5.6640625" style="62" customWidth="1"/>
    <col min="4625" max="4625" width="1.33203125" style="62" customWidth="1"/>
    <col min="4626" max="4626" width="17.77734375" style="62" customWidth="1"/>
    <col min="4627" max="4866" width="9" style="62"/>
    <col min="4867" max="4867" width="4.21875" style="62" customWidth="1"/>
    <col min="4868" max="4879" width="7.33203125" style="62" customWidth="1"/>
    <col min="4880" max="4880" width="5.6640625" style="62" customWidth="1"/>
    <col min="4881" max="4881" width="1.33203125" style="62" customWidth="1"/>
    <col min="4882" max="4882" width="17.77734375" style="62" customWidth="1"/>
    <col min="4883" max="5122" width="9" style="62"/>
    <col min="5123" max="5123" width="4.21875" style="62" customWidth="1"/>
    <col min="5124" max="5135" width="7.33203125" style="62" customWidth="1"/>
    <col min="5136" max="5136" width="5.6640625" style="62" customWidth="1"/>
    <col min="5137" max="5137" width="1.33203125" style="62" customWidth="1"/>
    <col min="5138" max="5138" width="17.77734375" style="62" customWidth="1"/>
    <col min="5139" max="5378" width="9" style="62"/>
    <col min="5379" max="5379" width="4.21875" style="62" customWidth="1"/>
    <col min="5380" max="5391" width="7.33203125" style="62" customWidth="1"/>
    <col min="5392" max="5392" width="5.6640625" style="62" customWidth="1"/>
    <col min="5393" max="5393" width="1.33203125" style="62" customWidth="1"/>
    <col min="5394" max="5394" width="17.77734375" style="62" customWidth="1"/>
    <col min="5395" max="5634" width="9" style="62"/>
    <col min="5635" max="5635" width="4.21875" style="62" customWidth="1"/>
    <col min="5636" max="5647" width="7.33203125" style="62" customWidth="1"/>
    <col min="5648" max="5648" width="5.6640625" style="62" customWidth="1"/>
    <col min="5649" max="5649" width="1.33203125" style="62" customWidth="1"/>
    <col min="5650" max="5650" width="17.77734375" style="62" customWidth="1"/>
    <col min="5651" max="5890" width="9" style="62"/>
    <col min="5891" max="5891" width="4.21875" style="62" customWidth="1"/>
    <col min="5892" max="5903" width="7.33203125" style="62" customWidth="1"/>
    <col min="5904" max="5904" width="5.6640625" style="62" customWidth="1"/>
    <col min="5905" max="5905" width="1.33203125" style="62" customWidth="1"/>
    <col min="5906" max="5906" width="17.77734375" style="62" customWidth="1"/>
    <col min="5907" max="6146" width="9" style="62"/>
    <col min="6147" max="6147" width="4.21875" style="62" customWidth="1"/>
    <col min="6148" max="6159" width="7.33203125" style="62" customWidth="1"/>
    <col min="6160" max="6160" width="5.6640625" style="62" customWidth="1"/>
    <col min="6161" max="6161" width="1.33203125" style="62" customWidth="1"/>
    <col min="6162" max="6162" width="17.77734375" style="62" customWidth="1"/>
    <col min="6163" max="6402" width="9" style="62"/>
    <col min="6403" max="6403" width="4.21875" style="62" customWidth="1"/>
    <col min="6404" max="6415" width="7.33203125" style="62" customWidth="1"/>
    <col min="6416" max="6416" width="5.6640625" style="62" customWidth="1"/>
    <col min="6417" max="6417" width="1.33203125" style="62" customWidth="1"/>
    <col min="6418" max="6418" width="17.77734375" style="62" customWidth="1"/>
    <col min="6419" max="6658" width="9" style="62"/>
    <col min="6659" max="6659" width="4.21875" style="62" customWidth="1"/>
    <col min="6660" max="6671" width="7.33203125" style="62" customWidth="1"/>
    <col min="6672" max="6672" width="5.6640625" style="62" customWidth="1"/>
    <col min="6673" max="6673" width="1.33203125" style="62" customWidth="1"/>
    <col min="6674" max="6674" width="17.77734375" style="62" customWidth="1"/>
    <col min="6675" max="6914" width="9" style="62"/>
    <col min="6915" max="6915" width="4.21875" style="62" customWidth="1"/>
    <col min="6916" max="6927" width="7.33203125" style="62" customWidth="1"/>
    <col min="6928" max="6928" width="5.6640625" style="62" customWidth="1"/>
    <col min="6929" max="6929" width="1.33203125" style="62" customWidth="1"/>
    <col min="6930" max="6930" width="17.77734375" style="62" customWidth="1"/>
    <col min="6931" max="7170" width="9" style="62"/>
    <col min="7171" max="7171" width="4.21875" style="62" customWidth="1"/>
    <col min="7172" max="7183" width="7.33203125" style="62" customWidth="1"/>
    <col min="7184" max="7184" width="5.6640625" style="62" customWidth="1"/>
    <col min="7185" max="7185" width="1.33203125" style="62" customWidth="1"/>
    <col min="7186" max="7186" width="17.77734375" style="62" customWidth="1"/>
    <col min="7187" max="7426" width="9" style="62"/>
    <col min="7427" max="7427" width="4.21875" style="62" customWidth="1"/>
    <col min="7428" max="7439" width="7.33203125" style="62" customWidth="1"/>
    <col min="7440" max="7440" width="5.6640625" style="62" customWidth="1"/>
    <col min="7441" max="7441" width="1.33203125" style="62" customWidth="1"/>
    <col min="7442" max="7442" width="17.77734375" style="62" customWidth="1"/>
    <col min="7443" max="7682" width="9" style="62"/>
    <col min="7683" max="7683" width="4.21875" style="62" customWidth="1"/>
    <col min="7684" max="7695" width="7.33203125" style="62" customWidth="1"/>
    <col min="7696" max="7696" width="5.6640625" style="62" customWidth="1"/>
    <col min="7697" max="7697" width="1.33203125" style="62" customWidth="1"/>
    <col min="7698" max="7698" width="17.77734375" style="62" customWidth="1"/>
    <col min="7699" max="7938" width="9" style="62"/>
    <col min="7939" max="7939" width="4.21875" style="62" customWidth="1"/>
    <col min="7940" max="7951" width="7.33203125" style="62" customWidth="1"/>
    <col min="7952" max="7952" width="5.6640625" style="62" customWidth="1"/>
    <col min="7953" max="7953" width="1.33203125" style="62" customWidth="1"/>
    <col min="7954" max="7954" width="17.77734375" style="62" customWidth="1"/>
    <col min="7955" max="8194" width="9" style="62"/>
    <col min="8195" max="8195" width="4.21875" style="62" customWidth="1"/>
    <col min="8196" max="8207" width="7.33203125" style="62" customWidth="1"/>
    <col min="8208" max="8208" width="5.6640625" style="62" customWidth="1"/>
    <col min="8209" max="8209" width="1.33203125" style="62" customWidth="1"/>
    <col min="8210" max="8210" width="17.77734375" style="62" customWidth="1"/>
    <col min="8211" max="8450" width="9" style="62"/>
    <col min="8451" max="8451" width="4.21875" style="62" customWidth="1"/>
    <col min="8452" max="8463" width="7.33203125" style="62" customWidth="1"/>
    <col min="8464" max="8464" width="5.6640625" style="62" customWidth="1"/>
    <col min="8465" max="8465" width="1.33203125" style="62" customWidth="1"/>
    <col min="8466" max="8466" width="17.77734375" style="62" customWidth="1"/>
    <col min="8467" max="8706" width="9" style="62"/>
    <col min="8707" max="8707" width="4.21875" style="62" customWidth="1"/>
    <col min="8708" max="8719" width="7.33203125" style="62" customWidth="1"/>
    <col min="8720" max="8720" width="5.6640625" style="62" customWidth="1"/>
    <col min="8721" max="8721" width="1.33203125" style="62" customWidth="1"/>
    <col min="8722" max="8722" width="17.77734375" style="62" customWidth="1"/>
    <col min="8723" max="8962" width="9" style="62"/>
    <col min="8963" max="8963" width="4.21875" style="62" customWidth="1"/>
    <col min="8964" max="8975" width="7.33203125" style="62" customWidth="1"/>
    <col min="8976" max="8976" width="5.6640625" style="62" customWidth="1"/>
    <col min="8977" max="8977" width="1.33203125" style="62" customWidth="1"/>
    <col min="8978" max="8978" width="17.77734375" style="62" customWidth="1"/>
    <col min="8979" max="9218" width="9" style="62"/>
    <col min="9219" max="9219" width="4.21875" style="62" customWidth="1"/>
    <col min="9220" max="9231" width="7.33203125" style="62" customWidth="1"/>
    <col min="9232" max="9232" width="5.6640625" style="62" customWidth="1"/>
    <col min="9233" max="9233" width="1.33203125" style="62" customWidth="1"/>
    <col min="9234" max="9234" width="17.77734375" style="62" customWidth="1"/>
    <col min="9235" max="9474" width="9" style="62"/>
    <col min="9475" max="9475" width="4.21875" style="62" customWidth="1"/>
    <col min="9476" max="9487" width="7.33203125" style="62" customWidth="1"/>
    <col min="9488" max="9488" width="5.6640625" style="62" customWidth="1"/>
    <col min="9489" max="9489" width="1.33203125" style="62" customWidth="1"/>
    <col min="9490" max="9490" width="17.77734375" style="62" customWidth="1"/>
    <col min="9491" max="9730" width="9" style="62"/>
    <col min="9731" max="9731" width="4.21875" style="62" customWidth="1"/>
    <col min="9732" max="9743" width="7.33203125" style="62" customWidth="1"/>
    <col min="9744" max="9744" width="5.6640625" style="62" customWidth="1"/>
    <col min="9745" max="9745" width="1.33203125" style="62" customWidth="1"/>
    <col min="9746" max="9746" width="17.77734375" style="62" customWidth="1"/>
    <col min="9747" max="9986" width="9" style="62"/>
    <col min="9987" max="9987" width="4.21875" style="62" customWidth="1"/>
    <col min="9988" max="9999" width="7.33203125" style="62" customWidth="1"/>
    <col min="10000" max="10000" width="5.6640625" style="62" customWidth="1"/>
    <col min="10001" max="10001" width="1.33203125" style="62" customWidth="1"/>
    <col min="10002" max="10002" width="17.77734375" style="62" customWidth="1"/>
    <col min="10003" max="10242" width="9" style="62"/>
    <col min="10243" max="10243" width="4.21875" style="62" customWidth="1"/>
    <col min="10244" max="10255" width="7.33203125" style="62" customWidth="1"/>
    <col min="10256" max="10256" width="5.6640625" style="62" customWidth="1"/>
    <col min="10257" max="10257" width="1.33203125" style="62" customWidth="1"/>
    <col min="10258" max="10258" width="17.77734375" style="62" customWidth="1"/>
    <col min="10259" max="10498" width="9" style="62"/>
    <col min="10499" max="10499" width="4.21875" style="62" customWidth="1"/>
    <col min="10500" max="10511" width="7.33203125" style="62" customWidth="1"/>
    <col min="10512" max="10512" width="5.6640625" style="62" customWidth="1"/>
    <col min="10513" max="10513" width="1.33203125" style="62" customWidth="1"/>
    <col min="10514" max="10514" width="17.77734375" style="62" customWidth="1"/>
    <col min="10515" max="10754" width="9" style="62"/>
    <col min="10755" max="10755" width="4.21875" style="62" customWidth="1"/>
    <col min="10756" max="10767" width="7.33203125" style="62" customWidth="1"/>
    <col min="10768" max="10768" width="5.6640625" style="62" customWidth="1"/>
    <col min="10769" max="10769" width="1.33203125" style="62" customWidth="1"/>
    <col min="10770" max="10770" width="17.77734375" style="62" customWidth="1"/>
    <col min="10771" max="11010" width="9" style="62"/>
    <col min="11011" max="11011" width="4.21875" style="62" customWidth="1"/>
    <col min="11012" max="11023" width="7.33203125" style="62" customWidth="1"/>
    <col min="11024" max="11024" width="5.6640625" style="62" customWidth="1"/>
    <col min="11025" max="11025" width="1.33203125" style="62" customWidth="1"/>
    <col min="11026" max="11026" width="17.77734375" style="62" customWidth="1"/>
    <col min="11027" max="11266" width="9" style="62"/>
    <col min="11267" max="11267" width="4.21875" style="62" customWidth="1"/>
    <col min="11268" max="11279" width="7.33203125" style="62" customWidth="1"/>
    <col min="11280" max="11280" width="5.6640625" style="62" customWidth="1"/>
    <col min="11281" max="11281" width="1.33203125" style="62" customWidth="1"/>
    <col min="11282" max="11282" width="17.77734375" style="62" customWidth="1"/>
    <col min="11283" max="11522" width="9" style="62"/>
    <col min="11523" max="11523" width="4.21875" style="62" customWidth="1"/>
    <col min="11524" max="11535" width="7.33203125" style="62" customWidth="1"/>
    <col min="11536" max="11536" width="5.6640625" style="62" customWidth="1"/>
    <col min="11537" max="11537" width="1.33203125" style="62" customWidth="1"/>
    <col min="11538" max="11538" width="17.77734375" style="62" customWidth="1"/>
    <col min="11539" max="11778" width="9" style="62"/>
    <col min="11779" max="11779" width="4.21875" style="62" customWidth="1"/>
    <col min="11780" max="11791" width="7.33203125" style="62" customWidth="1"/>
    <col min="11792" max="11792" width="5.6640625" style="62" customWidth="1"/>
    <col min="11793" max="11793" width="1.33203125" style="62" customWidth="1"/>
    <col min="11794" max="11794" width="17.77734375" style="62" customWidth="1"/>
    <col min="11795" max="12034" width="9" style="62"/>
    <col min="12035" max="12035" width="4.21875" style="62" customWidth="1"/>
    <col min="12036" max="12047" width="7.33203125" style="62" customWidth="1"/>
    <col min="12048" max="12048" width="5.6640625" style="62" customWidth="1"/>
    <col min="12049" max="12049" width="1.33203125" style="62" customWidth="1"/>
    <col min="12050" max="12050" width="17.77734375" style="62" customWidth="1"/>
    <col min="12051" max="12290" width="9" style="62"/>
    <col min="12291" max="12291" width="4.21875" style="62" customWidth="1"/>
    <col min="12292" max="12303" width="7.33203125" style="62" customWidth="1"/>
    <col min="12304" max="12304" width="5.6640625" style="62" customWidth="1"/>
    <col min="12305" max="12305" width="1.33203125" style="62" customWidth="1"/>
    <col min="12306" max="12306" width="17.77734375" style="62" customWidth="1"/>
    <col min="12307" max="12546" width="9" style="62"/>
    <col min="12547" max="12547" width="4.21875" style="62" customWidth="1"/>
    <col min="12548" max="12559" width="7.33203125" style="62" customWidth="1"/>
    <col min="12560" max="12560" width="5.6640625" style="62" customWidth="1"/>
    <col min="12561" max="12561" width="1.33203125" style="62" customWidth="1"/>
    <col min="12562" max="12562" width="17.77734375" style="62" customWidth="1"/>
    <col min="12563" max="12802" width="9" style="62"/>
    <col min="12803" max="12803" width="4.21875" style="62" customWidth="1"/>
    <col min="12804" max="12815" width="7.33203125" style="62" customWidth="1"/>
    <col min="12816" max="12816" width="5.6640625" style="62" customWidth="1"/>
    <col min="12817" max="12817" width="1.33203125" style="62" customWidth="1"/>
    <col min="12818" max="12818" width="17.77734375" style="62" customWidth="1"/>
    <col min="12819" max="13058" width="9" style="62"/>
    <col min="13059" max="13059" width="4.21875" style="62" customWidth="1"/>
    <col min="13060" max="13071" width="7.33203125" style="62" customWidth="1"/>
    <col min="13072" max="13072" width="5.6640625" style="62" customWidth="1"/>
    <col min="13073" max="13073" width="1.33203125" style="62" customWidth="1"/>
    <col min="13074" max="13074" width="17.77734375" style="62" customWidth="1"/>
    <col min="13075" max="13314" width="9" style="62"/>
    <col min="13315" max="13315" width="4.21875" style="62" customWidth="1"/>
    <col min="13316" max="13327" width="7.33203125" style="62" customWidth="1"/>
    <col min="13328" max="13328" width="5.6640625" style="62" customWidth="1"/>
    <col min="13329" max="13329" width="1.33203125" style="62" customWidth="1"/>
    <col min="13330" max="13330" width="17.77734375" style="62" customWidth="1"/>
    <col min="13331" max="13570" width="9" style="62"/>
    <col min="13571" max="13571" width="4.21875" style="62" customWidth="1"/>
    <col min="13572" max="13583" width="7.33203125" style="62" customWidth="1"/>
    <col min="13584" max="13584" width="5.6640625" style="62" customWidth="1"/>
    <col min="13585" max="13585" width="1.33203125" style="62" customWidth="1"/>
    <col min="13586" max="13586" width="17.77734375" style="62" customWidth="1"/>
    <col min="13587" max="13826" width="9" style="62"/>
    <col min="13827" max="13827" width="4.21875" style="62" customWidth="1"/>
    <col min="13828" max="13839" width="7.33203125" style="62" customWidth="1"/>
    <col min="13840" max="13840" width="5.6640625" style="62" customWidth="1"/>
    <col min="13841" max="13841" width="1.33203125" style="62" customWidth="1"/>
    <col min="13842" max="13842" width="17.77734375" style="62" customWidth="1"/>
    <col min="13843" max="14082" width="9" style="62"/>
    <col min="14083" max="14083" width="4.21875" style="62" customWidth="1"/>
    <col min="14084" max="14095" width="7.33203125" style="62" customWidth="1"/>
    <col min="14096" max="14096" width="5.6640625" style="62" customWidth="1"/>
    <col min="14097" max="14097" width="1.33203125" style="62" customWidth="1"/>
    <col min="14098" max="14098" width="17.77734375" style="62" customWidth="1"/>
    <col min="14099" max="14338" width="9" style="62"/>
    <col min="14339" max="14339" width="4.21875" style="62" customWidth="1"/>
    <col min="14340" max="14351" width="7.33203125" style="62" customWidth="1"/>
    <col min="14352" max="14352" width="5.6640625" style="62" customWidth="1"/>
    <col min="14353" max="14353" width="1.33203125" style="62" customWidth="1"/>
    <col min="14354" max="14354" width="17.77734375" style="62" customWidth="1"/>
    <col min="14355" max="14594" width="9" style="62"/>
    <col min="14595" max="14595" width="4.21875" style="62" customWidth="1"/>
    <col min="14596" max="14607" width="7.33203125" style="62" customWidth="1"/>
    <col min="14608" max="14608" width="5.6640625" style="62" customWidth="1"/>
    <col min="14609" max="14609" width="1.33203125" style="62" customWidth="1"/>
    <col min="14610" max="14610" width="17.77734375" style="62" customWidth="1"/>
    <col min="14611" max="14850" width="9" style="62"/>
    <col min="14851" max="14851" width="4.21875" style="62" customWidth="1"/>
    <col min="14852" max="14863" width="7.33203125" style="62" customWidth="1"/>
    <col min="14864" max="14864" width="5.6640625" style="62" customWidth="1"/>
    <col min="14865" max="14865" width="1.33203125" style="62" customWidth="1"/>
    <col min="14866" max="14866" width="17.77734375" style="62" customWidth="1"/>
    <col min="14867" max="15106" width="9" style="62"/>
    <col min="15107" max="15107" width="4.21875" style="62" customWidth="1"/>
    <col min="15108" max="15119" width="7.33203125" style="62" customWidth="1"/>
    <col min="15120" max="15120" width="5.6640625" style="62" customWidth="1"/>
    <col min="15121" max="15121" width="1.33203125" style="62" customWidth="1"/>
    <col min="15122" max="15122" width="17.77734375" style="62" customWidth="1"/>
    <col min="15123" max="15362" width="9" style="62"/>
    <col min="15363" max="15363" width="4.21875" style="62" customWidth="1"/>
    <col min="15364" max="15375" width="7.33203125" style="62" customWidth="1"/>
    <col min="15376" max="15376" width="5.6640625" style="62" customWidth="1"/>
    <col min="15377" max="15377" width="1.33203125" style="62" customWidth="1"/>
    <col min="15378" max="15378" width="17.77734375" style="62" customWidth="1"/>
    <col min="15379" max="15618" width="9" style="62"/>
    <col min="15619" max="15619" width="4.21875" style="62" customWidth="1"/>
    <col min="15620" max="15631" width="7.33203125" style="62" customWidth="1"/>
    <col min="15632" max="15632" width="5.6640625" style="62" customWidth="1"/>
    <col min="15633" max="15633" width="1.33203125" style="62" customWidth="1"/>
    <col min="15634" max="15634" width="17.77734375" style="62" customWidth="1"/>
    <col min="15635" max="15874" width="9" style="62"/>
    <col min="15875" max="15875" width="4.21875" style="62" customWidth="1"/>
    <col min="15876" max="15887" width="7.33203125" style="62" customWidth="1"/>
    <col min="15888" max="15888" width="5.6640625" style="62" customWidth="1"/>
    <col min="15889" max="15889" width="1.33203125" style="62" customWidth="1"/>
    <col min="15890" max="15890" width="17.77734375" style="62" customWidth="1"/>
    <col min="15891" max="16130" width="9" style="62"/>
    <col min="16131" max="16131" width="4.21875" style="62" customWidth="1"/>
    <col min="16132" max="16143" width="7.33203125" style="62" customWidth="1"/>
    <col min="16144" max="16144" width="5.6640625" style="62" customWidth="1"/>
    <col min="16145" max="16145" width="1.33203125" style="62" customWidth="1"/>
    <col min="16146" max="16146" width="17.77734375" style="62" customWidth="1"/>
    <col min="16147" max="16384" width="9" style="62"/>
  </cols>
  <sheetData>
    <row r="1" spans="1:258" ht="180" customHeight="1">
      <c r="A1" s="719" t="s">
        <v>500</v>
      </c>
      <c r="B1" s="719"/>
      <c r="C1" s="719"/>
      <c r="D1" s="719"/>
      <c r="E1" s="719"/>
      <c r="F1" s="719"/>
      <c r="G1" s="719"/>
      <c r="H1" s="719"/>
      <c r="I1" s="719"/>
      <c r="J1" s="719"/>
      <c r="K1" s="719"/>
      <c r="L1" s="719"/>
      <c r="M1" s="719"/>
      <c r="N1" s="719"/>
      <c r="O1" s="719"/>
      <c r="P1" s="719"/>
      <c r="Q1" s="719"/>
      <c r="R1" s="719"/>
      <c r="S1" s="719"/>
      <c r="T1" s="61"/>
      <c r="U1" s="61"/>
      <c r="V1" s="61"/>
      <c r="W1" s="61"/>
      <c r="X1" s="61"/>
      <c r="Y1" s="61"/>
      <c r="Z1" s="61"/>
      <c r="AA1" s="61"/>
      <c r="AB1" s="61"/>
      <c r="AC1" s="61"/>
      <c r="AD1" s="61"/>
      <c r="AE1" s="61"/>
      <c r="AF1" s="61"/>
      <c r="AG1" s="61"/>
      <c r="AH1" s="61"/>
      <c r="AI1" s="61"/>
      <c r="AJ1" s="61"/>
      <c r="AK1" s="61"/>
      <c r="AL1" s="61"/>
      <c r="AM1" s="61"/>
      <c r="AN1" s="61"/>
      <c r="AO1" s="61"/>
      <c r="AP1" s="61"/>
      <c r="AQ1" s="61"/>
      <c r="AR1" s="61"/>
      <c r="AS1" s="61"/>
      <c r="AT1" s="61"/>
      <c r="AU1" s="61"/>
      <c r="AV1" s="61"/>
      <c r="AW1" s="61"/>
      <c r="AX1" s="61"/>
      <c r="AY1" s="61"/>
      <c r="AZ1" s="61"/>
      <c r="BA1" s="61"/>
      <c r="BB1" s="61"/>
      <c r="BC1" s="61"/>
      <c r="BD1" s="61"/>
      <c r="BE1" s="61"/>
      <c r="BF1" s="61"/>
      <c r="BG1" s="61"/>
      <c r="BH1" s="61"/>
      <c r="BI1" s="61"/>
      <c r="BJ1" s="61"/>
      <c r="BK1" s="61"/>
      <c r="BL1" s="61"/>
      <c r="BM1" s="61"/>
      <c r="BN1" s="61"/>
      <c r="BO1" s="61"/>
      <c r="BP1" s="61"/>
      <c r="BQ1" s="61"/>
      <c r="BR1" s="61"/>
      <c r="BS1" s="61"/>
      <c r="BT1" s="61"/>
      <c r="BU1" s="61"/>
      <c r="BV1" s="61"/>
      <c r="BW1" s="61"/>
      <c r="BX1" s="61"/>
      <c r="BY1" s="61"/>
      <c r="BZ1" s="61"/>
      <c r="CA1" s="61"/>
      <c r="CB1" s="61"/>
      <c r="CC1" s="61"/>
      <c r="CD1" s="61"/>
      <c r="CE1" s="61"/>
      <c r="CF1" s="61"/>
      <c r="CG1" s="61"/>
      <c r="CH1" s="61"/>
      <c r="CI1" s="61"/>
      <c r="CJ1" s="61"/>
      <c r="CK1" s="61"/>
      <c r="CL1" s="61"/>
      <c r="CM1" s="61"/>
      <c r="CN1" s="61"/>
      <c r="CO1" s="61"/>
      <c r="CP1" s="61"/>
      <c r="CQ1" s="61"/>
      <c r="CR1" s="61"/>
      <c r="CS1" s="61"/>
      <c r="CT1" s="61"/>
      <c r="CU1" s="61"/>
      <c r="CV1" s="61"/>
      <c r="CW1" s="61"/>
      <c r="CX1" s="61"/>
      <c r="CY1" s="61"/>
      <c r="CZ1" s="61"/>
      <c r="DA1" s="61"/>
      <c r="DB1" s="61"/>
      <c r="DC1" s="61"/>
      <c r="DD1" s="61"/>
      <c r="DE1" s="61"/>
      <c r="DF1" s="61"/>
      <c r="DG1" s="61"/>
      <c r="DH1" s="61"/>
      <c r="DI1" s="61"/>
      <c r="DJ1" s="61"/>
      <c r="DK1" s="61"/>
      <c r="DL1" s="61"/>
      <c r="DM1" s="61"/>
      <c r="DN1" s="61"/>
      <c r="DO1" s="61"/>
      <c r="DP1" s="61"/>
      <c r="DQ1" s="61"/>
      <c r="DR1" s="61"/>
      <c r="DS1" s="61"/>
      <c r="DT1" s="61"/>
      <c r="DU1" s="61"/>
      <c r="DV1" s="61"/>
      <c r="DW1" s="61"/>
      <c r="DX1" s="61"/>
      <c r="DY1" s="61"/>
      <c r="DZ1" s="61"/>
      <c r="EA1" s="61"/>
      <c r="EB1" s="61"/>
      <c r="EC1" s="61"/>
      <c r="ED1" s="61"/>
      <c r="EE1" s="61"/>
      <c r="EF1" s="61"/>
      <c r="EG1" s="61"/>
      <c r="EH1" s="61"/>
      <c r="EI1" s="61"/>
      <c r="EJ1" s="61"/>
      <c r="EK1" s="61"/>
      <c r="EL1" s="61"/>
      <c r="EM1" s="61"/>
      <c r="EN1" s="61"/>
      <c r="EO1" s="61"/>
      <c r="EP1" s="61"/>
      <c r="EQ1" s="61"/>
      <c r="ER1" s="61"/>
      <c r="ES1" s="61"/>
      <c r="ET1" s="61"/>
      <c r="EU1" s="61"/>
      <c r="EV1" s="61"/>
      <c r="EW1" s="61"/>
      <c r="EX1" s="61"/>
      <c r="EY1" s="61"/>
      <c r="EZ1" s="61"/>
      <c r="FA1" s="61"/>
      <c r="FB1" s="61"/>
      <c r="FC1" s="61"/>
      <c r="FD1" s="61"/>
      <c r="FE1" s="61"/>
      <c r="FF1" s="61"/>
      <c r="FG1" s="61"/>
      <c r="FH1" s="61"/>
      <c r="FI1" s="61"/>
      <c r="FJ1" s="61"/>
      <c r="FK1" s="61"/>
      <c r="FL1" s="61"/>
      <c r="FM1" s="61"/>
      <c r="FN1" s="61"/>
      <c r="FO1" s="61"/>
      <c r="FP1" s="61"/>
      <c r="FQ1" s="61"/>
      <c r="FR1" s="61"/>
      <c r="FS1" s="61"/>
      <c r="FT1" s="61"/>
      <c r="FU1" s="61"/>
      <c r="FV1" s="61"/>
      <c r="FW1" s="61"/>
      <c r="FX1" s="61"/>
      <c r="FY1" s="61"/>
      <c r="FZ1" s="61"/>
      <c r="GA1" s="61"/>
      <c r="GB1" s="61"/>
      <c r="GC1" s="61"/>
      <c r="GD1" s="61"/>
      <c r="GE1" s="61"/>
      <c r="GF1" s="61"/>
      <c r="GG1" s="61"/>
      <c r="GH1" s="61"/>
      <c r="GI1" s="61"/>
      <c r="GJ1" s="61"/>
      <c r="GK1" s="61"/>
      <c r="GL1" s="61"/>
      <c r="GM1" s="61"/>
      <c r="GN1" s="61"/>
      <c r="GO1" s="61"/>
      <c r="GP1" s="61"/>
      <c r="GQ1" s="61"/>
      <c r="GR1" s="61"/>
      <c r="GS1" s="61"/>
      <c r="GT1" s="61"/>
      <c r="GU1" s="61"/>
      <c r="GV1" s="61"/>
      <c r="GW1" s="61"/>
      <c r="GX1" s="61"/>
      <c r="GY1" s="61"/>
      <c r="GZ1" s="61"/>
      <c r="HA1" s="61"/>
      <c r="HB1" s="61"/>
      <c r="HC1" s="61"/>
      <c r="HD1" s="61"/>
      <c r="HE1" s="61"/>
      <c r="HF1" s="61"/>
      <c r="HG1" s="61"/>
      <c r="HH1" s="61"/>
      <c r="HI1" s="61"/>
      <c r="HJ1" s="61"/>
      <c r="HK1" s="61"/>
      <c r="HL1" s="61"/>
      <c r="HM1" s="61"/>
      <c r="HN1" s="61"/>
      <c r="HO1" s="61"/>
      <c r="HP1" s="61"/>
      <c r="HQ1" s="61"/>
      <c r="HR1" s="61"/>
      <c r="HS1" s="61"/>
      <c r="HT1" s="61"/>
      <c r="HU1" s="61"/>
      <c r="HV1" s="61"/>
      <c r="HW1" s="61"/>
      <c r="HX1" s="61"/>
      <c r="HY1" s="61"/>
      <c r="HZ1" s="61"/>
      <c r="IA1" s="61"/>
      <c r="IB1" s="61"/>
      <c r="IC1" s="61"/>
      <c r="ID1" s="61"/>
      <c r="IE1" s="61"/>
      <c r="IF1" s="61"/>
      <c r="IG1" s="61"/>
      <c r="IH1" s="61"/>
      <c r="II1" s="61"/>
      <c r="IJ1" s="61"/>
      <c r="IK1" s="61"/>
      <c r="IL1" s="61"/>
      <c r="IM1" s="61"/>
      <c r="IN1" s="61"/>
      <c r="IO1" s="61"/>
      <c r="IP1" s="61"/>
      <c r="IQ1" s="61"/>
      <c r="IR1" s="61"/>
      <c r="IS1" s="61"/>
      <c r="IT1" s="61"/>
      <c r="IU1" s="61"/>
      <c r="IV1" s="61"/>
      <c r="IW1" s="61"/>
      <c r="IX1" s="61"/>
    </row>
    <row r="2" spans="1:258" s="116" customFormat="1" ht="409.5" customHeight="1">
      <c r="A2" s="720" t="s">
        <v>501</v>
      </c>
      <c r="B2" s="720"/>
      <c r="C2" s="720"/>
      <c r="D2" s="720"/>
      <c r="E2" s="720"/>
      <c r="F2" s="720"/>
      <c r="G2" s="720"/>
      <c r="H2" s="720"/>
      <c r="I2" s="720"/>
      <c r="J2" s="720"/>
      <c r="K2" s="720"/>
      <c r="L2" s="720"/>
      <c r="M2" s="720"/>
      <c r="N2" s="720"/>
      <c r="O2" s="720"/>
      <c r="P2" s="720"/>
      <c r="Q2" s="720"/>
      <c r="R2" s="720"/>
      <c r="S2" s="720"/>
      <c r="T2" s="203"/>
      <c r="U2" s="203"/>
      <c r="V2" s="203"/>
      <c r="W2" s="203"/>
      <c r="X2" s="203"/>
      <c r="Y2" s="203"/>
      <c r="Z2" s="203"/>
      <c r="AA2" s="203"/>
      <c r="AB2" s="203"/>
      <c r="AC2" s="203"/>
      <c r="AD2" s="203"/>
      <c r="AE2" s="203"/>
      <c r="AF2" s="203"/>
      <c r="AG2" s="203"/>
      <c r="AH2" s="203"/>
      <c r="AI2" s="203"/>
      <c r="AJ2" s="203"/>
      <c r="AK2" s="203"/>
      <c r="AL2" s="203"/>
      <c r="AM2" s="203"/>
      <c r="AN2" s="203"/>
      <c r="AO2" s="203"/>
      <c r="AP2" s="203"/>
      <c r="AQ2" s="203"/>
      <c r="AR2" s="203"/>
      <c r="AS2" s="203"/>
      <c r="AT2" s="203"/>
      <c r="AU2" s="203"/>
      <c r="AV2" s="203"/>
      <c r="AW2" s="203"/>
      <c r="AX2" s="203"/>
      <c r="AY2" s="203"/>
      <c r="AZ2" s="203"/>
      <c r="BA2" s="203"/>
      <c r="BB2" s="203"/>
      <c r="BC2" s="203"/>
      <c r="BD2" s="203"/>
      <c r="BE2" s="203"/>
      <c r="BF2" s="203"/>
      <c r="BG2" s="203"/>
      <c r="BH2" s="203"/>
      <c r="BI2" s="203"/>
      <c r="BJ2" s="203"/>
      <c r="BK2" s="203"/>
      <c r="BL2" s="203"/>
      <c r="BM2" s="203"/>
      <c r="BN2" s="203"/>
      <c r="BO2" s="203"/>
      <c r="BP2" s="203"/>
      <c r="BQ2" s="203"/>
      <c r="BR2" s="203"/>
      <c r="BS2" s="203"/>
      <c r="BT2" s="203"/>
      <c r="BU2" s="203"/>
      <c r="BV2" s="203"/>
      <c r="BW2" s="203"/>
      <c r="BX2" s="203"/>
      <c r="BY2" s="203"/>
      <c r="BZ2" s="203"/>
      <c r="CA2" s="203"/>
      <c r="CB2" s="203"/>
      <c r="CC2" s="203"/>
      <c r="CD2" s="203"/>
      <c r="CE2" s="203"/>
      <c r="CF2" s="203"/>
      <c r="CG2" s="203"/>
      <c r="CH2" s="203"/>
      <c r="CI2" s="203"/>
      <c r="CJ2" s="203"/>
      <c r="CK2" s="203"/>
      <c r="CL2" s="203"/>
      <c r="CM2" s="203"/>
      <c r="CN2" s="203"/>
      <c r="CO2" s="203"/>
      <c r="CP2" s="203"/>
      <c r="CQ2" s="203"/>
      <c r="CR2" s="203"/>
      <c r="CS2" s="203"/>
      <c r="CT2" s="203"/>
      <c r="CU2" s="203"/>
      <c r="CV2" s="203"/>
      <c r="CW2" s="203"/>
      <c r="CX2" s="203"/>
      <c r="CY2" s="203"/>
      <c r="CZ2" s="203"/>
      <c r="DA2" s="203"/>
      <c r="DB2" s="203"/>
      <c r="DC2" s="203"/>
      <c r="DD2" s="203"/>
      <c r="DE2" s="203"/>
      <c r="DF2" s="203"/>
      <c r="DG2" s="203"/>
      <c r="DH2" s="203"/>
      <c r="DI2" s="203"/>
      <c r="DJ2" s="203"/>
      <c r="DK2" s="203"/>
      <c r="DL2" s="203"/>
      <c r="DM2" s="203"/>
      <c r="DN2" s="203"/>
      <c r="DO2" s="203"/>
      <c r="DP2" s="203"/>
      <c r="DQ2" s="203"/>
      <c r="DR2" s="203"/>
      <c r="DS2" s="203"/>
      <c r="DT2" s="203"/>
      <c r="DU2" s="203"/>
      <c r="DV2" s="203"/>
      <c r="DW2" s="203"/>
      <c r="DX2" s="203"/>
      <c r="DY2" s="203"/>
      <c r="DZ2" s="203"/>
      <c r="EA2" s="203"/>
      <c r="EB2" s="203"/>
      <c r="EC2" s="203"/>
      <c r="ED2" s="203"/>
      <c r="EE2" s="203"/>
      <c r="EF2" s="203"/>
      <c r="EG2" s="203"/>
      <c r="EH2" s="203"/>
      <c r="EI2" s="203"/>
      <c r="EJ2" s="203"/>
      <c r="EK2" s="203"/>
      <c r="EL2" s="203"/>
      <c r="EM2" s="203"/>
      <c r="EN2" s="203"/>
      <c r="EO2" s="203"/>
      <c r="EP2" s="203"/>
      <c r="EQ2" s="203"/>
      <c r="ER2" s="203"/>
      <c r="ES2" s="203"/>
      <c r="ET2" s="203"/>
      <c r="EU2" s="203"/>
      <c r="EV2" s="203"/>
      <c r="EW2" s="203"/>
      <c r="EX2" s="203"/>
      <c r="EY2" s="203"/>
      <c r="EZ2" s="203"/>
      <c r="FA2" s="203"/>
      <c r="FB2" s="203"/>
      <c r="FC2" s="203"/>
      <c r="FD2" s="203"/>
      <c r="FE2" s="203"/>
      <c r="FF2" s="203"/>
      <c r="FG2" s="203"/>
      <c r="FH2" s="203"/>
      <c r="FI2" s="203"/>
      <c r="FJ2" s="203"/>
      <c r="FK2" s="203"/>
      <c r="FL2" s="203"/>
      <c r="FM2" s="203"/>
      <c r="FN2" s="203"/>
      <c r="FO2" s="203"/>
      <c r="FP2" s="203"/>
      <c r="FQ2" s="203"/>
      <c r="FR2" s="203"/>
      <c r="FS2" s="203"/>
      <c r="FT2" s="203"/>
      <c r="FU2" s="203"/>
      <c r="FV2" s="203"/>
      <c r="FW2" s="203"/>
      <c r="FX2" s="203"/>
      <c r="FY2" s="203"/>
      <c r="FZ2" s="203"/>
      <c r="GA2" s="203"/>
      <c r="GB2" s="203"/>
      <c r="GC2" s="203"/>
      <c r="GD2" s="203"/>
      <c r="GE2" s="203"/>
      <c r="GF2" s="203"/>
      <c r="GG2" s="203"/>
      <c r="GH2" s="203"/>
      <c r="GI2" s="203"/>
      <c r="GJ2" s="203"/>
      <c r="GK2" s="203"/>
      <c r="GL2" s="203"/>
      <c r="GM2" s="203"/>
      <c r="GN2" s="203"/>
      <c r="GO2" s="203"/>
      <c r="GP2" s="203"/>
      <c r="GQ2" s="203"/>
      <c r="GR2" s="203"/>
      <c r="GS2" s="203"/>
      <c r="GT2" s="203"/>
      <c r="GU2" s="203"/>
      <c r="GV2" s="203"/>
      <c r="GW2" s="203"/>
      <c r="GX2" s="203"/>
      <c r="GY2" s="203"/>
      <c r="GZ2" s="203"/>
      <c r="HA2" s="203"/>
      <c r="HB2" s="203"/>
      <c r="HC2" s="203"/>
      <c r="HD2" s="203"/>
      <c r="HE2" s="203"/>
      <c r="HF2" s="203"/>
      <c r="HG2" s="203"/>
      <c r="HH2" s="203"/>
      <c r="HI2" s="203"/>
      <c r="HJ2" s="203"/>
      <c r="HK2" s="203"/>
      <c r="HL2" s="203"/>
      <c r="HM2" s="203"/>
      <c r="HN2" s="203"/>
      <c r="HO2" s="203"/>
      <c r="HP2" s="203"/>
      <c r="HQ2" s="203"/>
      <c r="HR2" s="203"/>
      <c r="HS2" s="203"/>
      <c r="HT2" s="203"/>
      <c r="HU2" s="203"/>
      <c r="HV2" s="203"/>
      <c r="HW2" s="203"/>
      <c r="HX2" s="203"/>
      <c r="HY2" s="203"/>
      <c r="HZ2" s="203"/>
      <c r="IA2" s="203"/>
      <c r="IB2" s="203"/>
      <c r="IC2" s="203"/>
      <c r="ID2" s="203"/>
      <c r="IE2" s="203"/>
      <c r="IF2" s="203"/>
      <c r="IG2" s="203"/>
      <c r="IH2" s="203"/>
      <c r="II2" s="203"/>
      <c r="IJ2" s="203"/>
      <c r="IK2" s="203"/>
      <c r="IL2" s="203"/>
      <c r="IM2" s="203"/>
      <c r="IN2" s="203"/>
      <c r="IO2" s="203"/>
      <c r="IP2" s="203"/>
      <c r="IQ2" s="203"/>
      <c r="IR2" s="203"/>
      <c r="IS2" s="203"/>
      <c r="IT2" s="203"/>
      <c r="IU2" s="203"/>
      <c r="IV2" s="203"/>
      <c r="IW2" s="203"/>
      <c r="IX2" s="203"/>
    </row>
    <row r="3" spans="1:258" ht="301.5" customHeight="1">
      <c r="A3" s="181"/>
      <c r="B3" s="181"/>
      <c r="C3" s="181"/>
      <c r="D3" s="181"/>
      <c r="E3" s="181"/>
      <c r="F3" s="181"/>
      <c r="G3" s="181"/>
      <c r="H3" s="181"/>
      <c r="I3" s="181"/>
      <c r="J3" s="181"/>
      <c r="K3" s="181"/>
      <c r="L3" s="182"/>
      <c r="M3" s="181"/>
      <c r="N3" s="181"/>
      <c r="O3" s="181"/>
      <c r="P3" s="181"/>
      <c r="Q3" s="181"/>
      <c r="R3" s="181"/>
      <c r="S3" s="181"/>
      <c r="T3" s="61"/>
      <c r="U3" s="61"/>
      <c r="V3" s="61"/>
      <c r="W3" s="61"/>
      <c r="X3" s="61"/>
      <c r="Y3" s="61"/>
      <c r="Z3" s="61"/>
      <c r="AA3" s="61"/>
      <c r="AB3" s="61"/>
      <c r="AC3" s="61"/>
      <c r="AD3" s="61"/>
      <c r="AE3" s="61"/>
      <c r="AF3" s="61"/>
      <c r="AG3" s="61"/>
      <c r="AH3" s="61"/>
      <c r="AI3" s="61"/>
      <c r="AJ3" s="61"/>
      <c r="AK3" s="61"/>
      <c r="AL3" s="61"/>
      <c r="AM3" s="61"/>
      <c r="AN3" s="61"/>
      <c r="AO3" s="61"/>
      <c r="AP3" s="61"/>
      <c r="AQ3" s="61"/>
      <c r="AR3" s="61"/>
      <c r="AS3" s="61"/>
      <c r="AT3" s="61"/>
      <c r="AU3" s="61"/>
      <c r="AV3" s="61"/>
      <c r="AW3" s="61"/>
      <c r="AX3" s="61"/>
      <c r="AY3" s="61"/>
      <c r="AZ3" s="61"/>
      <c r="BA3" s="61"/>
      <c r="BB3" s="61"/>
      <c r="BC3" s="61"/>
      <c r="BD3" s="61"/>
      <c r="BE3" s="61"/>
      <c r="BF3" s="61"/>
      <c r="BG3" s="61"/>
      <c r="BH3" s="61"/>
      <c r="BI3" s="61"/>
      <c r="BJ3" s="61"/>
      <c r="BK3" s="61"/>
      <c r="BL3" s="61"/>
      <c r="BM3" s="61"/>
      <c r="BN3" s="61"/>
      <c r="BO3" s="61"/>
      <c r="BP3" s="61"/>
      <c r="BQ3" s="61"/>
      <c r="BR3" s="61"/>
      <c r="BS3" s="61"/>
      <c r="BT3" s="61"/>
      <c r="BU3" s="61"/>
      <c r="BV3" s="61"/>
      <c r="BW3" s="61"/>
      <c r="BX3" s="61"/>
      <c r="BY3" s="61"/>
      <c r="BZ3" s="61"/>
      <c r="CA3" s="61"/>
      <c r="CB3" s="61"/>
      <c r="CC3" s="61"/>
      <c r="CD3" s="61"/>
      <c r="CE3" s="61"/>
      <c r="CF3" s="61"/>
      <c r="CG3" s="61"/>
      <c r="CH3" s="61"/>
      <c r="CI3" s="61"/>
      <c r="CJ3" s="61"/>
      <c r="CK3" s="61"/>
      <c r="CL3" s="61"/>
      <c r="CM3" s="61"/>
      <c r="CN3" s="61"/>
      <c r="CO3" s="61"/>
      <c r="CP3" s="61"/>
      <c r="CQ3" s="61"/>
      <c r="CR3" s="61"/>
      <c r="CS3" s="61"/>
      <c r="CT3" s="61"/>
      <c r="CU3" s="61"/>
      <c r="CV3" s="61"/>
      <c r="CW3" s="61"/>
      <c r="CX3" s="61"/>
      <c r="CY3" s="61"/>
      <c r="CZ3" s="61"/>
      <c r="DA3" s="61"/>
      <c r="DB3" s="61"/>
      <c r="DC3" s="61"/>
      <c r="DD3" s="61"/>
      <c r="DE3" s="61"/>
      <c r="DF3" s="61"/>
      <c r="DG3" s="61"/>
      <c r="DH3" s="61"/>
      <c r="DI3" s="61"/>
      <c r="DJ3" s="61"/>
      <c r="DK3" s="61"/>
      <c r="DL3" s="61"/>
      <c r="DM3" s="61"/>
      <c r="DN3" s="61"/>
      <c r="DO3" s="61"/>
      <c r="DP3" s="61"/>
      <c r="DQ3" s="61"/>
      <c r="DR3" s="61"/>
      <c r="DS3" s="61"/>
      <c r="DT3" s="61"/>
      <c r="DU3" s="61"/>
      <c r="DV3" s="61"/>
      <c r="DW3" s="61"/>
      <c r="DX3" s="61"/>
      <c r="DY3" s="61"/>
      <c r="DZ3" s="61"/>
      <c r="EA3" s="61"/>
      <c r="EB3" s="61"/>
      <c r="EC3" s="61"/>
      <c r="ED3" s="61"/>
      <c r="EE3" s="61"/>
      <c r="EF3" s="61"/>
      <c r="EG3" s="61"/>
      <c r="EH3" s="61"/>
      <c r="EI3" s="61"/>
      <c r="EJ3" s="61"/>
      <c r="EK3" s="61"/>
      <c r="EL3" s="61"/>
      <c r="EM3" s="61"/>
      <c r="EN3" s="61"/>
      <c r="EO3" s="61"/>
      <c r="EP3" s="61"/>
      <c r="EQ3" s="61"/>
      <c r="ER3" s="61"/>
      <c r="ES3" s="61"/>
      <c r="ET3" s="61"/>
      <c r="EU3" s="61"/>
      <c r="EV3" s="61"/>
      <c r="EW3" s="61"/>
      <c r="EX3" s="61"/>
      <c r="EY3" s="61"/>
      <c r="EZ3" s="61"/>
      <c r="FA3" s="61"/>
      <c r="FB3" s="61"/>
      <c r="FC3" s="61"/>
      <c r="FD3" s="61"/>
      <c r="FE3" s="61"/>
      <c r="FF3" s="61"/>
      <c r="FG3" s="61"/>
      <c r="FH3" s="61"/>
      <c r="FI3" s="61"/>
      <c r="FJ3" s="61"/>
      <c r="FK3" s="61"/>
      <c r="FL3" s="61"/>
      <c r="FM3" s="61"/>
      <c r="FN3" s="61"/>
      <c r="FO3" s="61"/>
      <c r="FP3" s="61"/>
      <c r="FQ3" s="61"/>
      <c r="FR3" s="61"/>
      <c r="FS3" s="61"/>
      <c r="FT3" s="61"/>
      <c r="FU3" s="61"/>
      <c r="FV3" s="61"/>
      <c r="FW3" s="61"/>
      <c r="FX3" s="61"/>
      <c r="FY3" s="61"/>
      <c r="FZ3" s="61"/>
      <c r="GA3" s="61"/>
      <c r="GB3" s="61"/>
      <c r="GC3" s="61"/>
      <c r="GD3" s="61"/>
      <c r="GE3" s="61"/>
      <c r="GF3" s="61"/>
      <c r="GG3" s="61"/>
      <c r="GH3" s="61"/>
      <c r="GI3" s="61"/>
      <c r="GJ3" s="61"/>
      <c r="GK3" s="61"/>
      <c r="GL3" s="61"/>
      <c r="GM3" s="61"/>
      <c r="GN3" s="61"/>
      <c r="GO3" s="61"/>
      <c r="GP3" s="61"/>
      <c r="GQ3" s="61"/>
      <c r="GR3" s="61"/>
      <c r="GS3" s="61"/>
      <c r="GT3" s="61"/>
      <c r="GU3" s="61"/>
      <c r="GV3" s="61"/>
      <c r="GW3" s="61"/>
      <c r="GX3" s="61"/>
      <c r="GY3" s="61"/>
      <c r="GZ3" s="61"/>
      <c r="HA3" s="61"/>
      <c r="HB3" s="61"/>
      <c r="HC3" s="61"/>
      <c r="HD3" s="61"/>
      <c r="HE3" s="61"/>
      <c r="HF3" s="61"/>
      <c r="HG3" s="61"/>
      <c r="HH3" s="61"/>
      <c r="HI3" s="61"/>
      <c r="HJ3" s="61"/>
      <c r="HK3" s="61"/>
      <c r="HL3" s="61"/>
      <c r="HM3" s="61"/>
      <c r="HN3" s="61"/>
      <c r="HO3" s="61"/>
      <c r="HP3" s="61"/>
      <c r="HQ3" s="61"/>
      <c r="HR3" s="61"/>
      <c r="HS3" s="61"/>
      <c r="HT3" s="61"/>
      <c r="HU3" s="61"/>
      <c r="HV3" s="61"/>
      <c r="HW3" s="61"/>
      <c r="HX3" s="61"/>
      <c r="HY3" s="61"/>
      <c r="HZ3" s="61"/>
      <c r="IA3" s="61"/>
      <c r="IB3" s="61"/>
      <c r="IC3" s="61"/>
      <c r="ID3" s="61"/>
      <c r="IE3" s="61"/>
      <c r="IF3" s="61"/>
      <c r="IG3" s="61"/>
      <c r="IH3" s="61"/>
      <c r="II3" s="61"/>
      <c r="IJ3" s="61"/>
      <c r="IK3" s="61"/>
      <c r="IL3" s="61"/>
      <c r="IM3" s="61"/>
      <c r="IN3" s="61"/>
      <c r="IO3" s="61"/>
      <c r="IP3" s="61"/>
      <c r="IQ3" s="61"/>
      <c r="IR3" s="61"/>
      <c r="IS3" s="61"/>
      <c r="IT3" s="61"/>
      <c r="IU3" s="61"/>
      <c r="IV3" s="61"/>
      <c r="IW3" s="61"/>
      <c r="IX3" s="61"/>
    </row>
    <row r="4" spans="1:258" ht="301.5" customHeight="1">
      <c r="A4" s="181"/>
      <c r="B4" s="181"/>
      <c r="C4" s="181"/>
      <c r="D4" s="181"/>
      <c r="E4" s="181"/>
      <c r="F4" s="181"/>
      <c r="G4" s="181"/>
      <c r="H4" s="181"/>
      <c r="I4" s="181"/>
      <c r="J4" s="181"/>
      <c r="K4" s="181"/>
      <c r="L4" s="182"/>
      <c r="M4" s="181"/>
      <c r="N4" s="181"/>
      <c r="O4" s="181"/>
      <c r="P4" s="181"/>
      <c r="Q4" s="181"/>
      <c r="R4" s="181"/>
      <c r="S4" s="181"/>
      <c r="T4" s="61"/>
      <c r="U4" s="61"/>
      <c r="V4" s="61"/>
      <c r="W4" s="61"/>
      <c r="X4" s="61"/>
      <c r="Y4" s="61"/>
      <c r="Z4" s="61"/>
      <c r="AA4" s="61"/>
      <c r="AB4" s="61"/>
      <c r="AC4" s="61"/>
      <c r="AD4" s="61"/>
      <c r="AE4" s="61"/>
      <c r="AF4" s="61"/>
      <c r="AG4" s="61"/>
      <c r="AH4" s="61"/>
      <c r="AI4" s="61"/>
      <c r="AJ4" s="61"/>
      <c r="AK4" s="61"/>
      <c r="AL4" s="61"/>
      <c r="AM4" s="61"/>
      <c r="AN4" s="61"/>
      <c r="AO4" s="61"/>
      <c r="AP4" s="61"/>
      <c r="AQ4" s="61"/>
      <c r="AR4" s="61"/>
      <c r="AS4" s="61"/>
      <c r="AT4" s="61"/>
      <c r="AU4" s="61"/>
      <c r="AV4" s="61"/>
      <c r="AW4" s="61"/>
      <c r="AX4" s="61"/>
      <c r="AY4" s="61"/>
      <c r="AZ4" s="61"/>
      <c r="BA4" s="61"/>
      <c r="BB4" s="61"/>
      <c r="BC4" s="61"/>
      <c r="BD4" s="61"/>
      <c r="BE4" s="61"/>
      <c r="BF4" s="61"/>
      <c r="BG4" s="61"/>
      <c r="BH4" s="61"/>
      <c r="BI4" s="61"/>
      <c r="BJ4" s="61"/>
      <c r="BK4" s="61"/>
      <c r="BL4" s="61"/>
      <c r="BM4" s="61"/>
      <c r="BN4" s="61"/>
      <c r="BO4" s="61"/>
      <c r="BP4" s="61"/>
      <c r="BQ4" s="61"/>
      <c r="BR4" s="61"/>
      <c r="BS4" s="61"/>
      <c r="BT4" s="61"/>
      <c r="BU4" s="61"/>
      <c r="BV4" s="61"/>
      <c r="BW4" s="61"/>
      <c r="BX4" s="61"/>
      <c r="BY4" s="61"/>
      <c r="BZ4" s="61"/>
      <c r="CA4" s="61"/>
      <c r="CB4" s="61"/>
      <c r="CC4" s="61"/>
      <c r="CD4" s="61"/>
      <c r="CE4" s="61"/>
      <c r="CF4" s="61"/>
      <c r="CG4" s="61"/>
      <c r="CH4" s="61"/>
      <c r="CI4" s="61"/>
      <c r="CJ4" s="61"/>
      <c r="CK4" s="61"/>
      <c r="CL4" s="61"/>
      <c r="CM4" s="61"/>
      <c r="CN4" s="61"/>
      <c r="CO4" s="61"/>
      <c r="CP4" s="61"/>
      <c r="CQ4" s="61"/>
      <c r="CR4" s="61"/>
      <c r="CS4" s="61"/>
      <c r="CT4" s="61"/>
      <c r="CU4" s="61"/>
      <c r="CV4" s="61"/>
      <c r="CW4" s="61"/>
      <c r="CX4" s="61"/>
      <c r="CY4" s="61"/>
      <c r="CZ4" s="61"/>
      <c r="DA4" s="61"/>
      <c r="DB4" s="61"/>
      <c r="DC4" s="61"/>
      <c r="DD4" s="61"/>
      <c r="DE4" s="61"/>
      <c r="DF4" s="61"/>
      <c r="DG4" s="61"/>
      <c r="DH4" s="61"/>
      <c r="DI4" s="61"/>
      <c r="DJ4" s="61"/>
      <c r="DK4" s="61"/>
      <c r="DL4" s="61"/>
      <c r="DM4" s="61"/>
      <c r="DN4" s="61"/>
      <c r="DO4" s="61"/>
      <c r="DP4" s="61"/>
      <c r="DQ4" s="61"/>
      <c r="DR4" s="61"/>
      <c r="DS4" s="61"/>
      <c r="DT4" s="61"/>
      <c r="DU4" s="61"/>
      <c r="DV4" s="61"/>
      <c r="DW4" s="61"/>
      <c r="DX4" s="61"/>
      <c r="DY4" s="61"/>
      <c r="DZ4" s="61"/>
      <c r="EA4" s="61"/>
      <c r="EB4" s="61"/>
      <c r="EC4" s="61"/>
      <c r="ED4" s="61"/>
      <c r="EE4" s="61"/>
      <c r="EF4" s="61"/>
      <c r="EG4" s="61"/>
      <c r="EH4" s="61"/>
      <c r="EI4" s="61"/>
      <c r="EJ4" s="61"/>
      <c r="EK4" s="61"/>
      <c r="EL4" s="61"/>
      <c r="EM4" s="61"/>
      <c r="EN4" s="61"/>
      <c r="EO4" s="61"/>
      <c r="EP4" s="61"/>
      <c r="EQ4" s="61"/>
      <c r="ER4" s="61"/>
      <c r="ES4" s="61"/>
      <c r="ET4" s="61"/>
      <c r="EU4" s="61"/>
      <c r="EV4" s="61"/>
      <c r="EW4" s="61"/>
      <c r="EX4" s="61"/>
      <c r="EY4" s="61"/>
      <c r="EZ4" s="61"/>
      <c r="FA4" s="61"/>
      <c r="FB4" s="61"/>
      <c r="FC4" s="61"/>
      <c r="FD4" s="61"/>
      <c r="FE4" s="61"/>
      <c r="FF4" s="61"/>
      <c r="FG4" s="61"/>
      <c r="FH4" s="61"/>
      <c r="FI4" s="61"/>
      <c r="FJ4" s="61"/>
      <c r="FK4" s="61"/>
      <c r="FL4" s="61"/>
      <c r="FM4" s="61"/>
      <c r="FN4" s="61"/>
      <c r="FO4" s="61"/>
      <c r="FP4" s="61"/>
      <c r="FQ4" s="61"/>
      <c r="FR4" s="61"/>
      <c r="FS4" s="61"/>
      <c r="FT4" s="61"/>
      <c r="FU4" s="61"/>
      <c r="FV4" s="61"/>
      <c r="FW4" s="61"/>
      <c r="FX4" s="61"/>
      <c r="FY4" s="61"/>
      <c r="FZ4" s="61"/>
      <c r="GA4" s="61"/>
      <c r="GB4" s="61"/>
      <c r="GC4" s="61"/>
      <c r="GD4" s="61"/>
      <c r="GE4" s="61"/>
      <c r="GF4" s="61"/>
      <c r="GG4" s="61"/>
      <c r="GH4" s="61"/>
      <c r="GI4" s="61"/>
      <c r="GJ4" s="61"/>
      <c r="GK4" s="61"/>
      <c r="GL4" s="61"/>
      <c r="GM4" s="61"/>
      <c r="GN4" s="61"/>
      <c r="GO4" s="61"/>
      <c r="GP4" s="61"/>
      <c r="GQ4" s="61"/>
      <c r="GR4" s="61"/>
      <c r="GS4" s="61"/>
      <c r="GT4" s="61"/>
      <c r="GU4" s="61"/>
      <c r="GV4" s="61"/>
      <c r="GW4" s="61"/>
      <c r="GX4" s="61"/>
      <c r="GY4" s="61"/>
      <c r="GZ4" s="61"/>
      <c r="HA4" s="61"/>
      <c r="HB4" s="61"/>
      <c r="HC4" s="61"/>
      <c r="HD4" s="61"/>
      <c r="HE4" s="61"/>
      <c r="HF4" s="61"/>
      <c r="HG4" s="61"/>
      <c r="HH4" s="61"/>
      <c r="HI4" s="61"/>
      <c r="HJ4" s="61"/>
      <c r="HK4" s="61"/>
      <c r="HL4" s="61"/>
      <c r="HM4" s="61"/>
      <c r="HN4" s="61"/>
      <c r="HO4" s="61"/>
      <c r="HP4" s="61"/>
      <c r="HQ4" s="61"/>
      <c r="HR4" s="61"/>
      <c r="HS4" s="61"/>
      <c r="HT4" s="61"/>
      <c r="HU4" s="61"/>
      <c r="HV4" s="61"/>
      <c r="HW4" s="61"/>
      <c r="HX4" s="61"/>
      <c r="HY4" s="61"/>
      <c r="HZ4" s="61"/>
      <c r="IA4" s="61"/>
      <c r="IB4" s="61"/>
      <c r="IC4" s="61"/>
      <c r="ID4" s="61"/>
      <c r="IE4" s="61"/>
      <c r="IF4" s="61"/>
      <c r="IG4" s="61"/>
      <c r="IH4" s="61"/>
      <c r="II4" s="61"/>
      <c r="IJ4" s="61"/>
      <c r="IK4" s="61"/>
      <c r="IL4" s="61"/>
      <c r="IM4" s="61"/>
      <c r="IN4" s="61"/>
      <c r="IO4" s="61"/>
      <c r="IP4" s="61"/>
      <c r="IQ4" s="61"/>
      <c r="IR4" s="61"/>
      <c r="IS4" s="61"/>
      <c r="IT4" s="61"/>
      <c r="IU4" s="61"/>
      <c r="IV4" s="61"/>
      <c r="IW4" s="61"/>
      <c r="IX4" s="61"/>
    </row>
    <row r="5" spans="1:258" ht="361.5" customHeight="1">
      <c r="A5" s="181"/>
      <c r="B5" s="181"/>
      <c r="C5" s="181"/>
      <c r="D5" s="181"/>
      <c r="E5" s="181"/>
      <c r="F5" s="181"/>
      <c r="G5" s="181"/>
      <c r="H5" s="181"/>
      <c r="I5" s="181"/>
      <c r="J5" s="181"/>
      <c r="K5" s="181"/>
      <c r="L5" s="182"/>
      <c r="M5" s="181"/>
      <c r="N5" s="181"/>
      <c r="O5" s="181"/>
      <c r="P5" s="181"/>
      <c r="Q5" s="181"/>
      <c r="R5" s="181"/>
      <c r="S5" s="181"/>
      <c r="T5" s="61"/>
      <c r="U5" s="61"/>
      <c r="V5" s="61"/>
      <c r="W5" s="61"/>
      <c r="X5" s="61"/>
      <c r="Y5" s="61"/>
      <c r="Z5" s="61"/>
      <c r="AA5" s="61"/>
      <c r="AB5" s="61"/>
      <c r="AC5" s="61"/>
      <c r="AD5" s="61"/>
      <c r="AE5" s="61"/>
      <c r="AF5" s="61"/>
      <c r="AG5" s="61"/>
      <c r="AH5" s="61"/>
      <c r="AI5" s="61"/>
      <c r="AJ5" s="61"/>
      <c r="AK5" s="61"/>
      <c r="AL5" s="61"/>
      <c r="AM5" s="61"/>
      <c r="AN5" s="61"/>
      <c r="AO5" s="61"/>
      <c r="AP5" s="61"/>
      <c r="AQ5" s="61"/>
      <c r="AR5" s="61"/>
      <c r="AS5" s="61"/>
      <c r="AT5" s="61"/>
      <c r="AU5" s="61"/>
      <c r="AV5" s="61"/>
      <c r="AW5" s="61"/>
      <c r="AX5" s="61"/>
      <c r="AY5" s="61"/>
      <c r="AZ5" s="61"/>
      <c r="BA5" s="61"/>
      <c r="BB5" s="61"/>
      <c r="BC5" s="61"/>
      <c r="BD5" s="61"/>
      <c r="BE5" s="61"/>
      <c r="BF5" s="61"/>
      <c r="BG5" s="61"/>
      <c r="BH5" s="61"/>
      <c r="BI5" s="61"/>
      <c r="BJ5" s="61"/>
      <c r="BK5" s="61"/>
      <c r="BL5" s="61"/>
      <c r="BM5" s="61"/>
      <c r="BN5" s="61"/>
      <c r="BO5" s="61"/>
      <c r="BP5" s="61"/>
      <c r="BQ5" s="61"/>
      <c r="BR5" s="61"/>
      <c r="BS5" s="61"/>
      <c r="BT5" s="61"/>
      <c r="BU5" s="61"/>
      <c r="BV5" s="61"/>
      <c r="BW5" s="61"/>
      <c r="BX5" s="61"/>
      <c r="BY5" s="61"/>
      <c r="BZ5" s="61"/>
      <c r="CA5" s="61"/>
      <c r="CB5" s="61"/>
      <c r="CC5" s="61"/>
      <c r="CD5" s="61"/>
      <c r="CE5" s="61"/>
      <c r="CF5" s="61"/>
      <c r="CG5" s="61"/>
      <c r="CH5" s="61"/>
      <c r="CI5" s="61"/>
      <c r="CJ5" s="61"/>
      <c r="CK5" s="61"/>
      <c r="CL5" s="61"/>
      <c r="CM5" s="61"/>
      <c r="CN5" s="61"/>
      <c r="CO5" s="61"/>
      <c r="CP5" s="61"/>
      <c r="CQ5" s="61"/>
      <c r="CR5" s="61"/>
      <c r="CS5" s="61"/>
      <c r="CT5" s="61"/>
      <c r="CU5" s="61"/>
      <c r="CV5" s="61"/>
      <c r="CW5" s="61"/>
      <c r="CX5" s="61"/>
      <c r="CY5" s="61"/>
      <c r="CZ5" s="61"/>
      <c r="DA5" s="61"/>
      <c r="DB5" s="61"/>
      <c r="DC5" s="61"/>
      <c r="DD5" s="61"/>
      <c r="DE5" s="61"/>
      <c r="DF5" s="61"/>
      <c r="DG5" s="61"/>
      <c r="DH5" s="61"/>
      <c r="DI5" s="61"/>
      <c r="DJ5" s="61"/>
      <c r="DK5" s="61"/>
      <c r="DL5" s="61"/>
      <c r="DM5" s="61"/>
      <c r="DN5" s="61"/>
      <c r="DO5" s="61"/>
      <c r="DP5" s="61"/>
      <c r="DQ5" s="61"/>
      <c r="DR5" s="61"/>
      <c r="DS5" s="61"/>
      <c r="DT5" s="61"/>
      <c r="DU5" s="61"/>
      <c r="DV5" s="61"/>
      <c r="DW5" s="61"/>
      <c r="DX5" s="61"/>
      <c r="DY5" s="61"/>
      <c r="DZ5" s="61"/>
      <c r="EA5" s="61"/>
      <c r="EB5" s="61"/>
      <c r="EC5" s="61"/>
      <c r="ED5" s="61"/>
      <c r="EE5" s="61"/>
      <c r="EF5" s="61"/>
      <c r="EG5" s="61"/>
      <c r="EH5" s="61"/>
      <c r="EI5" s="61"/>
      <c r="EJ5" s="61"/>
      <c r="EK5" s="61"/>
      <c r="EL5" s="61"/>
      <c r="EM5" s="61"/>
      <c r="EN5" s="61"/>
      <c r="EO5" s="61"/>
      <c r="EP5" s="61"/>
      <c r="EQ5" s="61"/>
      <c r="ER5" s="61"/>
      <c r="ES5" s="61"/>
      <c r="ET5" s="61"/>
      <c r="EU5" s="61"/>
      <c r="EV5" s="61"/>
      <c r="EW5" s="61"/>
      <c r="EX5" s="61"/>
      <c r="EY5" s="61"/>
      <c r="EZ5" s="61"/>
      <c r="FA5" s="61"/>
      <c r="FB5" s="61"/>
      <c r="FC5" s="61"/>
      <c r="FD5" s="61"/>
      <c r="FE5" s="61"/>
      <c r="FF5" s="61"/>
      <c r="FG5" s="61"/>
      <c r="FH5" s="61"/>
      <c r="FI5" s="61"/>
      <c r="FJ5" s="61"/>
      <c r="FK5" s="61"/>
      <c r="FL5" s="61"/>
      <c r="FM5" s="61"/>
      <c r="FN5" s="61"/>
      <c r="FO5" s="61"/>
      <c r="FP5" s="61"/>
      <c r="FQ5" s="61"/>
      <c r="FR5" s="61"/>
      <c r="FS5" s="61"/>
      <c r="FT5" s="61"/>
      <c r="FU5" s="61"/>
      <c r="FV5" s="61"/>
      <c r="FW5" s="61"/>
      <c r="FX5" s="61"/>
      <c r="FY5" s="61"/>
      <c r="FZ5" s="61"/>
      <c r="GA5" s="61"/>
      <c r="GB5" s="61"/>
      <c r="GC5" s="61"/>
      <c r="GD5" s="61"/>
      <c r="GE5" s="61"/>
      <c r="GF5" s="61"/>
      <c r="GG5" s="61"/>
      <c r="GH5" s="61"/>
      <c r="GI5" s="61"/>
      <c r="GJ5" s="61"/>
      <c r="GK5" s="61"/>
      <c r="GL5" s="61"/>
      <c r="GM5" s="61"/>
      <c r="GN5" s="61"/>
      <c r="GO5" s="61"/>
      <c r="GP5" s="61"/>
      <c r="GQ5" s="61"/>
      <c r="GR5" s="61"/>
      <c r="GS5" s="61"/>
      <c r="GT5" s="61"/>
      <c r="GU5" s="61"/>
      <c r="GV5" s="61"/>
      <c r="GW5" s="61"/>
      <c r="GX5" s="61"/>
      <c r="GY5" s="61"/>
      <c r="GZ5" s="61"/>
      <c r="HA5" s="61"/>
      <c r="HB5" s="61"/>
      <c r="HC5" s="61"/>
      <c r="HD5" s="61"/>
      <c r="HE5" s="61"/>
      <c r="HF5" s="61"/>
      <c r="HG5" s="61"/>
      <c r="HH5" s="61"/>
      <c r="HI5" s="61"/>
      <c r="HJ5" s="61"/>
      <c r="HK5" s="61"/>
      <c r="HL5" s="61"/>
      <c r="HM5" s="61"/>
      <c r="HN5" s="61"/>
      <c r="HO5" s="61"/>
      <c r="HP5" s="61"/>
      <c r="HQ5" s="61"/>
      <c r="HR5" s="61"/>
      <c r="HS5" s="61"/>
      <c r="HT5" s="61"/>
      <c r="HU5" s="61"/>
      <c r="HV5" s="61"/>
      <c r="HW5" s="61"/>
      <c r="HX5" s="61"/>
      <c r="HY5" s="61"/>
      <c r="HZ5" s="61"/>
      <c r="IA5" s="61"/>
      <c r="IB5" s="61"/>
      <c r="IC5" s="61"/>
      <c r="ID5" s="61"/>
      <c r="IE5" s="61"/>
      <c r="IF5" s="61"/>
      <c r="IG5" s="61"/>
      <c r="IH5" s="61"/>
      <c r="II5" s="61"/>
      <c r="IJ5" s="61"/>
      <c r="IK5" s="61"/>
      <c r="IL5" s="61"/>
      <c r="IM5" s="61"/>
      <c r="IN5" s="61"/>
      <c r="IO5" s="61"/>
      <c r="IP5" s="61"/>
      <c r="IQ5" s="61"/>
      <c r="IR5" s="61"/>
      <c r="IS5" s="61"/>
      <c r="IT5" s="61"/>
      <c r="IU5" s="61"/>
      <c r="IV5" s="61"/>
      <c r="IW5" s="61"/>
      <c r="IX5" s="61"/>
    </row>
    <row r="6" spans="1:258" ht="187.5" customHeight="1">
      <c r="A6" s="720" t="s">
        <v>502</v>
      </c>
      <c r="B6" s="720"/>
      <c r="C6" s="720"/>
      <c r="D6" s="720"/>
      <c r="E6" s="720"/>
      <c r="F6" s="720"/>
      <c r="G6" s="720"/>
      <c r="H6" s="720"/>
      <c r="I6" s="720"/>
      <c r="J6" s="720"/>
      <c r="K6" s="720"/>
      <c r="L6" s="720"/>
      <c r="M6" s="720"/>
      <c r="N6" s="720"/>
      <c r="O6" s="720"/>
      <c r="P6" s="720"/>
      <c r="Q6" s="720"/>
      <c r="R6" s="720"/>
      <c r="S6" s="720"/>
      <c r="T6" s="61"/>
      <c r="U6" s="61"/>
      <c r="V6" s="61"/>
      <c r="W6" s="61"/>
      <c r="X6" s="61"/>
      <c r="Y6" s="61"/>
      <c r="Z6" s="61"/>
      <c r="AA6" s="61"/>
      <c r="AB6" s="61"/>
      <c r="AC6" s="61"/>
      <c r="AD6" s="61"/>
      <c r="AE6" s="61"/>
      <c r="AF6" s="61"/>
      <c r="AG6" s="61"/>
      <c r="AH6" s="61"/>
      <c r="AI6" s="61"/>
      <c r="AJ6" s="61"/>
      <c r="AK6" s="61"/>
      <c r="AL6" s="61"/>
      <c r="AM6" s="61"/>
      <c r="AN6" s="61"/>
      <c r="AO6" s="61"/>
      <c r="AP6" s="61"/>
      <c r="AQ6" s="61"/>
      <c r="AR6" s="61"/>
      <c r="AS6" s="61"/>
      <c r="AT6" s="61"/>
      <c r="AU6" s="61"/>
      <c r="AV6" s="61"/>
      <c r="AW6" s="61"/>
      <c r="AX6" s="61"/>
      <c r="AY6" s="61"/>
      <c r="AZ6" s="61"/>
      <c r="BA6" s="61"/>
      <c r="BB6" s="61"/>
      <c r="BC6" s="61"/>
      <c r="BD6" s="61"/>
      <c r="BE6" s="61"/>
      <c r="BF6" s="61"/>
      <c r="BG6" s="61"/>
      <c r="BH6" s="61"/>
      <c r="BI6" s="61"/>
      <c r="BJ6" s="61"/>
      <c r="BK6" s="61"/>
      <c r="BL6" s="61"/>
      <c r="BM6" s="61"/>
      <c r="BN6" s="61"/>
      <c r="BO6" s="61"/>
      <c r="BP6" s="61"/>
      <c r="BQ6" s="61"/>
      <c r="BR6" s="61"/>
      <c r="BS6" s="61"/>
      <c r="BT6" s="61"/>
      <c r="BU6" s="61"/>
      <c r="BV6" s="61"/>
      <c r="BW6" s="61"/>
      <c r="BX6" s="61"/>
      <c r="BY6" s="61"/>
      <c r="BZ6" s="61"/>
      <c r="CA6" s="61"/>
      <c r="CB6" s="61"/>
      <c r="CC6" s="61"/>
      <c r="CD6" s="61"/>
      <c r="CE6" s="61"/>
      <c r="CF6" s="61"/>
      <c r="CG6" s="61"/>
      <c r="CH6" s="61"/>
      <c r="CI6" s="61"/>
      <c r="CJ6" s="61"/>
      <c r="CK6" s="61"/>
      <c r="CL6" s="61"/>
      <c r="CM6" s="61"/>
      <c r="CN6" s="61"/>
      <c r="CO6" s="61"/>
      <c r="CP6" s="61"/>
      <c r="CQ6" s="61"/>
      <c r="CR6" s="61"/>
      <c r="CS6" s="61"/>
      <c r="CT6" s="61"/>
      <c r="CU6" s="61"/>
      <c r="CV6" s="61"/>
      <c r="CW6" s="61"/>
      <c r="CX6" s="61"/>
      <c r="CY6" s="61"/>
      <c r="CZ6" s="61"/>
      <c r="DA6" s="61"/>
      <c r="DB6" s="61"/>
      <c r="DC6" s="61"/>
      <c r="DD6" s="61"/>
      <c r="DE6" s="61"/>
      <c r="DF6" s="61"/>
      <c r="DG6" s="61"/>
      <c r="DH6" s="61"/>
      <c r="DI6" s="61"/>
      <c r="DJ6" s="61"/>
      <c r="DK6" s="61"/>
      <c r="DL6" s="61"/>
      <c r="DM6" s="61"/>
      <c r="DN6" s="61"/>
      <c r="DO6" s="61"/>
      <c r="DP6" s="61"/>
      <c r="DQ6" s="61"/>
      <c r="DR6" s="61"/>
      <c r="DS6" s="61"/>
      <c r="DT6" s="61"/>
      <c r="DU6" s="61"/>
      <c r="DV6" s="61"/>
      <c r="DW6" s="61"/>
      <c r="DX6" s="61"/>
      <c r="DY6" s="61"/>
      <c r="DZ6" s="61"/>
      <c r="EA6" s="61"/>
      <c r="EB6" s="61"/>
      <c r="EC6" s="61"/>
      <c r="ED6" s="61"/>
      <c r="EE6" s="61"/>
      <c r="EF6" s="61"/>
      <c r="EG6" s="61"/>
      <c r="EH6" s="61"/>
      <c r="EI6" s="61"/>
      <c r="EJ6" s="61"/>
      <c r="EK6" s="61"/>
      <c r="EL6" s="61"/>
      <c r="EM6" s="61"/>
      <c r="EN6" s="61"/>
      <c r="EO6" s="61"/>
      <c r="EP6" s="61"/>
      <c r="EQ6" s="61"/>
      <c r="ER6" s="61"/>
      <c r="ES6" s="61"/>
      <c r="ET6" s="61"/>
      <c r="EU6" s="61"/>
      <c r="EV6" s="61"/>
      <c r="EW6" s="61"/>
      <c r="EX6" s="61"/>
      <c r="EY6" s="61"/>
      <c r="EZ6" s="61"/>
      <c r="FA6" s="61"/>
      <c r="FB6" s="61"/>
      <c r="FC6" s="61"/>
      <c r="FD6" s="61"/>
      <c r="FE6" s="61"/>
      <c r="FF6" s="61"/>
      <c r="FG6" s="61"/>
      <c r="FH6" s="61"/>
      <c r="FI6" s="61"/>
      <c r="FJ6" s="61"/>
      <c r="FK6" s="61"/>
      <c r="FL6" s="61"/>
      <c r="FM6" s="61"/>
      <c r="FN6" s="61"/>
      <c r="FO6" s="61"/>
      <c r="FP6" s="61"/>
      <c r="FQ6" s="61"/>
      <c r="FR6" s="61"/>
      <c r="FS6" s="61"/>
      <c r="FT6" s="61"/>
      <c r="FU6" s="61"/>
      <c r="FV6" s="61"/>
      <c r="FW6" s="61"/>
      <c r="FX6" s="61"/>
      <c r="FY6" s="61"/>
      <c r="FZ6" s="61"/>
      <c r="GA6" s="61"/>
      <c r="GB6" s="61"/>
      <c r="GC6" s="61"/>
      <c r="GD6" s="61"/>
      <c r="GE6" s="61"/>
      <c r="GF6" s="61"/>
      <c r="GG6" s="61"/>
      <c r="GH6" s="61"/>
      <c r="GI6" s="61"/>
      <c r="GJ6" s="61"/>
      <c r="GK6" s="61"/>
      <c r="GL6" s="61"/>
      <c r="GM6" s="61"/>
      <c r="GN6" s="61"/>
      <c r="GO6" s="61"/>
      <c r="GP6" s="61"/>
      <c r="GQ6" s="61"/>
      <c r="GR6" s="61"/>
      <c r="GS6" s="61"/>
      <c r="GT6" s="61"/>
      <c r="GU6" s="61"/>
      <c r="GV6" s="61"/>
      <c r="GW6" s="61"/>
      <c r="GX6" s="61"/>
      <c r="GY6" s="61"/>
      <c r="GZ6" s="61"/>
      <c r="HA6" s="61"/>
      <c r="HB6" s="61"/>
      <c r="HC6" s="61"/>
      <c r="HD6" s="61"/>
      <c r="HE6" s="61"/>
      <c r="HF6" s="61"/>
      <c r="HG6" s="61"/>
      <c r="HH6" s="61"/>
      <c r="HI6" s="61"/>
      <c r="HJ6" s="61"/>
      <c r="HK6" s="61"/>
      <c r="HL6" s="61"/>
      <c r="HM6" s="61"/>
      <c r="HN6" s="61"/>
      <c r="HO6" s="61"/>
      <c r="HP6" s="61"/>
      <c r="HQ6" s="61"/>
      <c r="HR6" s="61"/>
      <c r="HS6" s="61"/>
      <c r="HT6" s="61"/>
      <c r="HU6" s="61"/>
      <c r="HV6" s="61"/>
      <c r="HW6" s="61"/>
      <c r="HX6" s="61"/>
      <c r="HY6" s="61"/>
      <c r="HZ6" s="61"/>
      <c r="IA6" s="61"/>
      <c r="IB6" s="61"/>
      <c r="IC6" s="61"/>
      <c r="ID6" s="61"/>
      <c r="IE6" s="61"/>
      <c r="IF6" s="61"/>
      <c r="IG6" s="61"/>
      <c r="IH6" s="61"/>
      <c r="II6" s="61"/>
      <c r="IJ6" s="61"/>
      <c r="IK6" s="61"/>
      <c r="IL6" s="61"/>
      <c r="IM6" s="61"/>
      <c r="IN6" s="61"/>
      <c r="IO6" s="61"/>
      <c r="IP6" s="61"/>
      <c r="IQ6" s="61"/>
      <c r="IR6" s="61"/>
      <c r="IS6" s="61"/>
      <c r="IT6" s="61"/>
      <c r="IU6" s="61"/>
      <c r="IV6" s="61"/>
      <c r="IW6" s="61"/>
      <c r="IX6" s="61"/>
    </row>
    <row r="7" spans="1:258" ht="55.2">
      <c r="A7" s="181"/>
      <c r="B7" s="183" t="s">
        <v>3</v>
      </c>
      <c r="C7" s="184"/>
      <c r="D7" s="184" t="s">
        <v>503</v>
      </c>
      <c r="E7" s="183"/>
      <c r="F7" s="183"/>
      <c r="G7" s="183"/>
      <c r="H7" s="183"/>
      <c r="I7" s="183"/>
      <c r="J7" s="183"/>
      <c r="K7" s="183"/>
      <c r="L7" s="185"/>
      <c r="M7" s="183"/>
      <c r="N7" s="181"/>
      <c r="O7" s="181"/>
      <c r="P7" s="181"/>
      <c r="Q7" s="181"/>
      <c r="R7" s="181"/>
      <c r="S7" s="181"/>
      <c r="T7" s="61"/>
      <c r="U7" s="61"/>
      <c r="V7" s="61"/>
      <c r="W7" s="61"/>
      <c r="X7" s="61"/>
      <c r="Y7" s="61"/>
      <c r="Z7" s="61"/>
      <c r="AA7" s="61"/>
      <c r="AB7" s="61"/>
      <c r="AC7" s="61"/>
      <c r="AD7" s="61"/>
      <c r="AE7" s="61"/>
      <c r="AF7" s="61"/>
      <c r="AG7" s="61"/>
      <c r="AH7" s="61"/>
      <c r="AI7" s="61"/>
      <c r="AJ7" s="61"/>
      <c r="AK7" s="61"/>
      <c r="AL7" s="61"/>
      <c r="AM7" s="61"/>
      <c r="AN7" s="61"/>
      <c r="AO7" s="61"/>
      <c r="AP7" s="61"/>
      <c r="AQ7" s="61"/>
      <c r="AR7" s="61"/>
      <c r="AS7" s="61"/>
      <c r="AT7" s="61"/>
      <c r="AU7" s="61"/>
      <c r="AV7" s="61"/>
      <c r="AW7" s="61"/>
      <c r="AX7" s="61"/>
      <c r="AY7" s="61"/>
      <c r="AZ7" s="61"/>
      <c r="BA7" s="61"/>
      <c r="BB7" s="61"/>
      <c r="BC7" s="61"/>
      <c r="BD7" s="61"/>
      <c r="BE7" s="61"/>
      <c r="BF7" s="61"/>
      <c r="BG7" s="61"/>
      <c r="BH7" s="61"/>
      <c r="BI7" s="61"/>
      <c r="BJ7" s="61"/>
      <c r="BK7" s="61"/>
      <c r="BL7" s="61"/>
      <c r="BM7" s="61"/>
      <c r="BN7" s="61"/>
      <c r="BO7" s="61"/>
      <c r="BP7" s="61"/>
      <c r="BQ7" s="61"/>
      <c r="BR7" s="61"/>
      <c r="BS7" s="61"/>
      <c r="BT7" s="61"/>
      <c r="BU7" s="61"/>
      <c r="BV7" s="61"/>
      <c r="BW7" s="61"/>
      <c r="BX7" s="61"/>
      <c r="BY7" s="61"/>
      <c r="BZ7" s="61"/>
      <c r="CA7" s="61"/>
      <c r="CB7" s="61"/>
      <c r="CC7" s="61"/>
      <c r="CD7" s="61"/>
      <c r="CE7" s="61"/>
      <c r="CF7" s="61"/>
      <c r="CG7" s="61"/>
      <c r="CH7" s="61"/>
      <c r="CI7" s="61"/>
      <c r="CJ7" s="61"/>
      <c r="CK7" s="61"/>
      <c r="CL7" s="61"/>
      <c r="CM7" s="61"/>
      <c r="CN7" s="61"/>
      <c r="CO7" s="61"/>
      <c r="CP7" s="61"/>
      <c r="CQ7" s="61"/>
      <c r="CR7" s="61"/>
      <c r="CS7" s="61"/>
      <c r="CT7" s="61"/>
      <c r="CU7" s="61"/>
      <c r="CV7" s="61"/>
      <c r="CW7" s="61"/>
      <c r="CX7" s="61"/>
      <c r="CY7" s="61"/>
      <c r="CZ7" s="61"/>
      <c r="DA7" s="61"/>
      <c r="DB7" s="61"/>
      <c r="DC7" s="61"/>
      <c r="DD7" s="61"/>
      <c r="DE7" s="61"/>
      <c r="DF7" s="61"/>
      <c r="DG7" s="61"/>
      <c r="DH7" s="61"/>
      <c r="DI7" s="61"/>
      <c r="DJ7" s="61"/>
      <c r="DK7" s="61"/>
      <c r="DL7" s="61"/>
      <c r="DM7" s="61"/>
      <c r="DN7" s="61"/>
      <c r="DO7" s="61"/>
      <c r="DP7" s="61"/>
      <c r="DQ7" s="61"/>
      <c r="DR7" s="61"/>
      <c r="DS7" s="61"/>
      <c r="DT7" s="61"/>
      <c r="DU7" s="61"/>
      <c r="DV7" s="61"/>
      <c r="DW7" s="61"/>
      <c r="DX7" s="61"/>
      <c r="DY7" s="61"/>
      <c r="DZ7" s="61"/>
      <c r="EA7" s="61"/>
      <c r="EB7" s="61"/>
      <c r="EC7" s="61"/>
      <c r="ED7" s="61"/>
      <c r="EE7" s="61"/>
      <c r="EF7" s="61"/>
      <c r="EG7" s="61"/>
      <c r="EH7" s="61"/>
      <c r="EI7" s="61"/>
      <c r="EJ7" s="61"/>
      <c r="EK7" s="61"/>
      <c r="EL7" s="61"/>
      <c r="EM7" s="61"/>
      <c r="EN7" s="61"/>
      <c r="EO7" s="61"/>
      <c r="EP7" s="61"/>
      <c r="EQ7" s="61"/>
      <c r="ER7" s="61"/>
      <c r="ES7" s="61"/>
      <c r="ET7" s="61"/>
      <c r="EU7" s="61"/>
      <c r="EV7" s="61"/>
      <c r="EW7" s="61"/>
      <c r="EX7" s="61"/>
      <c r="EY7" s="61"/>
      <c r="EZ7" s="61"/>
      <c r="FA7" s="61"/>
      <c r="FB7" s="61"/>
      <c r="FC7" s="61"/>
      <c r="FD7" s="61"/>
      <c r="FE7" s="61"/>
      <c r="FF7" s="61"/>
      <c r="FG7" s="61"/>
      <c r="FH7" s="61"/>
      <c r="FI7" s="61"/>
      <c r="FJ7" s="61"/>
      <c r="FK7" s="61"/>
      <c r="FL7" s="61"/>
      <c r="FM7" s="61"/>
      <c r="FN7" s="61"/>
      <c r="FO7" s="61"/>
      <c r="FP7" s="61"/>
      <c r="FQ7" s="61"/>
      <c r="FR7" s="61"/>
      <c r="FS7" s="61"/>
      <c r="FT7" s="61"/>
      <c r="FU7" s="61"/>
      <c r="FV7" s="61"/>
      <c r="FW7" s="61"/>
      <c r="FX7" s="61"/>
      <c r="FY7" s="61"/>
      <c r="FZ7" s="61"/>
      <c r="GA7" s="61"/>
      <c r="GB7" s="61"/>
      <c r="GC7" s="61"/>
      <c r="GD7" s="61"/>
      <c r="GE7" s="61"/>
      <c r="GF7" s="61"/>
      <c r="GG7" s="61"/>
      <c r="GH7" s="61"/>
      <c r="GI7" s="61"/>
      <c r="GJ7" s="61"/>
      <c r="GK7" s="61"/>
      <c r="GL7" s="61"/>
      <c r="GM7" s="61"/>
      <c r="GN7" s="61"/>
      <c r="GO7" s="61"/>
      <c r="GP7" s="61"/>
      <c r="GQ7" s="61"/>
      <c r="GR7" s="61"/>
      <c r="GS7" s="61"/>
      <c r="GT7" s="61"/>
      <c r="GU7" s="61"/>
      <c r="GV7" s="61"/>
      <c r="GW7" s="61"/>
      <c r="GX7" s="61"/>
      <c r="GY7" s="61"/>
      <c r="GZ7" s="61"/>
      <c r="HA7" s="61"/>
      <c r="HB7" s="61"/>
      <c r="HC7" s="61"/>
      <c r="HD7" s="61"/>
      <c r="HE7" s="61"/>
      <c r="HF7" s="61"/>
      <c r="HG7" s="61"/>
      <c r="HH7" s="61"/>
      <c r="HI7" s="61"/>
      <c r="HJ7" s="61"/>
      <c r="HK7" s="61"/>
      <c r="HL7" s="61"/>
      <c r="HM7" s="61"/>
      <c r="HN7" s="61"/>
      <c r="HO7" s="61"/>
      <c r="HP7" s="61"/>
      <c r="HQ7" s="61"/>
      <c r="HR7" s="61"/>
      <c r="HS7" s="61"/>
      <c r="HT7" s="61"/>
      <c r="HU7" s="61"/>
      <c r="HV7" s="61"/>
      <c r="HW7" s="61"/>
      <c r="HX7" s="61"/>
      <c r="HY7" s="61"/>
      <c r="HZ7" s="61"/>
      <c r="IA7" s="61"/>
      <c r="IB7" s="61"/>
      <c r="IC7" s="61"/>
      <c r="ID7" s="61"/>
      <c r="IE7" s="61"/>
      <c r="IF7" s="61"/>
      <c r="IG7" s="61"/>
      <c r="IH7" s="61"/>
      <c r="II7" s="61"/>
      <c r="IJ7" s="61"/>
      <c r="IK7" s="61"/>
      <c r="IL7" s="61"/>
      <c r="IM7" s="61"/>
      <c r="IN7" s="61"/>
      <c r="IO7" s="61"/>
      <c r="IP7" s="61"/>
      <c r="IQ7" s="61"/>
      <c r="IR7" s="61"/>
      <c r="IS7" s="61"/>
      <c r="IT7" s="61"/>
      <c r="IU7" s="61"/>
      <c r="IV7" s="61"/>
      <c r="IW7" s="61"/>
      <c r="IX7" s="61"/>
    </row>
    <row r="8" spans="1:258" ht="55.2">
      <c r="A8" s="181"/>
      <c r="B8" s="183" t="s">
        <v>5</v>
      </c>
      <c r="C8" s="184"/>
      <c r="D8" s="184" t="s">
        <v>504</v>
      </c>
      <c r="E8" s="183"/>
      <c r="F8" s="183"/>
      <c r="G8" s="183"/>
      <c r="H8" s="183"/>
      <c r="I8" s="183"/>
      <c r="J8" s="183"/>
      <c r="K8" s="183"/>
      <c r="L8" s="185"/>
      <c r="M8" s="183"/>
      <c r="N8" s="181"/>
      <c r="O8" s="181"/>
      <c r="P8" s="181"/>
      <c r="Q8" s="181"/>
      <c r="R8" s="181"/>
      <c r="S8" s="181"/>
      <c r="T8" s="61"/>
      <c r="U8" s="61"/>
      <c r="V8" s="61"/>
      <c r="W8" s="61"/>
      <c r="X8" s="61"/>
      <c r="Y8" s="61"/>
      <c r="Z8" s="61"/>
      <c r="AA8" s="61"/>
      <c r="AB8" s="61"/>
      <c r="AC8" s="61"/>
      <c r="AD8" s="61"/>
      <c r="AE8" s="61"/>
      <c r="AF8" s="61"/>
      <c r="AG8" s="61"/>
      <c r="AH8" s="61"/>
      <c r="AI8" s="61"/>
      <c r="AJ8" s="61"/>
      <c r="AK8" s="61"/>
      <c r="AL8" s="61"/>
      <c r="AM8" s="61"/>
      <c r="AN8" s="61"/>
      <c r="AO8" s="61"/>
      <c r="AP8" s="61"/>
      <c r="AQ8" s="61"/>
      <c r="AR8" s="61"/>
      <c r="AS8" s="61"/>
      <c r="AT8" s="61"/>
      <c r="AU8" s="61"/>
      <c r="AV8" s="61"/>
      <c r="AW8" s="61"/>
      <c r="AX8" s="61"/>
      <c r="AY8" s="61"/>
      <c r="AZ8" s="61"/>
      <c r="BA8" s="61"/>
      <c r="BB8" s="61"/>
      <c r="BC8" s="61"/>
      <c r="BD8" s="61"/>
      <c r="BE8" s="61"/>
      <c r="BF8" s="61"/>
      <c r="BG8" s="61"/>
      <c r="BH8" s="61"/>
      <c r="BI8" s="61"/>
      <c r="BJ8" s="61"/>
      <c r="BK8" s="61"/>
      <c r="BL8" s="61"/>
      <c r="BM8" s="61"/>
      <c r="BN8" s="61"/>
      <c r="BO8" s="61"/>
      <c r="BP8" s="61"/>
      <c r="BQ8" s="61"/>
      <c r="BR8" s="61"/>
      <c r="BS8" s="61"/>
      <c r="BT8" s="61"/>
      <c r="BU8" s="61"/>
      <c r="BV8" s="61"/>
      <c r="BW8" s="61"/>
      <c r="BX8" s="61"/>
      <c r="BY8" s="61"/>
      <c r="BZ8" s="61"/>
      <c r="CA8" s="61"/>
      <c r="CB8" s="61"/>
      <c r="CC8" s="61"/>
      <c r="CD8" s="61"/>
      <c r="CE8" s="61"/>
      <c r="CF8" s="61"/>
      <c r="CG8" s="61"/>
      <c r="CH8" s="61"/>
      <c r="CI8" s="61"/>
      <c r="CJ8" s="61"/>
      <c r="CK8" s="61"/>
      <c r="CL8" s="61"/>
      <c r="CM8" s="61"/>
      <c r="CN8" s="61"/>
      <c r="CO8" s="61"/>
      <c r="CP8" s="61"/>
      <c r="CQ8" s="61"/>
      <c r="CR8" s="61"/>
      <c r="CS8" s="61"/>
      <c r="CT8" s="61"/>
      <c r="CU8" s="61"/>
      <c r="CV8" s="61"/>
      <c r="CW8" s="61"/>
      <c r="CX8" s="61"/>
      <c r="CY8" s="61"/>
      <c r="CZ8" s="61"/>
      <c r="DA8" s="61"/>
      <c r="DB8" s="61"/>
      <c r="DC8" s="61"/>
      <c r="DD8" s="61"/>
      <c r="DE8" s="61"/>
      <c r="DF8" s="61"/>
      <c r="DG8" s="61"/>
      <c r="DH8" s="61"/>
      <c r="DI8" s="61"/>
      <c r="DJ8" s="61"/>
      <c r="DK8" s="61"/>
      <c r="DL8" s="61"/>
      <c r="DM8" s="61"/>
      <c r="DN8" s="61"/>
      <c r="DO8" s="61"/>
      <c r="DP8" s="61"/>
      <c r="DQ8" s="61"/>
      <c r="DR8" s="61"/>
      <c r="DS8" s="61"/>
      <c r="DT8" s="61"/>
      <c r="DU8" s="61"/>
      <c r="DV8" s="61"/>
      <c r="DW8" s="61"/>
      <c r="DX8" s="61"/>
      <c r="DY8" s="61"/>
      <c r="DZ8" s="61"/>
      <c r="EA8" s="61"/>
      <c r="EB8" s="61"/>
      <c r="EC8" s="61"/>
      <c r="ED8" s="61"/>
      <c r="EE8" s="61"/>
      <c r="EF8" s="61"/>
      <c r="EG8" s="61"/>
      <c r="EH8" s="61"/>
      <c r="EI8" s="61"/>
      <c r="EJ8" s="61"/>
      <c r="EK8" s="61"/>
      <c r="EL8" s="61"/>
      <c r="EM8" s="61"/>
      <c r="EN8" s="61"/>
      <c r="EO8" s="61"/>
      <c r="EP8" s="61"/>
      <c r="EQ8" s="61"/>
      <c r="ER8" s="61"/>
      <c r="ES8" s="61"/>
      <c r="ET8" s="61"/>
      <c r="EU8" s="61"/>
      <c r="EV8" s="61"/>
      <c r="EW8" s="61"/>
      <c r="EX8" s="61"/>
      <c r="EY8" s="61"/>
      <c r="EZ8" s="61"/>
      <c r="FA8" s="61"/>
      <c r="FB8" s="61"/>
      <c r="FC8" s="61"/>
      <c r="FD8" s="61"/>
      <c r="FE8" s="61"/>
      <c r="FF8" s="61"/>
      <c r="FG8" s="61"/>
      <c r="FH8" s="61"/>
      <c r="FI8" s="61"/>
      <c r="FJ8" s="61"/>
      <c r="FK8" s="61"/>
      <c r="FL8" s="61"/>
      <c r="FM8" s="61"/>
      <c r="FN8" s="61"/>
      <c r="FO8" s="61"/>
      <c r="FP8" s="61"/>
      <c r="FQ8" s="61"/>
      <c r="FR8" s="61"/>
      <c r="FS8" s="61"/>
      <c r="FT8" s="61"/>
      <c r="FU8" s="61"/>
      <c r="FV8" s="61"/>
      <c r="FW8" s="61"/>
      <c r="FX8" s="61"/>
      <c r="FY8" s="61"/>
      <c r="FZ8" s="61"/>
      <c r="GA8" s="61"/>
      <c r="GB8" s="61"/>
      <c r="GC8" s="61"/>
      <c r="GD8" s="61"/>
      <c r="GE8" s="61"/>
      <c r="GF8" s="61"/>
      <c r="GG8" s="61"/>
      <c r="GH8" s="61"/>
      <c r="GI8" s="61"/>
      <c r="GJ8" s="61"/>
      <c r="GK8" s="61"/>
      <c r="GL8" s="61"/>
      <c r="GM8" s="61"/>
      <c r="GN8" s="61"/>
      <c r="GO8" s="61"/>
      <c r="GP8" s="61"/>
      <c r="GQ8" s="61"/>
      <c r="GR8" s="61"/>
      <c r="GS8" s="61"/>
      <c r="GT8" s="61"/>
      <c r="GU8" s="61"/>
      <c r="GV8" s="61"/>
      <c r="GW8" s="61"/>
      <c r="GX8" s="61"/>
      <c r="GY8" s="61"/>
      <c r="GZ8" s="61"/>
      <c r="HA8" s="61"/>
      <c r="HB8" s="61"/>
      <c r="HC8" s="61"/>
      <c r="HD8" s="61"/>
      <c r="HE8" s="61"/>
      <c r="HF8" s="61"/>
      <c r="HG8" s="61"/>
      <c r="HH8" s="61"/>
      <c r="HI8" s="61"/>
      <c r="HJ8" s="61"/>
      <c r="HK8" s="61"/>
      <c r="HL8" s="61"/>
      <c r="HM8" s="61"/>
      <c r="HN8" s="61"/>
      <c r="HO8" s="61"/>
      <c r="HP8" s="61"/>
      <c r="HQ8" s="61"/>
      <c r="HR8" s="61"/>
      <c r="HS8" s="61"/>
      <c r="HT8" s="61"/>
      <c r="HU8" s="61"/>
      <c r="HV8" s="61"/>
      <c r="HW8" s="61"/>
      <c r="HX8" s="61"/>
      <c r="HY8" s="61"/>
      <c r="HZ8" s="61"/>
      <c r="IA8" s="61"/>
      <c r="IB8" s="61"/>
      <c r="IC8" s="61"/>
      <c r="ID8" s="61"/>
      <c r="IE8" s="61"/>
      <c r="IF8" s="61"/>
      <c r="IG8" s="61"/>
      <c r="IH8" s="61"/>
      <c r="II8" s="61"/>
      <c r="IJ8" s="61"/>
      <c r="IK8" s="61"/>
      <c r="IL8" s="61"/>
      <c r="IM8" s="61"/>
      <c r="IN8" s="61"/>
      <c r="IO8" s="61"/>
      <c r="IP8" s="61"/>
      <c r="IQ8" s="61"/>
      <c r="IR8" s="61"/>
      <c r="IS8" s="61"/>
      <c r="IT8" s="61"/>
      <c r="IU8" s="61"/>
      <c r="IV8" s="61"/>
      <c r="IW8" s="61"/>
      <c r="IX8" s="61"/>
    </row>
    <row r="9" spans="1:258" ht="55.2">
      <c r="A9" s="181"/>
      <c r="B9" s="183" t="s">
        <v>7</v>
      </c>
      <c r="C9" s="184"/>
      <c r="D9" s="184" t="s">
        <v>505</v>
      </c>
      <c r="E9" s="183"/>
      <c r="F9" s="183"/>
      <c r="G9" s="183"/>
      <c r="H9" s="183"/>
      <c r="I9" s="183"/>
      <c r="J9" s="183"/>
      <c r="K9" s="183"/>
      <c r="L9" s="185"/>
      <c r="M9" s="183"/>
      <c r="N9" s="181"/>
      <c r="O9" s="181"/>
      <c r="P9" s="181"/>
      <c r="Q9" s="181"/>
      <c r="R9" s="181"/>
      <c r="S9" s="181"/>
      <c r="T9" s="61"/>
      <c r="U9" s="61"/>
      <c r="V9" s="61"/>
      <c r="W9" s="61"/>
      <c r="X9" s="61"/>
      <c r="Y9" s="61"/>
      <c r="Z9" s="61"/>
      <c r="AA9" s="61"/>
      <c r="AB9" s="61"/>
      <c r="AC9" s="61"/>
      <c r="AD9" s="61"/>
      <c r="AE9" s="61"/>
      <c r="AF9" s="61"/>
      <c r="AG9" s="61"/>
      <c r="AH9" s="61"/>
      <c r="AI9" s="61"/>
      <c r="AJ9" s="61"/>
      <c r="AK9" s="61"/>
      <c r="AL9" s="61"/>
      <c r="AM9" s="61"/>
      <c r="AN9" s="61"/>
      <c r="AO9" s="61"/>
      <c r="AP9" s="61"/>
      <c r="AQ9" s="61"/>
      <c r="AR9" s="61"/>
      <c r="AS9" s="61"/>
      <c r="AT9" s="61"/>
      <c r="AU9" s="61"/>
      <c r="AV9" s="61"/>
      <c r="AW9" s="61"/>
      <c r="AX9" s="61"/>
      <c r="AY9" s="61"/>
      <c r="AZ9" s="61"/>
      <c r="BA9" s="61"/>
      <c r="BB9" s="61"/>
      <c r="BC9" s="61"/>
      <c r="BD9" s="61"/>
      <c r="BE9" s="61"/>
      <c r="BF9" s="61"/>
      <c r="BG9" s="61"/>
      <c r="BH9" s="61"/>
      <c r="BI9" s="61"/>
      <c r="BJ9" s="61"/>
      <c r="BK9" s="61"/>
      <c r="BL9" s="61"/>
      <c r="BM9" s="61"/>
      <c r="BN9" s="61"/>
      <c r="BO9" s="61"/>
      <c r="BP9" s="61"/>
      <c r="BQ9" s="61"/>
      <c r="BR9" s="61"/>
      <c r="BS9" s="61"/>
      <c r="BT9" s="61"/>
      <c r="BU9" s="61"/>
      <c r="BV9" s="61"/>
      <c r="BW9" s="61"/>
      <c r="BX9" s="61"/>
      <c r="BY9" s="61"/>
      <c r="BZ9" s="61"/>
      <c r="CA9" s="61"/>
      <c r="CB9" s="61"/>
      <c r="CC9" s="61"/>
      <c r="CD9" s="61"/>
      <c r="CE9" s="61"/>
      <c r="CF9" s="61"/>
      <c r="CG9" s="61"/>
      <c r="CH9" s="61"/>
      <c r="CI9" s="61"/>
      <c r="CJ9" s="61"/>
      <c r="CK9" s="61"/>
      <c r="CL9" s="61"/>
      <c r="CM9" s="61"/>
      <c r="CN9" s="61"/>
      <c r="CO9" s="61"/>
      <c r="CP9" s="61"/>
      <c r="CQ9" s="61"/>
      <c r="CR9" s="61"/>
      <c r="CS9" s="61"/>
      <c r="CT9" s="61"/>
      <c r="CU9" s="61"/>
      <c r="CV9" s="61"/>
      <c r="CW9" s="61"/>
      <c r="CX9" s="61"/>
      <c r="CY9" s="61"/>
      <c r="CZ9" s="61"/>
      <c r="DA9" s="61"/>
      <c r="DB9" s="61"/>
      <c r="DC9" s="61"/>
      <c r="DD9" s="61"/>
      <c r="DE9" s="61"/>
      <c r="DF9" s="61"/>
      <c r="DG9" s="61"/>
      <c r="DH9" s="61"/>
      <c r="DI9" s="61"/>
      <c r="DJ9" s="61"/>
      <c r="DK9" s="61"/>
      <c r="DL9" s="61"/>
      <c r="DM9" s="61"/>
      <c r="DN9" s="61"/>
      <c r="DO9" s="61"/>
      <c r="DP9" s="61"/>
      <c r="DQ9" s="61"/>
      <c r="DR9" s="61"/>
      <c r="DS9" s="61"/>
      <c r="DT9" s="61"/>
      <c r="DU9" s="61"/>
      <c r="DV9" s="61"/>
      <c r="DW9" s="61"/>
      <c r="DX9" s="61"/>
      <c r="DY9" s="61"/>
      <c r="DZ9" s="61"/>
      <c r="EA9" s="61"/>
      <c r="EB9" s="61"/>
      <c r="EC9" s="61"/>
      <c r="ED9" s="61"/>
      <c r="EE9" s="61"/>
      <c r="EF9" s="61"/>
      <c r="EG9" s="61"/>
      <c r="EH9" s="61"/>
      <c r="EI9" s="61"/>
      <c r="EJ9" s="61"/>
      <c r="EK9" s="61"/>
      <c r="EL9" s="61"/>
      <c r="EM9" s="61"/>
      <c r="EN9" s="61"/>
      <c r="EO9" s="61"/>
      <c r="EP9" s="61"/>
      <c r="EQ9" s="61"/>
      <c r="ER9" s="61"/>
      <c r="ES9" s="61"/>
      <c r="ET9" s="61"/>
      <c r="EU9" s="61"/>
      <c r="EV9" s="61"/>
      <c r="EW9" s="61"/>
      <c r="EX9" s="61"/>
      <c r="EY9" s="61"/>
      <c r="EZ9" s="61"/>
      <c r="FA9" s="61"/>
      <c r="FB9" s="61"/>
      <c r="FC9" s="61"/>
      <c r="FD9" s="61"/>
      <c r="FE9" s="61"/>
      <c r="FF9" s="61"/>
      <c r="FG9" s="61"/>
      <c r="FH9" s="61"/>
      <c r="FI9" s="61"/>
      <c r="FJ9" s="61"/>
      <c r="FK9" s="61"/>
      <c r="FL9" s="61"/>
      <c r="FM9" s="61"/>
      <c r="FN9" s="61"/>
      <c r="FO9" s="61"/>
      <c r="FP9" s="61"/>
      <c r="FQ9" s="61"/>
      <c r="FR9" s="61"/>
      <c r="FS9" s="61"/>
      <c r="FT9" s="61"/>
      <c r="FU9" s="61"/>
      <c r="FV9" s="61"/>
      <c r="FW9" s="61"/>
      <c r="FX9" s="61"/>
      <c r="FY9" s="61"/>
      <c r="FZ9" s="61"/>
      <c r="GA9" s="61"/>
      <c r="GB9" s="61"/>
      <c r="GC9" s="61"/>
      <c r="GD9" s="61"/>
      <c r="GE9" s="61"/>
      <c r="GF9" s="61"/>
      <c r="GG9" s="61"/>
      <c r="GH9" s="61"/>
      <c r="GI9" s="61"/>
      <c r="GJ9" s="61"/>
      <c r="GK9" s="61"/>
      <c r="GL9" s="61"/>
      <c r="GM9" s="61"/>
      <c r="GN9" s="61"/>
      <c r="GO9" s="61"/>
      <c r="GP9" s="61"/>
      <c r="GQ9" s="61"/>
      <c r="GR9" s="61"/>
      <c r="GS9" s="61"/>
      <c r="GT9" s="61"/>
      <c r="GU9" s="61"/>
      <c r="GV9" s="61"/>
      <c r="GW9" s="61"/>
      <c r="GX9" s="61"/>
      <c r="GY9" s="61"/>
      <c r="GZ9" s="61"/>
      <c r="HA9" s="61"/>
      <c r="HB9" s="61"/>
      <c r="HC9" s="61"/>
      <c r="HD9" s="61"/>
      <c r="HE9" s="61"/>
      <c r="HF9" s="61"/>
      <c r="HG9" s="61"/>
      <c r="HH9" s="61"/>
      <c r="HI9" s="61"/>
      <c r="HJ9" s="61"/>
      <c r="HK9" s="61"/>
      <c r="HL9" s="61"/>
      <c r="HM9" s="61"/>
      <c r="HN9" s="61"/>
      <c r="HO9" s="61"/>
      <c r="HP9" s="61"/>
      <c r="HQ9" s="61"/>
      <c r="HR9" s="61"/>
      <c r="HS9" s="61"/>
      <c r="HT9" s="61"/>
      <c r="HU9" s="61"/>
      <c r="HV9" s="61"/>
      <c r="HW9" s="61"/>
      <c r="HX9" s="61"/>
      <c r="HY9" s="61"/>
      <c r="HZ9" s="61"/>
      <c r="IA9" s="61"/>
      <c r="IB9" s="61"/>
      <c r="IC9" s="61"/>
      <c r="ID9" s="61"/>
      <c r="IE9" s="61"/>
      <c r="IF9" s="61"/>
      <c r="IG9" s="61"/>
      <c r="IH9" s="61"/>
      <c r="II9" s="61"/>
      <c r="IJ9" s="61"/>
      <c r="IK9" s="61"/>
      <c r="IL9" s="61"/>
      <c r="IM9" s="61"/>
      <c r="IN9" s="61"/>
      <c r="IO9" s="61"/>
      <c r="IP9" s="61"/>
      <c r="IQ9" s="61"/>
      <c r="IR9" s="61"/>
      <c r="IS9" s="61"/>
      <c r="IT9" s="61"/>
      <c r="IU9" s="61"/>
      <c r="IV9" s="61"/>
      <c r="IW9" s="61"/>
      <c r="IX9" s="61"/>
    </row>
    <row r="10" spans="1:258" ht="55.2">
      <c r="A10" s="181"/>
      <c r="B10" s="183" t="s">
        <v>9</v>
      </c>
      <c r="C10" s="184"/>
      <c r="D10" s="184" t="s">
        <v>506</v>
      </c>
      <c r="E10" s="183"/>
      <c r="F10" s="183"/>
      <c r="G10" s="183"/>
      <c r="H10" s="183"/>
      <c r="I10" s="183"/>
      <c r="J10" s="183"/>
      <c r="K10" s="183"/>
      <c r="L10" s="185"/>
      <c r="M10" s="183"/>
      <c r="N10" s="181"/>
      <c r="O10" s="181"/>
      <c r="P10" s="181"/>
      <c r="Q10" s="181"/>
      <c r="R10" s="181"/>
      <c r="S10" s="181"/>
      <c r="T10" s="61"/>
      <c r="U10" s="61"/>
      <c r="V10" s="61"/>
      <c r="W10" s="61"/>
      <c r="X10" s="61"/>
      <c r="Y10" s="61"/>
      <c r="Z10" s="61"/>
      <c r="AA10" s="61"/>
      <c r="AB10" s="61"/>
      <c r="AC10" s="61"/>
      <c r="AD10" s="61"/>
      <c r="AE10" s="61"/>
      <c r="AF10" s="61"/>
      <c r="AG10" s="61"/>
      <c r="AH10" s="61"/>
      <c r="AI10" s="61"/>
      <c r="AJ10" s="61"/>
      <c r="AK10" s="61"/>
      <c r="AL10" s="61"/>
      <c r="AM10" s="61"/>
      <c r="AN10" s="61"/>
      <c r="AO10" s="61"/>
      <c r="AP10" s="61"/>
      <c r="AQ10" s="61"/>
      <c r="AR10" s="61"/>
      <c r="AS10" s="61"/>
      <c r="AT10" s="61"/>
      <c r="AU10" s="61"/>
      <c r="AV10" s="61"/>
      <c r="AW10" s="61"/>
      <c r="AX10" s="61"/>
      <c r="AY10" s="61"/>
      <c r="AZ10" s="61"/>
      <c r="BA10" s="61"/>
      <c r="BB10" s="61"/>
      <c r="BC10" s="61"/>
      <c r="BD10" s="61"/>
      <c r="BE10" s="61"/>
      <c r="BF10" s="61"/>
      <c r="BG10" s="61"/>
      <c r="BH10" s="61"/>
      <c r="BI10" s="61"/>
      <c r="BJ10" s="61"/>
      <c r="BK10" s="61"/>
      <c r="BL10" s="61"/>
      <c r="BM10" s="61"/>
      <c r="BN10" s="61"/>
      <c r="BO10" s="61"/>
      <c r="BP10" s="61"/>
      <c r="BQ10" s="61"/>
      <c r="BR10" s="61"/>
      <c r="BS10" s="61"/>
      <c r="BT10" s="61"/>
      <c r="BU10" s="61"/>
      <c r="BV10" s="61"/>
      <c r="BW10" s="61"/>
      <c r="BX10" s="61"/>
      <c r="BY10" s="61"/>
      <c r="BZ10" s="61"/>
      <c r="CA10" s="61"/>
      <c r="CB10" s="61"/>
      <c r="CC10" s="61"/>
      <c r="CD10" s="61"/>
      <c r="CE10" s="61"/>
      <c r="CF10" s="61"/>
      <c r="CG10" s="61"/>
      <c r="CH10" s="61"/>
      <c r="CI10" s="61"/>
      <c r="CJ10" s="61"/>
      <c r="CK10" s="61"/>
      <c r="CL10" s="61"/>
      <c r="CM10" s="61"/>
      <c r="CN10" s="61"/>
      <c r="CO10" s="61"/>
      <c r="CP10" s="61"/>
      <c r="CQ10" s="61"/>
      <c r="CR10" s="61"/>
      <c r="CS10" s="61"/>
      <c r="CT10" s="61"/>
      <c r="CU10" s="61"/>
      <c r="CV10" s="61"/>
      <c r="CW10" s="61"/>
      <c r="CX10" s="61"/>
      <c r="CY10" s="61"/>
      <c r="CZ10" s="61"/>
      <c r="DA10" s="61"/>
      <c r="DB10" s="61"/>
      <c r="DC10" s="61"/>
      <c r="DD10" s="61"/>
      <c r="DE10" s="61"/>
      <c r="DF10" s="61"/>
      <c r="DG10" s="61"/>
      <c r="DH10" s="61"/>
      <c r="DI10" s="61"/>
      <c r="DJ10" s="61"/>
      <c r="DK10" s="61"/>
      <c r="DL10" s="61"/>
      <c r="DM10" s="61"/>
      <c r="DN10" s="61"/>
      <c r="DO10" s="61"/>
      <c r="DP10" s="61"/>
      <c r="DQ10" s="61"/>
      <c r="DR10" s="61"/>
      <c r="DS10" s="61"/>
      <c r="DT10" s="61"/>
      <c r="DU10" s="61"/>
      <c r="DV10" s="61"/>
      <c r="DW10" s="61"/>
      <c r="DX10" s="61"/>
      <c r="DY10" s="61"/>
      <c r="DZ10" s="61"/>
      <c r="EA10" s="61"/>
      <c r="EB10" s="61"/>
      <c r="EC10" s="61"/>
      <c r="ED10" s="61"/>
      <c r="EE10" s="61"/>
      <c r="EF10" s="61"/>
      <c r="EG10" s="61"/>
      <c r="EH10" s="61"/>
      <c r="EI10" s="61"/>
      <c r="EJ10" s="61"/>
      <c r="EK10" s="61"/>
      <c r="EL10" s="61"/>
      <c r="EM10" s="61"/>
      <c r="EN10" s="61"/>
      <c r="EO10" s="61"/>
      <c r="EP10" s="61"/>
      <c r="EQ10" s="61"/>
      <c r="ER10" s="61"/>
      <c r="ES10" s="61"/>
      <c r="ET10" s="61"/>
      <c r="EU10" s="61"/>
      <c r="EV10" s="61"/>
      <c r="EW10" s="61"/>
      <c r="EX10" s="61"/>
      <c r="EY10" s="61"/>
      <c r="EZ10" s="61"/>
      <c r="FA10" s="61"/>
      <c r="FB10" s="61"/>
      <c r="FC10" s="61"/>
      <c r="FD10" s="61"/>
      <c r="FE10" s="61"/>
      <c r="FF10" s="61"/>
      <c r="FG10" s="61"/>
      <c r="FH10" s="61"/>
      <c r="FI10" s="61"/>
      <c r="FJ10" s="61"/>
      <c r="FK10" s="61"/>
      <c r="FL10" s="61"/>
      <c r="FM10" s="61"/>
      <c r="FN10" s="61"/>
      <c r="FO10" s="61"/>
      <c r="FP10" s="61"/>
      <c r="FQ10" s="61"/>
      <c r="FR10" s="61"/>
      <c r="FS10" s="61"/>
      <c r="FT10" s="61"/>
      <c r="FU10" s="61"/>
      <c r="FV10" s="61"/>
      <c r="FW10" s="61"/>
      <c r="FX10" s="61"/>
      <c r="FY10" s="61"/>
      <c r="FZ10" s="61"/>
      <c r="GA10" s="61"/>
      <c r="GB10" s="61"/>
      <c r="GC10" s="61"/>
      <c r="GD10" s="61"/>
      <c r="GE10" s="61"/>
      <c r="GF10" s="61"/>
      <c r="GG10" s="61"/>
      <c r="GH10" s="61"/>
      <c r="GI10" s="61"/>
      <c r="GJ10" s="61"/>
      <c r="GK10" s="61"/>
      <c r="GL10" s="61"/>
      <c r="GM10" s="61"/>
      <c r="GN10" s="61"/>
      <c r="GO10" s="61"/>
      <c r="GP10" s="61"/>
      <c r="GQ10" s="61"/>
      <c r="GR10" s="61"/>
      <c r="GS10" s="61"/>
      <c r="GT10" s="61"/>
      <c r="GU10" s="61"/>
      <c r="GV10" s="61"/>
      <c r="GW10" s="61"/>
      <c r="GX10" s="61"/>
      <c r="GY10" s="61"/>
      <c r="GZ10" s="61"/>
      <c r="HA10" s="61"/>
      <c r="HB10" s="61"/>
      <c r="HC10" s="61"/>
      <c r="HD10" s="61"/>
      <c r="HE10" s="61"/>
      <c r="HF10" s="61"/>
      <c r="HG10" s="61"/>
      <c r="HH10" s="61"/>
      <c r="HI10" s="61"/>
      <c r="HJ10" s="61"/>
      <c r="HK10" s="61"/>
      <c r="HL10" s="61"/>
      <c r="HM10" s="61"/>
      <c r="HN10" s="61"/>
      <c r="HO10" s="61"/>
      <c r="HP10" s="61"/>
      <c r="HQ10" s="61"/>
      <c r="HR10" s="61"/>
      <c r="HS10" s="61"/>
      <c r="HT10" s="61"/>
      <c r="HU10" s="61"/>
      <c r="HV10" s="61"/>
      <c r="HW10" s="61"/>
      <c r="HX10" s="61"/>
      <c r="HY10" s="61"/>
      <c r="HZ10" s="61"/>
      <c r="IA10" s="61"/>
      <c r="IB10" s="61"/>
      <c r="IC10" s="61"/>
      <c r="ID10" s="61"/>
      <c r="IE10" s="61"/>
      <c r="IF10" s="61"/>
      <c r="IG10" s="61"/>
      <c r="IH10" s="61"/>
      <c r="II10" s="61"/>
      <c r="IJ10" s="61"/>
      <c r="IK10" s="61"/>
      <c r="IL10" s="61"/>
      <c r="IM10" s="61"/>
      <c r="IN10" s="61"/>
      <c r="IO10" s="61"/>
      <c r="IP10" s="61"/>
      <c r="IQ10" s="61"/>
      <c r="IR10" s="61"/>
      <c r="IS10" s="61"/>
      <c r="IT10" s="61"/>
      <c r="IU10" s="61"/>
      <c r="IV10" s="61"/>
      <c r="IW10" s="61"/>
      <c r="IX10" s="61"/>
    </row>
    <row r="11" spans="1:258" s="64" customFormat="1" ht="64.5" customHeight="1">
      <c r="A11" s="183"/>
      <c r="B11" s="186" t="s">
        <v>11</v>
      </c>
      <c r="C11" s="183"/>
      <c r="D11" s="183"/>
      <c r="E11" s="183"/>
      <c r="F11" s="183"/>
      <c r="G11" s="183"/>
      <c r="H11" s="183"/>
      <c r="I11" s="183"/>
      <c r="J11" s="183"/>
      <c r="K11" s="183"/>
      <c r="L11" s="185"/>
      <c r="M11" s="183"/>
      <c r="N11" s="183"/>
      <c r="O11" s="183"/>
      <c r="P11" s="183"/>
      <c r="Q11" s="183"/>
      <c r="R11" s="183"/>
      <c r="S11" s="183"/>
      <c r="T11" s="63"/>
      <c r="U11" s="63"/>
      <c r="V11" s="63"/>
      <c r="W11" s="63"/>
      <c r="X11" s="63"/>
      <c r="Y11" s="63"/>
      <c r="Z11" s="63"/>
      <c r="AA11" s="63"/>
      <c r="AB11" s="63"/>
      <c r="AC11" s="63"/>
      <c r="AD11" s="63"/>
      <c r="AE11" s="63"/>
      <c r="AF11" s="63"/>
      <c r="AG11" s="63"/>
      <c r="AH11" s="63"/>
      <c r="AI11" s="63"/>
      <c r="AJ11" s="63"/>
      <c r="AK11" s="63"/>
      <c r="AL11" s="63"/>
      <c r="AM11" s="63"/>
      <c r="AN11" s="63"/>
      <c r="AO11" s="63"/>
      <c r="AP11" s="63"/>
      <c r="AQ11" s="63"/>
      <c r="AR11" s="63"/>
      <c r="AS11" s="63"/>
      <c r="AT11" s="63"/>
      <c r="AU11" s="63"/>
      <c r="AV11" s="63"/>
      <c r="AW11" s="63"/>
      <c r="AX11" s="63"/>
      <c r="AY11" s="63"/>
      <c r="AZ11" s="63"/>
      <c r="BA11" s="63"/>
      <c r="BB11" s="63"/>
      <c r="BC11" s="63"/>
      <c r="BD11" s="63"/>
      <c r="BE11" s="63"/>
      <c r="BF11" s="63"/>
      <c r="BG11" s="63"/>
      <c r="BH11" s="63"/>
      <c r="BI11" s="63"/>
      <c r="BJ11" s="63"/>
      <c r="BK11" s="63"/>
      <c r="BL11" s="63"/>
      <c r="BM11" s="63"/>
      <c r="BN11" s="63"/>
      <c r="BO11" s="63"/>
      <c r="BP11" s="63"/>
      <c r="BQ11" s="63"/>
      <c r="BR11" s="63"/>
      <c r="BS11" s="63"/>
      <c r="BT11" s="63"/>
      <c r="BU11" s="63"/>
      <c r="BV11" s="63"/>
      <c r="BW11" s="63"/>
      <c r="BX11" s="63"/>
      <c r="BY11" s="63"/>
      <c r="BZ11" s="63"/>
      <c r="CA11" s="63"/>
      <c r="CB11" s="63"/>
      <c r="CC11" s="63"/>
      <c r="CD11" s="63"/>
      <c r="CE11" s="63"/>
      <c r="CF11" s="63"/>
      <c r="CG11" s="63"/>
      <c r="CH11" s="63"/>
      <c r="CI11" s="63"/>
      <c r="CJ11" s="63"/>
      <c r="CK11" s="63"/>
      <c r="CL11" s="63"/>
      <c r="CM11" s="63"/>
      <c r="CN11" s="63"/>
      <c r="CO11" s="63"/>
      <c r="CP11" s="63"/>
      <c r="CQ11" s="63"/>
      <c r="CR11" s="63"/>
      <c r="CS11" s="63"/>
      <c r="CT11" s="63"/>
      <c r="CU11" s="63"/>
      <c r="CV11" s="63"/>
      <c r="CW11" s="63"/>
      <c r="CX11" s="63"/>
      <c r="CY11" s="63"/>
      <c r="CZ11" s="63"/>
      <c r="DA11" s="63"/>
      <c r="DB11" s="63"/>
      <c r="DC11" s="63"/>
      <c r="DD11" s="63"/>
      <c r="DE11" s="63"/>
      <c r="DF11" s="63"/>
      <c r="DG11" s="63"/>
      <c r="DH11" s="63"/>
      <c r="DI11" s="63"/>
      <c r="DJ11" s="63"/>
      <c r="DK11" s="63"/>
      <c r="DL11" s="63"/>
      <c r="DM11" s="63"/>
      <c r="DN11" s="63"/>
      <c r="DO11" s="63"/>
      <c r="DP11" s="63"/>
      <c r="DQ11" s="63"/>
      <c r="DR11" s="63"/>
      <c r="DS11" s="63"/>
      <c r="DT11" s="63"/>
      <c r="DU11" s="63"/>
      <c r="DV11" s="63"/>
      <c r="DW11" s="63"/>
      <c r="DX11" s="63"/>
      <c r="DY11" s="63"/>
      <c r="DZ11" s="63"/>
      <c r="EA11" s="63"/>
      <c r="EB11" s="63"/>
      <c r="EC11" s="63"/>
      <c r="ED11" s="63"/>
      <c r="EE11" s="63"/>
      <c r="EF11" s="63"/>
      <c r="EG11" s="63"/>
      <c r="EH11" s="63"/>
      <c r="EI11" s="63"/>
      <c r="EJ11" s="63"/>
      <c r="EK11" s="63"/>
      <c r="EL11" s="63"/>
      <c r="EM11" s="63"/>
      <c r="EN11" s="63"/>
      <c r="EO11" s="63"/>
      <c r="EP11" s="63"/>
      <c r="EQ11" s="63"/>
      <c r="ER11" s="63"/>
      <c r="ES11" s="63"/>
      <c r="ET11" s="63"/>
      <c r="EU11" s="63"/>
      <c r="EV11" s="63"/>
      <c r="EW11" s="63"/>
      <c r="EX11" s="63"/>
      <c r="EY11" s="63"/>
      <c r="EZ11" s="63"/>
      <c r="FA11" s="63"/>
      <c r="FB11" s="63"/>
      <c r="FC11" s="63"/>
      <c r="FD11" s="63"/>
      <c r="FE11" s="63"/>
      <c r="FF11" s="63"/>
      <c r="FG11" s="63"/>
      <c r="FH11" s="63"/>
      <c r="FI11" s="63"/>
      <c r="FJ11" s="63"/>
      <c r="FK11" s="63"/>
      <c r="FL11" s="63"/>
      <c r="FM11" s="63"/>
      <c r="FN11" s="63"/>
      <c r="FO11" s="63"/>
      <c r="FP11" s="63"/>
      <c r="FQ11" s="63"/>
      <c r="FR11" s="63"/>
      <c r="FS11" s="63"/>
      <c r="FT11" s="63"/>
      <c r="FU11" s="63"/>
      <c r="FV11" s="63"/>
      <c r="FW11" s="63"/>
      <c r="FX11" s="63"/>
      <c r="FY11" s="63"/>
      <c r="FZ11" s="63"/>
      <c r="GA11" s="63"/>
      <c r="GB11" s="63"/>
      <c r="GC11" s="63"/>
      <c r="GD11" s="63"/>
      <c r="GE11" s="63"/>
      <c r="GF11" s="63"/>
      <c r="GG11" s="63"/>
      <c r="GH11" s="63"/>
      <c r="GI11" s="63"/>
      <c r="GJ11" s="63"/>
      <c r="GK11" s="63"/>
      <c r="GL11" s="63"/>
      <c r="GM11" s="63"/>
      <c r="GN11" s="63"/>
      <c r="GO11" s="63"/>
      <c r="GP11" s="63"/>
      <c r="GQ11" s="63"/>
      <c r="GR11" s="63"/>
      <c r="GS11" s="63"/>
      <c r="GT11" s="63"/>
      <c r="GU11" s="63"/>
      <c r="GV11" s="63"/>
      <c r="GW11" s="63"/>
      <c r="GX11" s="63"/>
      <c r="GY11" s="63"/>
      <c r="GZ11" s="63"/>
      <c r="HA11" s="63"/>
      <c r="HB11" s="63"/>
      <c r="HC11" s="63"/>
      <c r="HD11" s="63"/>
      <c r="HE11" s="63"/>
      <c r="HF11" s="63"/>
      <c r="HG11" s="63"/>
      <c r="HH11" s="63"/>
      <c r="HI11" s="63"/>
      <c r="HJ11" s="63"/>
      <c r="HK11" s="63"/>
      <c r="HL11" s="63"/>
      <c r="HM11" s="63"/>
      <c r="HN11" s="63"/>
      <c r="HO11" s="63"/>
      <c r="HP11" s="63"/>
      <c r="HQ11" s="63"/>
      <c r="HR11" s="63"/>
      <c r="HS11" s="63"/>
      <c r="HT11" s="63"/>
      <c r="HU11" s="63"/>
      <c r="HV11" s="63"/>
      <c r="HW11" s="63"/>
      <c r="HX11" s="63"/>
      <c r="HY11" s="63"/>
      <c r="HZ11" s="63"/>
      <c r="IA11" s="63"/>
      <c r="IB11" s="63"/>
      <c r="IC11" s="63"/>
      <c r="ID11" s="63"/>
      <c r="IE11" s="63"/>
      <c r="IF11" s="63"/>
      <c r="IG11" s="63"/>
      <c r="IH11" s="63"/>
      <c r="II11" s="63"/>
      <c r="IJ11" s="63"/>
      <c r="IK11" s="63"/>
      <c r="IL11" s="63"/>
      <c r="IM11" s="63"/>
      <c r="IN11" s="63"/>
      <c r="IO11" s="63"/>
      <c r="IP11" s="63"/>
      <c r="IQ11" s="63"/>
      <c r="IR11" s="63"/>
      <c r="IS11" s="63"/>
      <c r="IT11" s="63"/>
      <c r="IU11" s="63"/>
      <c r="IV11" s="63"/>
      <c r="IW11" s="63"/>
      <c r="IX11" s="63"/>
    </row>
    <row r="12" spans="1:258" ht="64.5" customHeight="1">
      <c r="A12" s="181"/>
      <c r="B12" s="181"/>
      <c r="C12" s="181"/>
      <c r="D12" s="181"/>
      <c r="E12" s="181"/>
      <c r="F12" s="181"/>
      <c r="G12" s="181"/>
      <c r="H12" s="181"/>
      <c r="I12" s="181"/>
      <c r="J12" s="181"/>
      <c r="K12" s="181"/>
      <c r="L12" s="182"/>
      <c r="M12" s="181"/>
      <c r="N12" s="181"/>
      <c r="O12" s="181"/>
      <c r="P12" s="181"/>
      <c r="Q12" s="181"/>
      <c r="R12" s="181"/>
      <c r="S12" s="181"/>
      <c r="T12" s="61"/>
      <c r="U12" s="61"/>
      <c r="V12" s="61"/>
      <c r="W12" s="61"/>
      <c r="X12" s="61"/>
      <c r="Y12" s="61"/>
      <c r="Z12" s="61"/>
      <c r="AA12" s="61"/>
      <c r="AB12" s="61"/>
      <c r="AC12" s="61"/>
      <c r="AD12" s="61"/>
      <c r="AE12" s="61"/>
      <c r="AF12" s="61"/>
      <c r="AG12" s="61"/>
      <c r="AH12" s="61"/>
      <c r="AI12" s="61"/>
      <c r="AJ12" s="61"/>
      <c r="AK12" s="61"/>
      <c r="AL12" s="61"/>
      <c r="AM12" s="61"/>
      <c r="AN12" s="61"/>
      <c r="AO12" s="61"/>
      <c r="AP12" s="61"/>
      <c r="AQ12" s="61"/>
      <c r="AR12" s="61"/>
      <c r="AS12" s="61"/>
      <c r="AT12" s="61"/>
      <c r="AU12" s="61"/>
      <c r="AV12" s="61"/>
      <c r="AW12" s="61"/>
      <c r="AX12" s="61"/>
      <c r="AY12" s="61"/>
      <c r="AZ12" s="61"/>
      <c r="BA12" s="61"/>
      <c r="BB12" s="61"/>
      <c r="BC12" s="61"/>
      <c r="BD12" s="61"/>
      <c r="BE12" s="61"/>
      <c r="BF12" s="61"/>
      <c r="BG12" s="61"/>
      <c r="BH12" s="61"/>
      <c r="BI12" s="61"/>
      <c r="BJ12" s="61"/>
      <c r="BK12" s="61"/>
      <c r="BL12" s="61"/>
      <c r="BM12" s="61"/>
      <c r="BN12" s="61"/>
      <c r="BO12" s="61"/>
      <c r="BP12" s="61"/>
      <c r="BQ12" s="61"/>
      <c r="BR12" s="61"/>
      <c r="BS12" s="61"/>
      <c r="BT12" s="61"/>
      <c r="BU12" s="61"/>
      <c r="BV12" s="61"/>
      <c r="BW12" s="61"/>
      <c r="BX12" s="61"/>
      <c r="BY12" s="61"/>
      <c r="BZ12" s="61"/>
      <c r="CA12" s="61"/>
      <c r="CB12" s="61"/>
      <c r="CC12" s="61"/>
      <c r="CD12" s="61"/>
      <c r="CE12" s="61"/>
      <c r="CF12" s="61"/>
      <c r="CG12" s="61"/>
      <c r="CH12" s="61"/>
      <c r="CI12" s="61"/>
      <c r="CJ12" s="61"/>
      <c r="CK12" s="61"/>
      <c r="CL12" s="61"/>
      <c r="CM12" s="61"/>
      <c r="CN12" s="61"/>
      <c r="CO12" s="61"/>
      <c r="CP12" s="61"/>
      <c r="CQ12" s="61"/>
      <c r="CR12" s="61"/>
      <c r="CS12" s="61"/>
      <c r="CT12" s="61"/>
      <c r="CU12" s="61"/>
      <c r="CV12" s="61"/>
      <c r="CW12" s="61"/>
      <c r="CX12" s="61"/>
      <c r="CY12" s="61"/>
      <c r="CZ12" s="61"/>
      <c r="DA12" s="61"/>
      <c r="DB12" s="61"/>
      <c r="DC12" s="61"/>
      <c r="DD12" s="61"/>
      <c r="DE12" s="61"/>
      <c r="DF12" s="61"/>
      <c r="DG12" s="61"/>
      <c r="DH12" s="61"/>
      <c r="DI12" s="61"/>
      <c r="DJ12" s="61"/>
      <c r="DK12" s="61"/>
      <c r="DL12" s="61"/>
      <c r="DM12" s="61"/>
      <c r="DN12" s="61"/>
      <c r="DO12" s="61"/>
      <c r="DP12" s="61"/>
      <c r="DQ12" s="61"/>
      <c r="DR12" s="61"/>
      <c r="DS12" s="61"/>
      <c r="DT12" s="61"/>
      <c r="DU12" s="61"/>
      <c r="DV12" s="61"/>
      <c r="DW12" s="61"/>
      <c r="DX12" s="61"/>
      <c r="DY12" s="61"/>
      <c r="DZ12" s="61"/>
      <c r="EA12" s="61"/>
      <c r="EB12" s="61"/>
      <c r="EC12" s="61"/>
      <c r="ED12" s="61"/>
      <c r="EE12" s="61"/>
      <c r="EF12" s="61"/>
      <c r="EG12" s="61"/>
      <c r="EH12" s="61"/>
      <c r="EI12" s="61"/>
      <c r="EJ12" s="61"/>
      <c r="EK12" s="61"/>
      <c r="EL12" s="61"/>
      <c r="EM12" s="61"/>
      <c r="EN12" s="61"/>
      <c r="EO12" s="61"/>
      <c r="EP12" s="61"/>
      <c r="EQ12" s="61"/>
      <c r="ER12" s="61"/>
      <c r="ES12" s="61"/>
      <c r="ET12" s="61"/>
      <c r="EU12" s="61"/>
      <c r="EV12" s="61"/>
      <c r="EW12" s="61"/>
      <c r="EX12" s="61"/>
      <c r="EY12" s="61"/>
      <c r="EZ12" s="61"/>
      <c r="FA12" s="61"/>
      <c r="FB12" s="61"/>
      <c r="FC12" s="61"/>
      <c r="FD12" s="61"/>
      <c r="FE12" s="61"/>
      <c r="FF12" s="61"/>
      <c r="FG12" s="61"/>
      <c r="FH12" s="61"/>
      <c r="FI12" s="61"/>
      <c r="FJ12" s="61"/>
      <c r="FK12" s="61"/>
      <c r="FL12" s="61"/>
      <c r="FM12" s="61"/>
      <c r="FN12" s="61"/>
      <c r="FO12" s="61"/>
      <c r="FP12" s="61"/>
      <c r="FQ12" s="61"/>
      <c r="FR12" s="61"/>
      <c r="FS12" s="61"/>
      <c r="FT12" s="61"/>
      <c r="FU12" s="61"/>
      <c r="FV12" s="61"/>
      <c r="FW12" s="61"/>
      <c r="FX12" s="61"/>
      <c r="FY12" s="61"/>
      <c r="FZ12" s="61"/>
      <c r="GA12" s="61"/>
      <c r="GB12" s="61"/>
      <c r="GC12" s="61"/>
      <c r="GD12" s="61"/>
      <c r="GE12" s="61"/>
      <c r="GF12" s="61"/>
      <c r="GG12" s="61"/>
      <c r="GH12" s="61"/>
      <c r="GI12" s="61"/>
      <c r="GJ12" s="61"/>
      <c r="GK12" s="61"/>
      <c r="GL12" s="61"/>
      <c r="GM12" s="61"/>
      <c r="GN12" s="61"/>
      <c r="GO12" s="61"/>
      <c r="GP12" s="61"/>
      <c r="GQ12" s="61"/>
      <c r="GR12" s="61"/>
      <c r="GS12" s="61"/>
      <c r="GT12" s="61"/>
      <c r="GU12" s="61"/>
      <c r="GV12" s="61"/>
      <c r="GW12" s="61"/>
      <c r="GX12" s="61"/>
      <c r="GY12" s="61"/>
      <c r="GZ12" s="61"/>
      <c r="HA12" s="61"/>
      <c r="HB12" s="61"/>
      <c r="HC12" s="61"/>
      <c r="HD12" s="61"/>
      <c r="HE12" s="61"/>
      <c r="HF12" s="61"/>
      <c r="HG12" s="61"/>
      <c r="HH12" s="61"/>
      <c r="HI12" s="61"/>
      <c r="HJ12" s="61"/>
      <c r="HK12" s="61"/>
      <c r="HL12" s="61"/>
      <c r="HM12" s="61"/>
      <c r="HN12" s="61"/>
      <c r="HO12" s="61"/>
      <c r="HP12" s="61"/>
      <c r="HQ12" s="61"/>
      <c r="HR12" s="61"/>
      <c r="HS12" s="61"/>
      <c r="HT12" s="61"/>
      <c r="HU12" s="61"/>
      <c r="HV12" s="61"/>
      <c r="HW12" s="61"/>
      <c r="HX12" s="61"/>
      <c r="HY12" s="61"/>
      <c r="HZ12" s="61"/>
      <c r="IA12" s="61"/>
      <c r="IB12" s="61"/>
      <c r="IC12" s="61"/>
      <c r="ID12" s="61"/>
      <c r="IE12" s="61"/>
      <c r="IF12" s="61"/>
      <c r="IG12" s="61"/>
      <c r="IH12" s="61"/>
      <c r="II12" s="61"/>
      <c r="IJ12" s="61"/>
      <c r="IK12" s="61"/>
      <c r="IL12" s="61"/>
      <c r="IM12" s="61"/>
      <c r="IN12" s="61"/>
      <c r="IO12" s="61"/>
      <c r="IP12" s="61"/>
      <c r="IQ12" s="61"/>
      <c r="IR12" s="61"/>
      <c r="IS12" s="61"/>
      <c r="IT12" s="61"/>
      <c r="IU12" s="61"/>
      <c r="IV12" s="61"/>
      <c r="IW12" s="61"/>
      <c r="IX12" s="61"/>
    </row>
    <row r="13" spans="1:258" ht="301.5" customHeight="1">
      <c r="A13" s="181"/>
      <c r="B13" s="181"/>
      <c r="C13" s="181"/>
      <c r="D13" s="181"/>
      <c r="E13" s="181"/>
      <c r="F13" s="181"/>
      <c r="G13" s="181"/>
      <c r="H13" s="181"/>
      <c r="I13" s="181"/>
      <c r="J13" s="181"/>
      <c r="K13" s="181"/>
      <c r="L13" s="182"/>
      <c r="M13" s="181"/>
      <c r="N13" s="181"/>
      <c r="O13" s="181"/>
      <c r="P13" s="181"/>
      <c r="Q13" s="181"/>
      <c r="R13" s="181"/>
      <c r="S13" s="181"/>
      <c r="T13" s="61"/>
      <c r="U13" s="61"/>
      <c r="V13" s="61"/>
      <c r="W13" s="61"/>
      <c r="X13" s="61"/>
      <c r="Y13" s="61"/>
      <c r="Z13" s="61"/>
      <c r="AA13" s="61"/>
      <c r="AB13" s="61"/>
      <c r="AC13" s="61"/>
      <c r="AD13" s="61"/>
      <c r="AE13" s="61"/>
      <c r="AF13" s="61"/>
      <c r="AG13" s="61"/>
      <c r="AH13" s="61"/>
      <c r="AI13" s="61"/>
      <c r="AJ13" s="61"/>
      <c r="AK13" s="61"/>
      <c r="AL13" s="61"/>
      <c r="AM13" s="61"/>
      <c r="AN13" s="61"/>
      <c r="AO13" s="61"/>
      <c r="AP13" s="61"/>
      <c r="AQ13" s="61"/>
      <c r="AR13" s="61"/>
      <c r="AS13" s="61"/>
      <c r="AT13" s="61"/>
      <c r="AU13" s="61"/>
      <c r="AV13" s="61"/>
      <c r="AW13" s="61"/>
      <c r="AX13" s="61"/>
      <c r="AY13" s="61"/>
      <c r="AZ13" s="61"/>
      <c r="BA13" s="61"/>
      <c r="BB13" s="61"/>
      <c r="BC13" s="61"/>
      <c r="BD13" s="61"/>
      <c r="BE13" s="61"/>
      <c r="BF13" s="61"/>
      <c r="BG13" s="61"/>
      <c r="BH13" s="61"/>
      <c r="BI13" s="61"/>
      <c r="BJ13" s="61"/>
      <c r="BK13" s="61"/>
      <c r="BL13" s="61"/>
      <c r="BM13" s="61"/>
      <c r="BN13" s="61"/>
      <c r="BO13" s="61"/>
      <c r="BP13" s="61"/>
      <c r="BQ13" s="61"/>
      <c r="BR13" s="61"/>
      <c r="BS13" s="61"/>
      <c r="BT13" s="61"/>
      <c r="BU13" s="61"/>
      <c r="BV13" s="61"/>
      <c r="BW13" s="61"/>
      <c r="BX13" s="61"/>
      <c r="BY13" s="61"/>
      <c r="BZ13" s="61"/>
      <c r="CA13" s="61"/>
      <c r="CB13" s="61"/>
      <c r="CC13" s="61"/>
      <c r="CD13" s="61"/>
      <c r="CE13" s="61"/>
      <c r="CF13" s="61"/>
      <c r="CG13" s="61"/>
      <c r="CH13" s="61"/>
      <c r="CI13" s="61"/>
      <c r="CJ13" s="61"/>
      <c r="CK13" s="61"/>
      <c r="CL13" s="61"/>
      <c r="CM13" s="61"/>
      <c r="CN13" s="61"/>
      <c r="CO13" s="61"/>
      <c r="CP13" s="61"/>
      <c r="CQ13" s="61"/>
      <c r="CR13" s="61"/>
      <c r="CS13" s="61"/>
      <c r="CT13" s="61"/>
      <c r="CU13" s="61"/>
      <c r="CV13" s="61"/>
      <c r="CW13" s="61"/>
      <c r="CX13" s="61"/>
      <c r="CY13" s="61"/>
      <c r="CZ13" s="61"/>
      <c r="DA13" s="61"/>
      <c r="DB13" s="61"/>
      <c r="DC13" s="61"/>
      <c r="DD13" s="61"/>
      <c r="DE13" s="61"/>
      <c r="DF13" s="61"/>
      <c r="DG13" s="61"/>
      <c r="DH13" s="61"/>
      <c r="DI13" s="61"/>
      <c r="DJ13" s="61"/>
      <c r="DK13" s="61"/>
      <c r="DL13" s="61"/>
      <c r="DM13" s="61"/>
      <c r="DN13" s="61"/>
      <c r="DO13" s="61"/>
      <c r="DP13" s="61"/>
      <c r="DQ13" s="61"/>
      <c r="DR13" s="61"/>
      <c r="DS13" s="61"/>
      <c r="DT13" s="61"/>
      <c r="DU13" s="61"/>
      <c r="DV13" s="61"/>
      <c r="DW13" s="61"/>
      <c r="DX13" s="61"/>
      <c r="DY13" s="61"/>
      <c r="DZ13" s="61"/>
      <c r="EA13" s="61"/>
      <c r="EB13" s="61"/>
      <c r="EC13" s="61"/>
      <c r="ED13" s="61"/>
      <c r="EE13" s="61"/>
      <c r="EF13" s="61"/>
      <c r="EG13" s="61"/>
      <c r="EH13" s="61"/>
      <c r="EI13" s="61"/>
      <c r="EJ13" s="61"/>
      <c r="EK13" s="61"/>
      <c r="EL13" s="61"/>
      <c r="EM13" s="61"/>
      <c r="EN13" s="61"/>
      <c r="EO13" s="61"/>
      <c r="EP13" s="61"/>
      <c r="EQ13" s="61"/>
      <c r="ER13" s="61"/>
      <c r="ES13" s="61"/>
      <c r="ET13" s="61"/>
      <c r="EU13" s="61"/>
      <c r="EV13" s="61"/>
      <c r="EW13" s="61"/>
      <c r="EX13" s="61"/>
      <c r="EY13" s="61"/>
      <c r="EZ13" s="61"/>
      <c r="FA13" s="61"/>
      <c r="FB13" s="61"/>
      <c r="FC13" s="61"/>
      <c r="FD13" s="61"/>
      <c r="FE13" s="61"/>
      <c r="FF13" s="61"/>
      <c r="FG13" s="61"/>
      <c r="FH13" s="61"/>
      <c r="FI13" s="61"/>
      <c r="FJ13" s="61"/>
      <c r="FK13" s="61"/>
      <c r="FL13" s="61"/>
      <c r="FM13" s="61"/>
      <c r="FN13" s="61"/>
      <c r="FO13" s="61"/>
      <c r="FP13" s="61"/>
      <c r="FQ13" s="61"/>
      <c r="FR13" s="61"/>
      <c r="FS13" s="61"/>
      <c r="FT13" s="61"/>
      <c r="FU13" s="61"/>
      <c r="FV13" s="61"/>
      <c r="FW13" s="61"/>
      <c r="FX13" s="61"/>
      <c r="FY13" s="61"/>
      <c r="FZ13" s="61"/>
      <c r="GA13" s="61"/>
      <c r="GB13" s="61"/>
      <c r="GC13" s="61"/>
      <c r="GD13" s="61"/>
      <c r="GE13" s="61"/>
      <c r="GF13" s="61"/>
      <c r="GG13" s="61"/>
      <c r="GH13" s="61"/>
      <c r="GI13" s="61"/>
      <c r="GJ13" s="61"/>
      <c r="GK13" s="61"/>
      <c r="GL13" s="61"/>
      <c r="GM13" s="61"/>
      <c r="GN13" s="61"/>
      <c r="GO13" s="61"/>
      <c r="GP13" s="61"/>
      <c r="GQ13" s="61"/>
      <c r="GR13" s="61"/>
      <c r="GS13" s="61"/>
      <c r="GT13" s="61"/>
      <c r="GU13" s="61"/>
      <c r="GV13" s="61"/>
      <c r="GW13" s="61"/>
      <c r="GX13" s="61"/>
      <c r="GY13" s="61"/>
      <c r="GZ13" s="61"/>
      <c r="HA13" s="61"/>
      <c r="HB13" s="61"/>
      <c r="HC13" s="61"/>
      <c r="HD13" s="61"/>
      <c r="HE13" s="61"/>
      <c r="HF13" s="61"/>
      <c r="HG13" s="61"/>
      <c r="HH13" s="61"/>
      <c r="HI13" s="61"/>
      <c r="HJ13" s="61"/>
      <c r="HK13" s="61"/>
      <c r="HL13" s="61"/>
      <c r="HM13" s="61"/>
      <c r="HN13" s="61"/>
      <c r="HO13" s="61"/>
      <c r="HP13" s="61"/>
      <c r="HQ13" s="61"/>
      <c r="HR13" s="61"/>
      <c r="HS13" s="61"/>
      <c r="HT13" s="61"/>
      <c r="HU13" s="61"/>
      <c r="HV13" s="61"/>
      <c r="HW13" s="61"/>
      <c r="HX13" s="61"/>
      <c r="HY13" s="61"/>
      <c r="HZ13" s="61"/>
      <c r="IA13" s="61"/>
      <c r="IB13" s="61"/>
      <c r="IC13" s="61"/>
      <c r="ID13" s="61"/>
      <c r="IE13" s="61"/>
      <c r="IF13" s="61"/>
      <c r="IG13" s="61"/>
      <c r="IH13" s="61"/>
      <c r="II13" s="61"/>
      <c r="IJ13" s="61"/>
      <c r="IK13" s="61"/>
      <c r="IL13" s="61"/>
      <c r="IM13" s="61"/>
      <c r="IN13" s="61"/>
      <c r="IO13" s="61"/>
      <c r="IP13" s="61"/>
      <c r="IQ13" s="61"/>
      <c r="IR13" s="61"/>
      <c r="IS13" s="61"/>
      <c r="IT13" s="61"/>
      <c r="IU13" s="61"/>
      <c r="IV13" s="61"/>
      <c r="IW13" s="61"/>
      <c r="IX13" s="61"/>
    </row>
    <row r="14" spans="1:258" ht="370.5" customHeight="1">
      <c r="A14" s="181"/>
      <c r="B14" s="181"/>
      <c r="C14" s="181"/>
      <c r="D14" s="181"/>
      <c r="E14" s="181"/>
      <c r="F14" s="181"/>
      <c r="G14" s="181"/>
      <c r="H14" s="181"/>
      <c r="I14" s="181"/>
      <c r="J14" s="181"/>
      <c r="K14" s="181"/>
      <c r="L14" s="182"/>
      <c r="M14" s="181"/>
      <c r="N14" s="181"/>
      <c r="O14" s="181"/>
      <c r="P14" s="181"/>
      <c r="Q14" s="181"/>
      <c r="R14" s="181"/>
      <c r="S14" s="181"/>
      <c r="T14" s="61"/>
      <c r="U14" s="61"/>
      <c r="V14" s="61"/>
      <c r="W14" s="61"/>
      <c r="X14" s="61"/>
      <c r="Y14" s="61"/>
      <c r="Z14" s="61"/>
      <c r="AA14" s="61"/>
      <c r="AB14" s="61"/>
      <c r="AC14" s="61"/>
      <c r="AD14" s="61"/>
      <c r="AE14" s="61"/>
      <c r="AF14" s="61"/>
      <c r="AG14" s="61"/>
      <c r="AH14" s="61"/>
      <c r="AI14" s="61"/>
      <c r="AJ14" s="61"/>
      <c r="AK14" s="61"/>
      <c r="AL14" s="61"/>
      <c r="AM14" s="61"/>
      <c r="AN14" s="61"/>
      <c r="AO14" s="61"/>
      <c r="AP14" s="61"/>
      <c r="AQ14" s="61"/>
      <c r="AR14" s="61"/>
      <c r="AS14" s="61"/>
      <c r="AT14" s="61"/>
      <c r="AU14" s="61"/>
      <c r="AV14" s="61"/>
      <c r="AW14" s="61"/>
      <c r="AX14" s="61"/>
      <c r="AY14" s="61"/>
      <c r="AZ14" s="61"/>
      <c r="BA14" s="61"/>
      <c r="BB14" s="61"/>
      <c r="BC14" s="61"/>
      <c r="BD14" s="61"/>
      <c r="BE14" s="61"/>
      <c r="BF14" s="61"/>
      <c r="BG14" s="61"/>
      <c r="BH14" s="61"/>
      <c r="BI14" s="61"/>
      <c r="BJ14" s="61"/>
      <c r="BK14" s="61"/>
      <c r="BL14" s="61"/>
      <c r="BM14" s="61"/>
      <c r="BN14" s="61"/>
      <c r="BO14" s="61"/>
      <c r="BP14" s="61"/>
      <c r="BQ14" s="61"/>
      <c r="BR14" s="61"/>
      <c r="BS14" s="61"/>
      <c r="BT14" s="61"/>
      <c r="BU14" s="61"/>
      <c r="BV14" s="61"/>
      <c r="BW14" s="61"/>
      <c r="BX14" s="61"/>
      <c r="BY14" s="61"/>
      <c r="BZ14" s="61"/>
      <c r="CA14" s="61"/>
      <c r="CB14" s="61"/>
      <c r="CC14" s="61"/>
      <c r="CD14" s="61"/>
      <c r="CE14" s="61"/>
      <c r="CF14" s="61"/>
      <c r="CG14" s="61"/>
      <c r="CH14" s="61"/>
      <c r="CI14" s="61"/>
      <c r="CJ14" s="61"/>
      <c r="CK14" s="61"/>
      <c r="CL14" s="61"/>
      <c r="CM14" s="61"/>
      <c r="CN14" s="61"/>
      <c r="CO14" s="61"/>
      <c r="CP14" s="61"/>
      <c r="CQ14" s="61"/>
      <c r="CR14" s="61"/>
      <c r="CS14" s="61"/>
      <c r="CT14" s="61"/>
      <c r="CU14" s="61"/>
      <c r="CV14" s="61"/>
      <c r="CW14" s="61"/>
      <c r="CX14" s="61"/>
      <c r="CY14" s="61"/>
      <c r="CZ14" s="61"/>
      <c r="DA14" s="61"/>
      <c r="DB14" s="61"/>
      <c r="DC14" s="61"/>
      <c r="DD14" s="61"/>
      <c r="DE14" s="61"/>
      <c r="DF14" s="61"/>
      <c r="DG14" s="61"/>
      <c r="DH14" s="61"/>
      <c r="DI14" s="61"/>
      <c r="DJ14" s="61"/>
      <c r="DK14" s="61"/>
      <c r="DL14" s="61"/>
      <c r="DM14" s="61"/>
      <c r="DN14" s="61"/>
      <c r="DO14" s="61"/>
      <c r="DP14" s="61"/>
      <c r="DQ14" s="61"/>
      <c r="DR14" s="61"/>
      <c r="DS14" s="61"/>
      <c r="DT14" s="61"/>
      <c r="DU14" s="61"/>
      <c r="DV14" s="61"/>
      <c r="DW14" s="61"/>
      <c r="DX14" s="61"/>
      <c r="DY14" s="61"/>
      <c r="DZ14" s="61"/>
      <c r="EA14" s="61"/>
      <c r="EB14" s="61"/>
      <c r="EC14" s="61"/>
      <c r="ED14" s="61"/>
      <c r="EE14" s="61"/>
      <c r="EF14" s="61"/>
      <c r="EG14" s="61"/>
      <c r="EH14" s="61"/>
      <c r="EI14" s="61"/>
      <c r="EJ14" s="61"/>
      <c r="EK14" s="61"/>
      <c r="EL14" s="61"/>
      <c r="EM14" s="61"/>
      <c r="EN14" s="61"/>
      <c r="EO14" s="61"/>
      <c r="EP14" s="61"/>
      <c r="EQ14" s="61"/>
      <c r="ER14" s="61"/>
      <c r="ES14" s="61"/>
      <c r="ET14" s="61"/>
      <c r="EU14" s="61"/>
      <c r="EV14" s="61"/>
      <c r="EW14" s="61"/>
      <c r="EX14" s="61"/>
      <c r="EY14" s="61"/>
      <c r="EZ14" s="61"/>
      <c r="FA14" s="61"/>
      <c r="FB14" s="61"/>
      <c r="FC14" s="61"/>
      <c r="FD14" s="61"/>
      <c r="FE14" s="61"/>
      <c r="FF14" s="61"/>
      <c r="FG14" s="61"/>
      <c r="FH14" s="61"/>
      <c r="FI14" s="61"/>
      <c r="FJ14" s="61"/>
      <c r="FK14" s="61"/>
      <c r="FL14" s="61"/>
      <c r="FM14" s="61"/>
      <c r="FN14" s="61"/>
      <c r="FO14" s="61"/>
      <c r="FP14" s="61"/>
      <c r="FQ14" s="61"/>
      <c r="FR14" s="61"/>
      <c r="FS14" s="61"/>
      <c r="FT14" s="61"/>
      <c r="FU14" s="61"/>
      <c r="FV14" s="61"/>
      <c r="FW14" s="61"/>
      <c r="FX14" s="61"/>
      <c r="FY14" s="61"/>
      <c r="FZ14" s="61"/>
      <c r="GA14" s="61"/>
      <c r="GB14" s="61"/>
      <c r="GC14" s="61"/>
      <c r="GD14" s="61"/>
      <c r="GE14" s="61"/>
      <c r="GF14" s="61"/>
      <c r="GG14" s="61"/>
      <c r="GH14" s="61"/>
      <c r="GI14" s="61"/>
      <c r="GJ14" s="61"/>
      <c r="GK14" s="61"/>
      <c r="GL14" s="61"/>
      <c r="GM14" s="61"/>
      <c r="GN14" s="61"/>
      <c r="GO14" s="61"/>
      <c r="GP14" s="61"/>
      <c r="GQ14" s="61"/>
      <c r="GR14" s="61"/>
      <c r="GS14" s="61"/>
      <c r="GT14" s="61"/>
      <c r="GU14" s="61"/>
      <c r="GV14" s="61"/>
      <c r="GW14" s="61"/>
      <c r="GX14" s="61"/>
      <c r="GY14" s="61"/>
      <c r="GZ14" s="61"/>
      <c r="HA14" s="61"/>
      <c r="HB14" s="61"/>
      <c r="HC14" s="61"/>
      <c r="HD14" s="61"/>
      <c r="HE14" s="61"/>
      <c r="HF14" s="61"/>
      <c r="HG14" s="61"/>
      <c r="HH14" s="61"/>
      <c r="HI14" s="61"/>
      <c r="HJ14" s="61"/>
      <c r="HK14" s="61"/>
      <c r="HL14" s="61"/>
      <c r="HM14" s="61"/>
      <c r="HN14" s="61"/>
      <c r="HO14" s="61"/>
      <c r="HP14" s="61"/>
      <c r="HQ14" s="61"/>
      <c r="HR14" s="61"/>
      <c r="HS14" s="61"/>
      <c r="HT14" s="61"/>
      <c r="HU14" s="61"/>
      <c r="HV14" s="61"/>
      <c r="HW14" s="61"/>
      <c r="HX14" s="61"/>
      <c r="HY14" s="61"/>
      <c r="HZ14" s="61"/>
      <c r="IA14" s="61"/>
      <c r="IB14" s="61"/>
      <c r="IC14" s="61"/>
      <c r="ID14" s="61"/>
      <c r="IE14" s="61"/>
      <c r="IF14" s="61"/>
      <c r="IG14" s="61"/>
      <c r="IH14" s="61"/>
      <c r="II14" s="61"/>
      <c r="IJ14" s="61"/>
      <c r="IK14" s="61"/>
      <c r="IL14" s="61"/>
      <c r="IM14" s="61"/>
      <c r="IN14" s="61"/>
      <c r="IO14" s="61"/>
      <c r="IP14" s="61"/>
      <c r="IQ14" s="61"/>
      <c r="IR14" s="61"/>
      <c r="IS14" s="61"/>
      <c r="IT14" s="61"/>
      <c r="IU14" s="61"/>
      <c r="IV14" s="61"/>
      <c r="IW14" s="61"/>
      <c r="IX14" s="61"/>
    </row>
    <row r="15" spans="1:258" ht="301.5" customHeight="1" thickBot="1">
      <c r="A15" s="181"/>
      <c r="B15" s="181"/>
      <c r="C15" s="181"/>
      <c r="D15" s="181"/>
      <c r="E15" s="181"/>
      <c r="F15" s="181"/>
      <c r="G15" s="181"/>
      <c r="H15" s="181"/>
      <c r="I15" s="181"/>
      <c r="J15" s="181"/>
      <c r="K15" s="181"/>
      <c r="L15" s="182"/>
      <c r="M15" s="181"/>
      <c r="N15" s="181"/>
      <c r="O15" s="181"/>
      <c r="P15" s="181"/>
      <c r="Q15" s="181"/>
      <c r="R15" s="181"/>
      <c r="S15" s="181"/>
      <c r="T15" s="61"/>
      <c r="U15" s="61"/>
      <c r="V15" s="61"/>
      <c r="W15" s="61"/>
      <c r="X15" s="61"/>
      <c r="Y15" s="61"/>
      <c r="Z15" s="61"/>
      <c r="AA15" s="61"/>
      <c r="AB15" s="61"/>
      <c r="AC15" s="61"/>
      <c r="AD15" s="61"/>
      <c r="AE15" s="61"/>
      <c r="AF15" s="61"/>
      <c r="AG15" s="61"/>
      <c r="AH15" s="61"/>
      <c r="AI15" s="61"/>
      <c r="AJ15" s="61"/>
      <c r="AK15" s="61"/>
      <c r="AL15" s="61"/>
      <c r="AM15" s="61"/>
      <c r="AN15" s="61"/>
      <c r="AO15" s="61"/>
      <c r="AP15" s="61"/>
      <c r="AQ15" s="61"/>
      <c r="AR15" s="61"/>
      <c r="AS15" s="61"/>
      <c r="AT15" s="61"/>
      <c r="AU15" s="61"/>
      <c r="AV15" s="61"/>
      <c r="AW15" s="61"/>
      <c r="AX15" s="61"/>
      <c r="AY15" s="61"/>
      <c r="AZ15" s="61"/>
      <c r="BA15" s="61"/>
      <c r="BB15" s="61"/>
      <c r="BC15" s="61"/>
      <c r="BD15" s="61"/>
      <c r="BE15" s="61"/>
      <c r="BF15" s="61"/>
      <c r="BG15" s="61"/>
      <c r="BH15" s="61"/>
      <c r="BI15" s="61"/>
      <c r="BJ15" s="61"/>
      <c r="BK15" s="61"/>
      <c r="BL15" s="61"/>
      <c r="BM15" s="61"/>
      <c r="BN15" s="61"/>
      <c r="BO15" s="61"/>
      <c r="BP15" s="61"/>
      <c r="BQ15" s="61"/>
      <c r="BR15" s="61"/>
      <c r="BS15" s="61"/>
      <c r="BT15" s="61"/>
      <c r="BU15" s="61"/>
      <c r="BV15" s="61"/>
      <c r="BW15" s="61"/>
      <c r="BX15" s="61"/>
      <c r="BY15" s="61"/>
      <c r="BZ15" s="61"/>
      <c r="CA15" s="61"/>
      <c r="CB15" s="61"/>
      <c r="CC15" s="61"/>
      <c r="CD15" s="61"/>
      <c r="CE15" s="61"/>
      <c r="CF15" s="61"/>
      <c r="CG15" s="61"/>
      <c r="CH15" s="61"/>
      <c r="CI15" s="61"/>
      <c r="CJ15" s="61"/>
      <c r="CK15" s="61"/>
      <c r="CL15" s="61"/>
      <c r="CM15" s="61"/>
      <c r="CN15" s="61"/>
      <c r="CO15" s="61"/>
      <c r="CP15" s="61"/>
      <c r="CQ15" s="61"/>
      <c r="CR15" s="61"/>
      <c r="CS15" s="61"/>
      <c r="CT15" s="61"/>
      <c r="CU15" s="61"/>
      <c r="CV15" s="61"/>
      <c r="CW15" s="61"/>
      <c r="CX15" s="61"/>
      <c r="CY15" s="61"/>
      <c r="CZ15" s="61"/>
      <c r="DA15" s="61"/>
      <c r="DB15" s="61"/>
      <c r="DC15" s="61"/>
      <c r="DD15" s="61"/>
      <c r="DE15" s="61"/>
      <c r="DF15" s="61"/>
      <c r="DG15" s="61"/>
      <c r="DH15" s="61"/>
      <c r="DI15" s="61"/>
      <c r="DJ15" s="61"/>
      <c r="DK15" s="61"/>
      <c r="DL15" s="61"/>
      <c r="DM15" s="61"/>
      <c r="DN15" s="61"/>
      <c r="DO15" s="61"/>
      <c r="DP15" s="61"/>
      <c r="DQ15" s="61"/>
      <c r="DR15" s="61"/>
      <c r="DS15" s="61"/>
      <c r="DT15" s="61"/>
      <c r="DU15" s="61"/>
      <c r="DV15" s="61"/>
      <c r="DW15" s="61"/>
      <c r="DX15" s="61"/>
      <c r="DY15" s="61"/>
      <c r="DZ15" s="61"/>
      <c r="EA15" s="61"/>
      <c r="EB15" s="61"/>
      <c r="EC15" s="61"/>
      <c r="ED15" s="61"/>
      <c r="EE15" s="61"/>
      <c r="EF15" s="61"/>
      <c r="EG15" s="61"/>
      <c r="EH15" s="61"/>
      <c r="EI15" s="61"/>
      <c r="EJ15" s="61"/>
      <c r="EK15" s="61"/>
      <c r="EL15" s="61"/>
      <c r="EM15" s="61"/>
      <c r="EN15" s="61"/>
      <c r="EO15" s="61"/>
      <c r="EP15" s="61"/>
      <c r="EQ15" s="61"/>
      <c r="ER15" s="61"/>
      <c r="ES15" s="61"/>
      <c r="ET15" s="61"/>
      <c r="EU15" s="61"/>
      <c r="EV15" s="61"/>
      <c r="EW15" s="61"/>
      <c r="EX15" s="61"/>
      <c r="EY15" s="61"/>
      <c r="EZ15" s="61"/>
      <c r="FA15" s="61"/>
      <c r="FB15" s="61"/>
      <c r="FC15" s="61"/>
      <c r="FD15" s="61"/>
      <c r="FE15" s="61"/>
      <c r="FF15" s="61"/>
      <c r="FG15" s="61"/>
      <c r="FH15" s="61"/>
      <c r="FI15" s="61"/>
      <c r="FJ15" s="61"/>
      <c r="FK15" s="61"/>
      <c r="FL15" s="61"/>
      <c r="FM15" s="61"/>
      <c r="FN15" s="61"/>
      <c r="FO15" s="61"/>
      <c r="FP15" s="61"/>
      <c r="FQ15" s="61"/>
      <c r="FR15" s="61"/>
      <c r="FS15" s="61"/>
      <c r="FT15" s="61"/>
      <c r="FU15" s="61"/>
      <c r="FV15" s="61"/>
      <c r="FW15" s="61"/>
      <c r="FX15" s="61"/>
      <c r="FY15" s="61"/>
      <c r="FZ15" s="61"/>
      <c r="GA15" s="61"/>
      <c r="GB15" s="61"/>
      <c r="GC15" s="61"/>
      <c r="GD15" s="61"/>
      <c r="GE15" s="61"/>
      <c r="GF15" s="61"/>
      <c r="GG15" s="61"/>
      <c r="GH15" s="61"/>
      <c r="GI15" s="61"/>
      <c r="GJ15" s="61"/>
      <c r="GK15" s="61"/>
      <c r="GL15" s="61"/>
      <c r="GM15" s="61"/>
      <c r="GN15" s="61"/>
      <c r="GO15" s="61"/>
      <c r="GP15" s="61"/>
      <c r="GQ15" s="61"/>
      <c r="GR15" s="61"/>
      <c r="GS15" s="61"/>
      <c r="GT15" s="61"/>
      <c r="GU15" s="61"/>
      <c r="GV15" s="61"/>
      <c r="GW15" s="61"/>
      <c r="GX15" s="61"/>
      <c r="GY15" s="61"/>
      <c r="GZ15" s="61"/>
      <c r="HA15" s="61"/>
      <c r="HB15" s="61"/>
      <c r="HC15" s="61"/>
      <c r="HD15" s="61"/>
      <c r="HE15" s="61"/>
      <c r="HF15" s="61"/>
      <c r="HG15" s="61"/>
      <c r="HH15" s="61"/>
      <c r="HI15" s="61"/>
      <c r="HJ15" s="61"/>
      <c r="HK15" s="61"/>
      <c r="HL15" s="61"/>
      <c r="HM15" s="61"/>
      <c r="HN15" s="61"/>
      <c r="HO15" s="61"/>
      <c r="HP15" s="61"/>
      <c r="HQ15" s="61"/>
      <c r="HR15" s="61"/>
      <c r="HS15" s="61"/>
      <c r="HT15" s="61"/>
      <c r="HU15" s="61"/>
      <c r="HV15" s="61"/>
      <c r="HW15" s="61"/>
      <c r="HX15" s="61"/>
      <c r="HY15" s="61"/>
      <c r="HZ15" s="61"/>
      <c r="IA15" s="61"/>
      <c r="IB15" s="61"/>
      <c r="IC15" s="61"/>
      <c r="ID15" s="61"/>
      <c r="IE15" s="61"/>
      <c r="IF15" s="61"/>
      <c r="IG15" s="61"/>
      <c r="IH15" s="61"/>
      <c r="II15" s="61"/>
      <c r="IJ15" s="61"/>
      <c r="IK15" s="61"/>
      <c r="IL15" s="61"/>
      <c r="IM15" s="61"/>
      <c r="IN15" s="61"/>
      <c r="IO15" s="61"/>
      <c r="IP15" s="61"/>
      <c r="IQ15" s="61"/>
      <c r="IR15" s="61"/>
      <c r="IS15" s="61"/>
      <c r="IT15" s="61"/>
      <c r="IU15" s="61"/>
      <c r="IV15" s="61"/>
      <c r="IW15" s="61"/>
      <c r="IX15" s="61"/>
    </row>
    <row r="16" spans="1:258" ht="135" customHeight="1" thickBot="1">
      <c r="A16" s="187"/>
      <c r="B16" s="188" t="s">
        <v>12</v>
      </c>
      <c r="C16" s="189"/>
      <c r="D16" s="189"/>
      <c r="E16" s="189"/>
      <c r="F16" s="189"/>
      <c r="G16" s="189"/>
      <c r="H16" s="189"/>
      <c r="I16" s="205" t="e">
        <f>IF(#REF! = "","",#REF!)</f>
        <v>#REF!</v>
      </c>
      <c r="J16" s="189"/>
      <c r="K16" s="189"/>
      <c r="L16" s="190"/>
      <c r="M16" s="197"/>
      <c r="N16" s="433" t="s">
        <v>13</v>
      </c>
      <c r="O16" s="434"/>
      <c r="P16" s="435"/>
      <c r="Q16" s="187"/>
      <c r="R16" s="187"/>
      <c r="S16" s="209" t="s">
        <v>507</v>
      </c>
      <c r="T16" s="61"/>
      <c r="U16" s="61"/>
      <c r="V16" s="61"/>
      <c r="W16" s="61"/>
      <c r="X16" s="61"/>
      <c r="Y16" s="61"/>
      <c r="Z16" s="61"/>
      <c r="AA16" s="61"/>
      <c r="AB16" s="61"/>
      <c r="AC16" s="61"/>
      <c r="AD16" s="61"/>
      <c r="AE16" s="61"/>
      <c r="AF16" s="61"/>
      <c r="AG16" s="61"/>
      <c r="AH16" s="61"/>
      <c r="AI16" s="61"/>
      <c r="AJ16" s="61"/>
      <c r="AK16" s="61"/>
      <c r="AL16" s="61"/>
      <c r="AM16" s="61"/>
      <c r="AN16" s="61"/>
      <c r="AO16" s="61"/>
      <c r="AP16" s="61"/>
      <c r="AQ16" s="61"/>
      <c r="AR16" s="61"/>
      <c r="AS16" s="61"/>
      <c r="AT16" s="61"/>
      <c r="AU16" s="61"/>
      <c r="AV16" s="61"/>
      <c r="AW16" s="61"/>
      <c r="AX16" s="61"/>
      <c r="AY16" s="61"/>
      <c r="AZ16" s="61"/>
      <c r="BA16" s="61"/>
      <c r="BB16" s="61"/>
      <c r="BC16" s="61"/>
      <c r="BD16" s="61"/>
      <c r="BE16" s="61"/>
      <c r="BF16" s="61"/>
      <c r="BG16" s="61"/>
      <c r="BH16" s="61"/>
      <c r="BI16" s="61"/>
      <c r="BJ16" s="61"/>
      <c r="BK16" s="61"/>
      <c r="BL16" s="61"/>
      <c r="BM16" s="61"/>
      <c r="BN16" s="61"/>
      <c r="BO16" s="61"/>
      <c r="BP16" s="61"/>
      <c r="BQ16" s="61"/>
      <c r="BR16" s="61"/>
      <c r="BS16" s="61"/>
      <c r="BT16" s="61"/>
      <c r="BU16" s="61"/>
      <c r="BV16" s="61"/>
      <c r="BW16" s="61"/>
      <c r="BX16" s="61"/>
      <c r="BY16" s="61"/>
      <c r="BZ16" s="61"/>
      <c r="CA16" s="61"/>
      <c r="CB16" s="61"/>
      <c r="CC16" s="61"/>
      <c r="CD16" s="61"/>
      <c r="CE16" s="61"/>
      <c r="CF16" s="61"/>
      <c r="CG16" s="61"/>
      <c r="CH16" s="61"/>
      <c r="CI16" s="61"/>
      <c r="CJ16" s="61"/>
      <c r="CK16" s="61"/>
      <c r="CL16" s="61"/>
      <c r="CM16" s="61"/>
      <c r="CN16" s="61"/>
      <c r="CO16" s="61"/>
      <c r="CP16" s="61"/>
      <c r="CQ16" s="61"/>
      <c r="CR16" s="61"/>
      <c r="CS16" s="61"/>
      <c r="CT16" s="61"/>
      <c r="CU16" s="61"/>
      <c r="CV16" s="61"/>
      <c r="CW16" s="61"/>
      <c r="CX16" s="61"/>
      <c r="CY16" s="61"/>
      <c r="CZ16" s="61"/>
      <c r="DA16" s="61"/>
      <c r="DB16" s="61"/>
      <c r="DC16" s="61"/>
      <c r="DD16" s="61"/>
      <c r="DE16" s="61"/>
      <c r="DF16" s="61"/>
      <c r="DG16" s="61"/>
      <c r="DH16" s="61"/>
      <c r="DI16" s="61"/>
      <c r="DJ16" s="61"/>
      <c r="DK16" s="61"/>
      <c r="DL16" s="61"/>
      <c r="DM16" s="61"/>
      <c r="DN16" s="61"/>
      <c r="DO16" s="61"/>
      <c r="DP16" s="61"/>
      <c r="DQ16" s="61"/>
      <c r="DR16" s="61"/>
      <c r="DS16" s="61"/>
      <c r="DT16" s="61"/>
      <c r="DU16" s="61"/>
      <c r="DV16" s="61"/>
      <c r="DW16" s="61"/>
      <c r="DX16" s="61"/>
      <c r="DY16" s="61"/>
      <c r="DZ16" s="61"/>
      <c r="EA16" s="61"/>
      <c r="EB16" s="61"/>
      <c r="EC16" s="61"/>
      <c r="ED16" s="61"/>
      <c r="EE16" s="61"/>
      <c r="EF16" s="61"/>
      <c r="EG16" s="61"/>
      <c r="EH16" s="61"/>
      <c r="EI16" s="61"/>
      <c r="EJ16" s="61"/>
      <c r="EK16" s="61"/>
      <c r="EL16" s="61"/>
      <c r="EM16" s="61"/>
      <c r="EN16" s="61"/>
      <c r="EO16" s="61"/>
      <c r="EP16" s="61"/>
      <c r="EQ16" s="61"/>
      <c r="ER16" s="61"/>
      <c r="ES16" s="61"/>
      <c r="ET16" s="61"/>
      <c r="EU16" s="61"/>
      <c r="EV16" s="61"/>
      <c r="EW16" s="61"/>
      <c r="EX16" s="61"/>
      <c r="EY16" s="61"/>
      <c r="EZ16" s="61"/>
      <c r="FA16" s="61"/>
      <c r="FB16" s="61"/>
      <c r="FC16" s="61"/>
      <c r="FD16" s="61"/>
      <c r="FE16" s="61"/>
      <c r="FF16" s="61"/>
      <c r="FG16" s="61"/>
      <c r="FH16" s="61"/>
      <c r="FI16" s="61"/>
      <c r="FJ16" s="61"/>
      <c r="FK16" s="61"/>
      <c r="FL16" s="61"/>
      <c r="FM16" s="61"/>
      <c r="FN16" s="61"/>
      <c r="FO16" s="61"/>
      <c r="FP16" s="61"/>
      <c r="FQ16" s="61"/>
      <c r="FR16" s="61"/>
      <c r="FS16" s="61"/>
      <c r="FT16" s="61"/>
      <c r="FU16" s="61"/>
      <c r="FV16" s="61"/>
      <c r="FW16" s="61"/>
      <c r="FX16" s="61"/>
      <c r="FY16" s="61"/>
      <c r="FZ16" s="61"/>
      <c r="GA16" s="61"/>
      <c r="GB16" s="61"/>
      <c r="GC16" s="61"/>
      <c r="GD16" s="61"/>
      <c r="GE16" s="61"/>
      <c r="GF16" s="61"/>
      <c r="GG16" s="61"/>
      <c r="GH16" s="61"/>
      <c r="GI16" s="61"/>
      <c r="GJ16" s="61"/>
      <c r="GK16" s="61"/>
      <c r="GL16" s="61"/>
      <c r="GM16" s="61"/>
      <c r="GN16" s="61"/>
      <c r="GO16" s="61"/>
      <c r="GP16" s="61"/>
      <c r="GQ16" s="61"/>
      <c r="GR16" s="61"/>
      <c r="GS16" s="61"/>
      <c r="GT16" s="61"/>
      <c r="GU16" s="61"/>
      <c r="GV16" s="61"/>
      <c r="GW16" s="61"/>
      <c r="GX16" s="61"/>
      <c r="GY16" s="61"/>
      <c r="GZ16" s="61"/>
      <c r="HA16" s="61"/>
      <c r="HB16" s="61"/>
      <c r="HC16" s="61"/>
      <c r="HD16" s="61"/>
      <c r="HE16" s="61"/>
      <c r="HF16" s="61"/>
      <c r="HG16" s="61"/>
      <c r="HH16" s="61"/>
      <c r="HI16" s="61"/>
      <c r="HJ16" s="61"/>
      <c r="HK16" s="61"/>
      <c r="HL16" s="61"/>
      <c r="HM16" s="61"/>
      <c r="HN16" s="61"/>
      <c r="HO16" s="61"/>
      <c r="HP16" s="61"/>
      <c r="HQ16" s="61"/>
      <c r="HR16" s="61"/>
      <c r="HS16" s="61"/>
      <c r="HT16" s="61"/>
      <c r="HU16" s="61"/>
      <c r="HV16" s="61"/>
      <c r="HW16" s="61"/>
      <c r="HX16" s="61"/>
      <c r="HY16" s="61"/>
      <c r="HZ16" s="61"/>
      <c r="IA16" s="61"/>
      <c r="IB16" s="61"/>
      <c r="IC16" s="61"/>
      <c r="ID16" s="61"/>
      <c r="IE16" s="61"/>
      <c r="IF16" s="61"/>
      <c r="IG16" s="61"/>
      <c r="IH16" s="61"/>
      <c r="II16" s="61"/>
      <c r="IJ16" s="61"/>
      <c r="IK16" s="61"/>
      <c r="IL16" s="61"/>
      <c r="IM16" s="61"/>
      <c r="IN16" s="61"/>
      <c r="IO16" s="61"/>
      <c r="IP16" s="61"/>
      <c r="IQ16" s="61"/>
      <c r="IR16" s="61"/>
      <c r="IS16" s="61"/>
      <c r="IT16" s="61"/>
      <c r="IU16" s="61"/>
      <c r="IV16" s="61"/>
      <c r="IW16" s="61"/>
      <c r="IX16" s="61"/>
    </row>
    <row r="17" spans="1:258" ht="39" customHeight="1">
      <c r="A17" s="187"/>
      <c r="B17" s="187"/>
      <c r="C17" s="187"/>
      <c r="D17" s="187"/>
      <c r="E17" s="187"/>
      <c r="F17" s="187"/>
      <c r="G17" s="187"/>
      <c r="H17" s="187"/>
      <c r="I17" s="187"/>
      <c r="J17" s="187"/>
      <c r="K17" s="187"/>
      <c r="L17" s="190"/>
      <c r="M17" s="191"/>
      <c r="N17" s="192" t="s">
        <v>15</v>
      </c>
      <c r="O17" s="191"/>
      <c r="P17" s="191"/>
      <c r="Q17" s="187"/>
      <c r="R17" s="187"/>
      <c r="S17" s="187"/>
      <c r="T17" s="61"/>
      <c r="U17" s="61"/>
      <c r="V17" s="61"/>
      <c r="W17" s="61"/>
      <c r="X17" s="61"/>
      <c r="Y17" s="61"/>
      <c r="Z17" s="61"/>
      <c r="AA17" s="61"/>
      <c r="AB17" s="61"/>
      <c r="AC17" s="61"/>
      <c r="AD17" s="61"/>
      <c r="AE17" s="61"/>
      <c r="AF17" s="61"/>
      <c r="AG17" s="61"/>
      <c r="AH17" s="61"/>
      <c r="AI17" s="61"/>
      <c r="AJ17" s="61"/>
      <c r="AK17" s="61"/>
      <c r="AL17" s="61"/>
      <c r="AM17" s="61"/>
      <c r="AN17" s="61"/>
      <c r="AO17" s="61"/>
      <c r="AP17" s="61"/>
      <c r="AQ17" s="61"/>
      <c r="AR17" s="61"/>
      <c r="AS17" s="61"/>
      <c r="AT17" s="61"/>
      <c r="AU17" s="61"/>
      <c r="AV17" s="61"/>
      <c r="AW17" s="61"/>
      <c r="AX17" s="61"/>
      <c r="AY17" s="61"/>
      <c r="AZ17" s="61"/>
      <c r="BA17" s="61"/>
      <c r="BB17" s="61"/>
      <c r="BC17" s="61"/>
      <c r="BD17" s="61"/>
      <c r="BE17" s="61"/>
      <c r="BF17" s="61"/>
      <c r="BG17" s="61"/>
      <c r="BH17" s="61"/>
      <c r="BI17" s="61"/>
      <c r="BJ17" s="61"/>
      <c r="BK17" s="61"/>
      <c r="BL17" s="61"/>
      <c r="BM17" s="61"/>
      <c r="BN17" s="61"/>
      <c r="BO17" s="61"/>
      <c r="BP17" s="61"/>
      <c r="BQ17" s="61"/>
      <c r="BR17" s="61"/>
      <c r="BS17" s="61"/>
      <c r="BT17" s="61"/>
      <c r="BU17" s="61"/>
      <c r="BV17" s="61"/>
      <c r="BW17" s="61"/>
      <c r="BX17" s="61"/>
      <c r="BY17" s="61"/>
      <c r="BZ17" s="61"/>
      <c r="CA17" s="61"/>
      <c r="CB17" s="61"/>
      <c r="CC17" s="61"/>
      <c r="CD17" s="61"/>
      <c r="CE17" s="61"/>
      <c r="CF17" s="61"/>
      <c r="CG17" s="61"/>
      <c r="CH17" s="61"/>
      <c r="CI17" s="61"/>
      <c r="CJ17" s="61"/>
      <c r="CK17" s="61"/>
      <c r="CL17" s="61"/>
      <c r="CM17" s="61"/>
      <c r="CN17" s="61"/>
      <c r="CO17" s="61"/>
      <c r="CP17" s="61"/>
      <c r="CQ17" s="61"/>
      <c r="CR17" s="61"/>
      <c r="CS17" s="61"/>
      <c r="CT17" s="61"/>
      <c r="CU17" s="61"/>
      <c r="CV17" s="61"/>
      <c r="CW17" s="61"/>
      <c r="CX17" s="61"/>
      <c r="CY17" s="61"/>
      <c r="CZ17" s="61"/>
      <c r="DA17" s="61"/>
      <c r="DB17" s="61"/>
      <c r="DC17" s="61"/>
      <c r="DD17" s="61"/>
      <c r="DE17" s="61"/>
      <c r="DF17" s="61"/>
      <c r="DG17" s="61"/>
      <c r="DH17" s="61"/>
      <c r="DI17" s="61"/>
      <c r="DJ17" s="61"/>
      <c r="DK17" s="61"/>
      <c r="DL17" s="61"/>
      <c r="DM17" s="61"/>
      <c r="DN17" s="61"/>
      <c r="DO17" s="61"/>
      <c r="DP17" s="61"/>
      <c r="DQ17" s="61"/>
      <c r="DR17" s="61"/>
      <c r="DS17" s="61"/>
      <c r="DT17" s="61"/>
      <c r="DU17" s="61"/>
      <c r="DV17" s="61"/>
      <c r="DW17" s="61"/>
      <c r="DX17" s="61"/>
      <c r="DY17" s="61"/>
      <c r="DZ17" s="61"/>
      <c r="EA17" s="61"/>
      <c r="EB17" s="61"/>
      <c r="EC17" s="61"/>
      <c r="ED17" s="61"/>
      <c r="EE17" s="61"/>
      <c r="EF17" s="61"/>
      <c r="EG17" s="61"/>
      <c r="EH17" s="61"/>
      <c r="EI17" s="61"/>
      <c r="EJ17" s="61"/>
      <c r="EK17" s="61"/>
      <c r="EL17" s="61"/>
      <c r="EM17" s="61"/>
      <c r="EN17" s="61"/>
      <c r="EO17" s="61"/>
      <c r="EP17" s="61"/>
      <c r="EQ17" s="61"/>
      <c r="ER17" s="61"/>
      <c r="ES17" s="61"/>
      <c r="ET17" s="61"/>
      <c r="EU17" s="61"/>
      <c r="EV17" s="61"/>
      <c r="EW17" s="61"/>
      <c r="EX17" s="61"/>
      <c r="EY17" s="61"/>
      <c r="EZ17" s="61"/>
      <c r="FA17" s="61"/>
      <c r="FB17" s="61"/>
      <c r="FC17" s="61"/>
      <c r="FD17" s="61"/>
      <c r="FE17" s="61"/>
      <c r="FF17" s="61"/>
      <c r="FG17" s="61"/>
      <c r="FH17" s="61"/>
      <c r="FI17" s="61"/>
      <c r="FJ17" s="61"/>
      <c r="FK17" s="61"/>
      <c r="FL17" s="61"/>
      <c r="FM17" s="61"/>
      <c r="FN17" s="61"/>
      <c r="FO17" s="61"/>
      <c r="FP17" s="61"/>
      <c r="FQ17" s="61"/>
      <c r="FR17" s="61"/>
      <c r="FS17" s="61"/>
      <c r="FT17" s="61"/>
      <c r="FU17" s="61"/>
      <c r="FV17" s="61"/>
      <c r="FW17" s="61"/>
      <c r="FX17" s="61"/>
      <c r="FY17" s="61"/>
      <c r="FZ17" s="61"/>
      <c r="GA17" s="61"/>
      <c r="GB17" s="61"/>
      <c r="GC17" s="61"/>
      <c r="GD17" s="61"/>
      <c r="GE17" s="61"/>
      <c r="GF17" s="61"/>
      <c r="GG17" s="61"/>
      <c r="GH17" s="61"/>
      <c r="GI17" s="61"/>
      <c r="GJ17" s="61"/>
      <c r="GK17" s="61"/>
      <c r="GL17" s="61"/>
      <c r="GM17" s="61"/>
      <c r="GN17" s="61"/>
      <c r="GO17" s="61"/>
      <c r="GP17" s="61"/>
      <c r="GQ17" s="61"/>
      <c r="GR17" s="61"/>
      <c r="GS17" s="61"/>
      <c r="GT17" s="61"/>
      <c r="GU17" s="61"/>
      <c r="GV17" s="61"/>
      <c r="GW17" s="61"/>
      <c r="GX17" s="61"/>
      <c r="GY17" s="61"/>
      <c r="GZ17" s="61"/>
      <c r="HA17" s="61"/>
      <c r="HB17" s="61"/>
      <c r="HC17" s="61"/>
      <c r="HD17" s="61"/>
      <c r="HE17" s="61"/>
      <c r="HF17" s="61"/>
      <c r="HG17" s="61"/>
      <c r="HH17" s="61"/>
      <c r="HI17" s="61"/>
      <c r="HJ17" s="61"/>
      <c r="HK17" s="61"/>
      <c r="HL17" s="61"/>
      <c r="HM17" s="61"/>
      <c r="HN17" s="61"/>
      <c r="HO17" s="61"/>
      <c r="HP17" s="61"/>
      <c r="HQ17" s="61"/>
      <c r="HR17" s="61"/>
      <c r="HS17" s="61"/>
      <c r="HT17" s="61"/>
      <c r="HU17" s="61"/>
      <c r="HV17" s="61"/>
      <c r="HW17" s="61"/>
      <c r="HX17" s="61"/>
      <c r="HY17" s="61"/>
      <c r="HZ17" s="61"/>
      <c r="IA17" s="61"/>
      <c r="IB17" s="61"/>
      <c r="IC17" s="61"/>
      <c r="ID17" s="61"/>
      <c r="IE17" s="61"/>
      <c r="IF17" s="61"/>
      <c r="IG17" s="61"/>
      <c r="IH17" s="61"/>
      <c r="II17" s="61"/>
      <c r="IJ17" s="61"/>
      <c r="IK17" s="61"/>
      <c r="IL17" s="61"/>
      <c r="IM17" s="61"/>
      <c r="IN17" s="61"/>
      <c r="IO17" s="61"/>
      <c r="IP17" s="61"/>
      <c r="IQ17" s="61"/>
      <c r="IR17" s="61"/>
      <c r="IS17" s="61"/>
      <c r="IT17" s="61"/>
      <c r="IU17" s="61"/>
      <c r="IV17" s="61"/>
      <c r="IW17" s="61"/>
      <c r="IX17" s="61"/>
    </row>
    <row r="18" spans="1:258" ht="19.2" customHeight="1" thickBot="1">
      <c r="A18" s="187"/>
      <c r="B18" s="187"/>
      <c r="C18" s="187"/>
      <c r="D18" s="187"/>
      <c r="E18" s="187"/>
      <c r="F18" s="187"/>
      <c r="G18" s="187"/>
      <c r="H18" s="187"/>
      <c r="I18" s="187"/>
      <c r="J18" s="187"/>
      <c r="K18" s="187"/>
      <c r="L18" s="190"/>
      <c r="M18" s="191"/>
      <c r="N18" s="192"/>
      <c r="O18" s="191"/>
      <c r="P18" s="191"/>
      <c r="Q18" s="187"/>
      <c r="R18" s="187"/>
      <c r="S18" s="187"/>
      <c r="T18" s="61"/>
      <c r="U18" s="61"/>
      <c r="V18" s="61"/>
      <c r="W18" s="61"/>
      <c r="X18" s="61"/>
      <c r="Y18" s="61"/>
      <c r="Z18" s="61"/>
      <c r="AA18" s="61"/>
      <c r="AB18" s="61"/>
      <c r="AC18" s="61"/>
      <c r="AD18" s="61"/>
      <c r="AE18" s="61"/>
      <c r="AF18" s="61"/>
      <c r="AG18" s="61"/>
      <c r="AH18" s="61"/>
      <c r="AI18" s="61"/>
      <c r="AJ18" s="61"/>
      <c r="AK18" s="61"/>
      <c r="AL18" s="61"/>
      <c r="AM18" s="61"/>
      <c r="AN18" s="61"/>
      <c r="AO18" s="61"/>
      <c r="AP18" s="61"/>
      <c r="AQ18" s="61"/>
      <c r="AR18" s="61"/>
      <c r="AS18" s="61"/>
      <c r="AT18" s="61"/>
      <c r="AU18" s="61"/>
      <c r="AV18" s="61"/>
      <c r="AW18" s="61"/>
      <c r="AX18" s="61"/>
      <c r="AY18" s="61"/>
      <c r="AZ18" s="61"/>
      <c r="BA18" s="61"/>
      <c r="BB18" s="61"/>
      <c r="BC18" s="61"/>
      <c r="BD18" s="61"/>
      <c r="BE18" s="61"/>
      <c r="BF18" s="61"/>
      <c r="BG18" s="61"/>
      <c r="BH18" s="61"/>
      <c r="BI18" s="61"/>
      <c r="BJ18" s="61"/>
      <c r="BK18" s="61"/>
      <c r="BL18" s="61"/>
      <c r="BM18" s="61"/>
      <c r="BN18" s="61"/>
      <c r="BO18" s="61"/>
      <c r="BP18" s="61"/>
      <c r="BQ18" s="61"/>
      <c r="BR18" s="61"/>
      <c r="BS18" s="61"/>
      <c r="BT18" s="61"/>
      <c r="BU18" s="61"/>
      <c r="BV18" s="61"/>
      <c r="BW18" s="61"/>
      <c r="BX18" s="61"/>
      <c r="BY18" s="61"/>
      <c r="BZ18" s="61"/>
      <c r="CA18" s="61"/>
      <c r="CB18" s="61"/>
      <c r="CC18" s="61"/>
      <c r="CD18" s="61"/>
      <c r="CE18" s="61"/>
      <c r="CF18" s="61"/>
      <c r="CG18" s="61"/>
      <c r="CH18" s="61"/>
      <c r="CI18" s="61"/>
      <c r="CJ18" s="61"/>
      <c r="CK18" s="61"/>
      <c r="CL18" s="61"/>
      <c r="CM18" s="61"/>
      <c r="CN18" s="61"/>
      <c r="CO18" s="61"/>
      <c r="CP18" s="61"/>
      <c r="CQ18" s="61"/>
      <c r="CR18" s="61"/>
      <c r="CS18" s="61"/>
      <c r="CT18" s="61"/>
      <c r="CU18" s="61"/>
      <c r="CV18" s="61"/>
      <c r="CW18" s="61"/>
      <c r="CX18" s="61"/>
      <c r="CY18" s="61"/>
      <c r="CZ18" s="61"/>
      <c r="DA18" s="61"/>
      <c r="DB18" s="61"/>
      <c r="DC18" s="61"/>
      <c r="DD18" s="61"/>
      <c r="DE18" s="61"/>
      <c r="DF18" s="61"/>
      <c r="DG18" s="61"/>
      <c r="DH18" s="61"/>
      <c r="DI18" s="61"/>
      <c r="DJ18" s="61"/>
      <c r="DK18" s="61"/>
      <c r="DL18" s="61"/>
      <c r="DM18" s="61"/>
      <c r="DN18" s="61"/>
      <c r="DO18" s="61"/>
      <c r="DP18" s="61"/>
      <c r="DQ18" s="61"/>
      <c r="DR18" s="61"/>
      <c r="DS18" s="61"/>
      <c r="DT18" s="61"/>
      <c r="DU18" s="61"/>
      <c r="DV18" s="61"/>
      <c r="DW18" s="61"/>
      <c r="DX18" s="61"/>
      <c r="DY18" s="61"/>
      <c r="DZ18" s="61"/>
      <c r="EA18" s="61"/>
      <c r="EB18" s="61"/>
      <c r="EC18" s="61"/>
      <c r="ED18" s="61"/>
      <c r="EE18" s="61"/>
      <c r="EF18" s="61"/>
      <c r="EG18" s="61"/>
      <c r="EH18" s="61"/>
      <c r="EI18" s="61"/>
      <c r="EJ18" s="61"/>
      <c r="EK18" s="61"/>
      <c r="EL18" s="61"/>
      <c r="EM18" s="61"/>
      <c r="EN18" s="61"/>
      <c r="EO18" s="61"/>
      <c r="EP18" s="61"/>
      <c r="EQ18" s="61"/>
      <c r="ER18" s="61"/>
      <c r="ES18" s="61"/>
      <c r="ET18" s="61"/>
      <c r="EU18" s="61"/>
      <c r="EV18" s="61"/>
      <c r="EW18" s="61"/>
      <c r="EX18" s="61"/>
      <c r="EY18" s="61"/>
      <c r="EZ18" s="61"/>
      <c r="FA18" s="61"/>
      <c r="FB18" s="61"/>
      <c r="FC18" s="61"/>
      <c r="FD18" s="61"/>
      <c r="FE18" s="61"/>
      <c r="FF18" s="61"/>
      <c r="FG18" s="61"/>
      <c r="FH18" s="61"/>
      <c r="FI18" s="61"/>
      <c r="FJ18" s="61"/>
      <c r="FK18" s="61"/>
      <c r="FL18" s="61"/>
      <c r="FM18" s="61"/>
      <c r="FN18" s="61"/>
      <c r="FO18" s="61"/>
      <c r="FP18" s="61"/>
      <c r="FQ18" s="61"/>
      <c r="FR18" s="61"/>
      <c r="FS18" s="61"/>
      <c r="FT18" s="61"/>
      <c r="FU18" s="61"/>
      <c r="FV18" s="61"/>
      <c r="FW18" s="61"/>
      <c r="FX18" s="61"/>
      <c r="FY18" s="61"/>
      <c r="FZ18" s="61"/>
      <c r="GA18" s="61"/>
      <c r="GB18" s="61"/>
      <c r="GC18" s="61"/>
      <c r="GD18" s="61"/>
      <c r="GE18" s="61"/>
      <c r="GF18" s="61"/>
      <c r="GG18" s="61"/>
      <c r="GH18" s="61"/>
      <c r="GI18" s="61"/>
      <c r="GJ18" s="61"/>
      <c r="GK18" s="61"/>
      <c r="GL18" s="61"/>
      <c r="GM18" s="61"/>
      <c r="GN18" s="61"/>
      <c r="GO18" s="61"/>
      <c r="GP18" s="61"/>
      <c r="GQ18" s="61"/>
      <c r="GR18" s="61"/>
      <c r="GS18" s="61"/>
      <c r="GT18" s="61"/>
      <c r="GU18" s="61"/>
      <c r="GV18" s="61"/>
      <c r="GW18" s="61"/>
      <c r="GX18" s="61"/>
      <c r="GY18" s="61"/>
      <c r="GZ18" s="61"/>
      <c r="HA18" s="61"/>
      <c r="HB18" s="61"/>
      <c r="HC18" s="61"/>
      <c r="HD18" s="61"/>
      <c r="HE18" s="61"/>
      <c r="HF18" s="61"/>
      <c r="HG18" s="61"/>
      <c r="HH18" s="61"/>
      <c r="HI18" s="61"/>
      <c r="HJ18" s="61"/>
      <c r="HK18" s="61"/>
      <c r="HL18" s="61"/>
      <c r="HM18" s="61"/>
      <c r="HN18" s="61"/>
      <c r="HO18" s="61"/>
      <c r="HP18" s="61"/>
      <c r="HQ18" s="61"/>
      <c r="HR18" s="61"/>
      <c r="HS18" s="61"/>
      <c r="HT18" s="61"/>
      <c r="HU18" s="61"/>
      <c r="HV18" s="61"/>
      <c r="HW18" s="61"/>
      <c r="HX18" s="61"/>
      <c r="HY18" s="61"/>
      <c r="HZ18" s="61"/>
      <c r="IA18" s="61"/>
      <c r="IB18" s="61"/>
      <c r="IC18" s="61"/>
      <c r="ID18" s="61"/>
      <c r="IE18" s="61"/>
      <c r="IF18" s="61"/>
      <c r="IG18" s="61"/>
      <c r="IH18" s="61"/>
      <c r="II18" s="61"/>
      <c r="IJ18" s="61"/>
      <c r="IK18" s="61"/>
      <c r="IL18" s="61"/>
      <c r="IM18" s="61"/>
      <c r="IN18" s="61"/>
      <c r="IO18" s="61"/>
      <c r="IP18" s="61"/>
      <c r="IQ18" s="61"/>
      <c r="IR18" s="61"/>
      <c r="IS18" s="61"/>
      <c r="IT18" s="61"/>
      <c r="IU18" s="61"/>
      <c r="IV18" s="61"/>
      <c r="IW18" s="61"/>
      <c r="IX18" s="61"/>
    </row>
    <row r="19" spans="1:258" s="64" customFormat="1" ht="69.900000000000006" customHeight="1" thickBot="1">
      <c r="A19" s="721" t="s">
        <v>16</v>
      </c>
      <c r="B19" s="722"/>
      <c r="C19" s="722"/>
      <c r="D19" s="722"/>
      <c r="E19" s="722"/>
      <c r="F19" s="722"/>
      <c r="G19" s="722"/>
      <c r="H19" s="722"/>
      <c r="I19" s="722"/>
      <c r="J19" s="722"/>
      <c r="K19" s="722"/>
      <c r="L19" s="722"/>
      <c r="M19" s="722"/>
      <c r="N19" s="722"/>
      <c r="O19" s="722"/>
      <c r="P19" s="723"/>
      <c r="Q19" s="122"/>
      <c r="R19" s="138"/>
      <c r="S19" s="439" t="s">
        <v>17</v>
      </c>
    </row>
    <row r="20" spans="1:258" s="64" customFormat="1" ht="69.900000000000006" customHeight="1" thickBot="1">
      <c r="A20" s="724" t="s">
        <v>18</v>
      </c>
      <c r="B20" s="725"/>
      <c r="C20" s="725"/>
      <c r="D20" s="725"/>
      <c r="E20" s="725"/>
      <c r="F20" s="725"/>
      <c r="G20" s="725"/>
      <c r="H20" s="725"/>
      <c r="I20" s="725"/>
      <c r="J20" s="725"/>
      <c r="K20" s="725"/>
      <c r="L20" s="725"/>
      <c r="M20" s="725"/>
      <c r="N20" s="725"/>
      <c r="O20" s="725"/>
      <c r="P20" s="726"/>
      <c r="Q20" s="122"/>
      <c r="R20" s="138"/>
      <c r="S20" s="439"/>
    </row>
    <row r="21" spans="1:258" s="67" customFormat="1" ht="345" customHeight="1" thickTop="1" thickBot="1">
      <c r="A21" s="447" t="s">
        <v>508</v>
      </c>
      <c r="B21" s="351"/>
      <c r="C21" s="351"/>
      <c r="D21" s="351"/>
      <c r="E21" s="351"/>
      <c r="F21" s="351"/>
      <c r="G21" s="351"/>
      <c r="H21" s="351"/>
      <c r="I21" s="351"/>
      <c r="J21" s="351"/>
      <c r="K21" s="351"/>
      <c r="L21" s="352"/>
      <c r="M21" s="351"/>
      <c r="N21" s="351"/>
      <c r="O21" s="65" t="s">
        <v>20</v>
      </c>
      <c r="P21" s="66" t="s">
        <v>21</v>
      </c>
      <c r="Q21" s="139"/>
      <c r="R21" s="138"/>
      <c r="S21" s="137"/>
      <c r="T21" s="64"/>
    </row>
    <row r="22" spans="1:258" s="67" customFormat="1" ht="242.4" customHeight="1" thickTop="1" thickBot="1">
      <c r="A22" s="448" t="s">
        <v>509</v>
      </c>
      <c r="B22" s="449"/>
      <c r="C22" s="449"/>
      <c r="D22" s="449"/>
      <c r="E22" s="449"/>
      <c r="F22" s="449"/>
      <c r="G22" s="449"/>
      <c r="H22" s="449"/>
      <c r="I22" s="449"/>
      <c r="J22" s="449"/>
      <c r="K22" s="449"/>
      <c r="L22" s="295"/>
      <c r="M22" s="449"/>
      <c r="N22" s="449"/>
      <c r="O22" s="68" t="s">
        <v>20</v>
      </c>
      <c r="P22" s="69" t="s">
        <v>21</v>
      </c>
      <c r="Q22" s="139"/>
      <c r="R22" s="138"/>
      <c r="S22" s="137"/>
      <c r="T22" s="64"/>
    </row>
    <row r="23" spans="1:258" s="67" customFormat="1" ht="228.6" customHeight="1" thickTop="1" thickBot="1">
      <c r="A23" s="450" t="s">
        <v>224</v>
      </c>
      <c r="B23" s="348"/>
      <c r="C23" s="348"/>
      <c r="D23" s="348"/>
      <c r="E23" s="348"/>
      <c r="F23" s="348"/>
      <c r="G23" s="348"/>
      <c r="H23" s="348"/>
      <c r="I23" s="348"/>
      <c r="J23" s="348"/>
      <c r="K23" s="348"/>
      <c r="L23" s="349"/>
      <c r="M23" s="348"/>
      <c r="N23" s="70" t="s">
        <v>24</v>
      </c>
      <c r="O23" s="71" t="s">
        <v>20</v>
      </c>
      <c r="P23" s="72" t="s">
        <v>21</v>
      </c>
      <c r="Q23" s="139"/>
      <c r="R23" s="138"/>
      <c r="S23" s="137"/>
      <c r="T23" s="64"/>
    </row>
    <row r="24" spans="1:258" s="64" customFormat="1" ht="69.900000000000006" customHeight="1" thickTop="1">
      <c r="A24" s="452" t="s">
        <v>25</v>
      </c>
      <c r="B24" s="453"/>
      <c r="C24" s="453"/>
      <c r="D24" s="453"/>
      <c r="E24" s="453"/>
      <c r="F24" s="453"/>
      <c r="G24" s="453"/>
      <c r="H24" s="453"/>
      <c r="I24" s="453"/>
      <c r="J24" s="453"/>
      <c r="K24" s="453"/>
      <c r="L24" s="454"/>
      <c r="M24" s="453"/>
      <c r="N24" s="453"/>
      <c r="O24" s="453"/>
      <c r="P24" s="455"/>
      <c r="Q24" s="122"/>
      <c r="R24" s="138"/>
      <c r="S24" s="162"/>
    </row>
    <row r="25" spans="1:258" s="67" customFormat="1" ht="75" customHeight="1">
      <c r="A25" s="456"/>
      <c r="B25" s="457"/>
      <c r="C25" s="457"/>
      <c r="D25" s="457"/>
      <c r="E25" s="457"/>
      <c r="F25" s="457"/>
      <c r="G25" s="457"/>
      <c r="H25" s="457"/>
      <c r="I25" s="457"/>
      <c r="J25" s="457"/>
      <c r="K25" s="457"/>
      <c r="L25" s="458"/>
      <c r="M25" s="457"/>
      <c r="N25" s="457"/>
      <c r="O25" s="457"/>
      <c r="P25" s="459"/>
      <c r="Q25" s="139"/>
      <c r="R25" s="138"/>
      <c r="S25" s="141"/>
      <c r="T25" s="64"/>
    </row>
    <row r="26" spans="1:258" s="67" customFormat="1" ht="75" customHeight="1" thickBot="1">
      <c r="A26" s="471"/>
      <c r="B26" s="472"/>
      <c r="C26" s="472"/>
      <c r="D26" s="472"/>
      <c r="E26" s="472"/>
      <c r="F26" s="472"/>
      <c r="G26" s="472"/>
      <c r="H26" s="472"/>
      <c r="I26" s="472"/>
      <c r="J26" s="472"/>
      <c r="K26" s="472"/>
      <c r="L26" s="473"/>
      <c r="M26" s="472"/>
      <c r="N26" s="472"/>
      <c r="O26" s="472"/>
      <c r="P26" s="474"/>
      <c r="Q26" s="139"/>
      <c r="R26" s="138"/>
      <c r="S26" s="141"/>
      <c r="T26" s="64"/>
    </row>
    <row r="27" spans="1:258" s="64" customFormat="1" ht="69.900000000000006" customHeight="1" thickBot="1">
      <c r="A27" s="443" t="s">
        <v>225</v>
      </c>
      <c r="B27" s="444"/>
      <c r="C27" s="444"/>
      <c r="D27" s="444"/>
      <c r="E27" s="444"/>
      <c r="F27" s="444"/>
      <c r="G27" s="444"/>
      <c r="H27" s="444"/>
      <c r="I27" s="444"/>
      <c r="J27" s="444"/>
      <c r="K27" s="444"/>
      <c r="L27" s="445"/>
      <c r="M27" s="444"/>
      <c r="N27" s="444"/>
      <c r="O27" s="444"/>
      <c r="P27" s="446"/>
      <c r="Q27" s="122"/>
      <c r="R27" s="138"/>
      <c r="S27" s="138"/>
    </row>
    <row r="28" spans="1:258" s="67" customFormat="1" ht="165.75" customHeight="1" thickTop="1" thickBot="1">
      <c r="A28" s="447" t="s">
        <v>226</v>
      </c>
      <c r="B28" s="351"/>
      <c r="C28" s="351"/>
      <c r="D28" s="351"/>
      <c r="E28" s="351"/>
      <c r="F28" s="351"/>
      <c r="G28" s="351"/>
      <c r="H28" s="351"/>
      <c r="I28" s="351"/>
      <c r="J28" s="351"/>
      <c r="K28" s="351"/>
      <c r="L28" s="352"/>
      <c r="M28" s="351"/>
      <c r="N28" s="351"/>
      <c r="O28" s="65" t="s">
        <v>20</v>
      </c>
      <c r="P28" s="66" t="s">
        <v>21</v>
      </c>
      <c r="Q28" s="139"/>
      <c r="R28" s="138"/>
      <c r="S28" s="137"/>
      <c r="T28" s="64"/>
    </row>
    <row r="29" spans="1:258" s="67" customFormat="1" ht="140.1" customHeight="1" thickTop="1" thickBot="1">
      <c r="A29" s="448" t="s">
        <v>227</v>
      </c>
      <c r="B29" s="449"/>
      <c r="C29" s="449"/>
      <c r="D29" s="449"/>
      <c r="E29" s="449"/>
      <c r="F29" s="449"/>
      <c r="G29" s="449"/>
      <c r="H29" s="449"/>
      <c r="I29" s="449"/>
      <c r="J29" s="449"/>
      <c r="K29" s="449"/>
      <c r="L29" s="295"/>
      <c r="M29" s="449"/>
      <c r="N29" s="449"/>
      <c r="O29" s="68" t="s">
        <v>20</v>
      </c>
      <c r="P29" s="69" t="s">
        <v>21</v>
      </c>
      <c r="Q29" s="139"/>
      <c r="R29" s="138"/>
      <c r="S29" s="137"/>
      <c r="T29" s="64"/>
    </row>
    <row r="30" spans="1:258" s="67" customFormat="1" ht="140.1" customHeight="1" thickTop="1" thickBot="1">
      <c r="A30" s="448" t="s">
        <v>228</v>
      </c>
      <c r="B30" s="449"/>
      <c r="C30" s="449"/>
      <c r="D30" s="449"/>
      <c r="E30" s="449"/>
      <c r="F30" s="449"/>
      <c r="G30" s="449"/>
      <c r="H30" s="449"/>
      <c r="I30" s="449"/>
      <c r="J30" s="449"/>
      <c r="K30" s="449"/>
      <c r="L30" s="295"/>
      <c r="M30" s="449"/>
      <c r="N30" s="449"/>
      <c r="O30" s="68" t="s">
        <v>20</v>
      </c>
      <c r="P30" s="69" t="s">
        <v>21</v>
      </c>
      <c r="Q30" s="139"/>
      <c r="R30" s="138"/>
      <c r="S30" s="137"/>
      <c r="T30" s="64"/>
    </row>
    <row r="31" spans="1:258" s="67" customFormat="1" ht="319.5" customHeight="1" thickTop="1" thickBot="1">
      <c r="A31" s="448" t="s">
        <v>30</v>
      </c>
      <c r="B31" s="449"/>
      <c r="C31" s="449"/>
      <c r="D31" s="449"/>
      <c r="E31" s="449"/>
      <c r="F31" s="449"/>
      <c r="G31" s="449"/>
      <c r="H31" s="449"/>
      <c r="I31" s="449"/>
      <c r="J31" s="449"/>
      <c r="K31" s="449"/>
      <c r="L31" s="295"/>
      <c r="M31" s="449"/>
      <c r="N31" s="449"/>
      <c r="O31" s="73" t="s">
        <v>20</v>
      </c>
      <c r="P31" s="74" t="s">
        <v>21</v>
      </c>
      <c r="Q31" s="139"/>
      <c r="R31" s="138"/>
      <c r="S31" s="137"/>
      <c r="T31" s="64"/>
    </row>
    <row r="32" spans="1:258" s="67" customFormat="1" ht="132" customHeight="1" thickTop="1" thickBot="1">
      <c r="A32" s="450" t="s">
        <v>31</v>
      </c>
      <c r="B32" s="451"/>
      <c r="C32" s="451"/>
      <c r="D32" s="451"/>
      <c r="E32" s="451"/>
      <c r="F32" s="451"/>
      <c r="G32" s="451"/>
      <c r="H32" s="451"/>
      <c r="I32" s="451"/>
      <c r="J32" s="451"/>
      <c r="K32" s="451"/>
      <c r="L32" s="349"/>
      <c r="M32" s="451"/>
      <c r="N32" s="451"/>
      <c r="O32" s="75" t="s">
        <v>20</v>
      </c>
      <c r="P32" s="136" t="s">
        <v>21</v>
      </c>
      <c r="Q32" s="139"/>
      <c r="R32" s="138"/>
      <c r="S32" s="137"/>
      <c r="T32" s="64"/>
    </row>
    <row r="33" spans="1:56" s="64" customFormat="1" ht="69.900000000000006" customHeight="1" thickTop="1">
      <c r="A33" s="452" t="s">
        <v>25</v>
      </c>
      <c r="B33" s="469"/>
      <c r="C33" s="469"/>
      <c r="D33" s="469"/>
      <c r="E33" s="469"/>
      <c r="F33" s="469"/>
      <c r="G33" s="469"/>
      <c r="H33" s="469"/>
      <c r="I33" s="469"/>
      <c r="J33" s="469"/>
      <c r="K33" s="469"/>
      <c r="L33" s="454"/>
      <c r="M33" s="469"/>
      <c r="N33" s="469"/>
      <c r="O33" s="469"/>
      <c r="P33" s="470"/>
      <c r="Q33" s="122"/>
      <c r="R33" s="138"/>
      <c r="S33" s="162"/>
    </row>
    <row r="34" spans="1:56" s="67" customFormat="1" ht="75" customHeight="1">
      <c r="A34" s="456"/>
      <c r="B34" s="457"/>
      <c r="C34" s="457"/>
      <c r="D34" s="457"/>
      <c r="E34" s="457"/>
      <c r="F34" s="457"/>
      <c r="G34" s="457"/>
      <c r="H34" s="457"/>
      <c r="I34" s="457"/>
      <c r="J34" s="457"/>
      <c r="K34" s="457"/>
      <c r="L34" s="458"/>
      <c r="M34" s="457"/>
      <c r="N34" s="457"/>
      <c r="O34" s="457"/>
      <c r="P34" s="459"/>
      <c r="Q34" s="139"/>
      <c r="R34" s="138"/>
      <c r="S34" s="141"/>
      <c r="T34" s="64"/>
    </row>
    <row r="35" spans="1:56" s="67" customFormat="1" ht="75" customHeight="1" thickBot="1">
      <c r="A35" s="471"/>
      <c r="B35" s="472"/>
      <c r="C35" s="472"/>
      <c r="D35" s="472"/>
      <c r="E35" s="472"/>
      <c r="F35" s="472"/>
      <c r="G35" s="472"/>
      <c r="H35" s="472"/>
      <c r="I35" s="472"/>
      <c r="J35" s="472"/>
      <c r="K35" s="472"/>
      <c r="L35" s="473"/>
      <c r="M35" s="472"/>
      <c r="N35" s="472"/>
      <c r="O35" s="472"/>
      <c r="P35" s="474"/>
      <c r="Q35" s="139"/>
      <c r="R35" s="138"/>
      <c r="S35" s="141"/>
      <c r="T35" s="64"/>
    </row>
    <row r="36" spans="1:56" s="64" customFormat="1" ht="69.900000000000006" customHeight="1" thickBot="1">
      <c r="A36" s="443" t="s">
        <v>32</v>
      </c>
      <c r="B36" s="444"/>
      <c r="C36" s="444"/>
      <c r="D36" s="444"/>
      <c r="E36" s="444"/>
      <c r="F36" s="444"/>
      <c r="G36" s="444"/>
      <c r="H36" s="444"/>
      <c r="I36" s="444"/>
      <c r="J36" s="444"/>
      <c r="K36" s="444"/>
      <c r="L36" s="445"/>
      <c r="M36" s="444"/>
      <c r="N36" s="444"/>
      <c r="O36" s="444"/>
      <c r="P36" s="446"/>
      <c r="Q36" s="139"/>
      <c r="R36" s="138"/>
      <c r="S36" s="78"/>
      <c r="T36" s="76"/>
      <c r="U36" s="76"/>
      <c r="V36" s="76"/>
      <c r="W36" s="76"/>
      <c r="X36" s="76"/>
      <c r="Y36" s="76"/>
      <c r="Z36" s="76"/>
      <c r="AA36" s="76"/>
      <c r="AB36" s="76"/>
      <c r="AC36" s="76"/>
      <c r="AD36" s="76"/>
      <c r="AE36" s="76"/>
      <c r="AF36" s="76"/>
      <c r="AG36" s="76"/>
      <c r="AH36" s="76"/>
      <c r="AI36" s="76"/>
      <c r="AJ36" s="76"/>
      <c r="AK36" s="76"/>
      <c r="AL36" s="76"/>
      <c r="AM36" s="76"/>
      <c r="AN36" s="76"/>
      <c r="AO36" s="76"/>
      <c r="AP36" s="76"/>
      <c r="AQ36" s="76"/>
      <c r="AR36" s="76"/>
      <c r="AS36" s="76"/>
      <c r="AT36" s="76"/>
      <c r="AU36" s="76"/>
      <c r="AV36" s="76"/>
      <c r="AW36" s="76"/>
      <c r="AX36" s="76"/>
      <c r="AY36" s="76"/>
      <c r="AZ36" s="76"/>
      <c r="BA36" s="76"/>
      <c r="BB36" s="76"/>
      <c r="BC36" s="76"/>
      <c r="BD36" s="76"/>
    </row>
    <row r="37" spans="1:56" s="67" customFormat="1" ht="409.6" customHeight="1" thickTop="1" thickBot="1">
      <c r="A37" s="477" t="s">
        <v>33</v>
      </c>
      <c r="B37" s="478"/>
      <c r="C37" s="478"/>
      <c r="D37" s="478"/>
      <c r="E37" s="478"/>
      <c r="F37" s="478"/>
      <c r="G37" s="478"/>
      <c r="H37" s="478"/>
      <c r="I37" s="478"/>
      <c r="J37" s="478"/>
      <c r="K37" s="478"/>
      <c r="L37" s="379"/>
      <c r="M37" s="478"/>
      <c r="N37" s="478"/>
      <c r="O37" s="481" t="s">
        <v>20</v>
      </c>
      <c r="P37" s="483" t="s">
        <v>21</v>
      </c>
      <c r="Q37" s="139"/>
      <c r="R37" s="138"/>
      <c r="S37" s="464"/>
      <c r="T37" s="76"/>
      <c r="U37" s="77"/>
      <c r="V37" s="77"/>
      <c r="W37" s="77"/>
      <c r="X37" s="77"/>
      <c r="Y37" s="77"/>
      <c r="Z37" s="77"/>
      <c r="AA37" s="77"/>
      <c r="AB37" s="77"/>
      <c r="AC37" s="77"/>
      <c r="AD37" s="77"/>
      <c r="AE37" s="77"/>
      <c r="AF37" s="77"/>
      <c r="AG37" s="77"/>
      <c r="AH37" s="77"/>
      <c r="AI37" s="77"/>
      <c r="AJ37" s="77"/>
      <c r="AK37" s="77"/>
      <c r="AL37" s="77"/>
      <c r="AM37" s="77"/>
      <c r="AN37" s="77"/>
      <c r="AO37" s="77"/>
      <c r="AP37" s="77"/>
      <c r="AQ37" s="77"/>
      <c r="AR37" s="77"/>
      <c r="AS37" s="77"/>
      <c r="AT37" s="77"/>
      <c r="AU37" s="77"/>
      <c r="AV37" s="77"/>
      <c r="AW37" s="77"/>
      <c r="AX37" s="77"/>
      <c r="AY37" s="77"/>
      <c r="AZ37" s="77"/>
      <c r="BA37" s="77"/>
      <c r="BB37" s="77"/>
      <c r="BC37" s="77"/>
      <c r="BD37" s="77"/>
    </row>
    <row r="38" spans="1:56" s="67" customFormat="1" ht="322.5" customHeight="1" thickTop="1" thickBot="1">
      <c r="A38" s="479"/>
      <c r="B38" s="480"/>
      <c r="C38" s="480"/>
      <c r="D38" s="480"/>
      <c r="E38" s="480"/>
      <c r="F38" s="480"/>
      <c r="G38" s="480"/>
      <c r="H38" s="480"/>
      <c r="I38" s="480"/>
      <c r="J38" s="480"/>
      <c r="K38" s="480"/>
      <c r="L38" s="379"/>
      <c r="M38" s="480"/>
      <c r="N38" s="480"/>
      <c r="O38" s="482"/>
      <c r="P38" s="484"/>
      <c r="Q38" s="139"/>
      <c r="R38" s="138"/>
      <c r="S38" s="465"/>
      <c r="T38" s="76"/>
      <c r="U38" s="77"/>
      <c r="V38" s="77"/>
      <c r="W38" s="77"/>
      <c r="X38" s="77"/>
      <c r="Y38" s="77"/>
      <c r="Z38" s="77"/>
      <c r="AA38" s="77"/>
      <c r="AB38" s="77"/>
      <c r="AC38" s="77"/>
      <c r="AD38" s="77"/>
      <c r="AE38" s="77"/>
      <c r="AF38" s="77"/>
      <c r="AG38" s="77"/>
      <c r="AH38" s="77"/>
      <c r="AI38" s="77"/>
      <c r="AJ38" s="77"/>
      <c r="AK38" s="77"/>
      <c r="AL38" s="77"/>
      <c r="AM38" s="77"/>
      <c r="AN38" s="77"/>
      <c r="AO38" s="77"/>
      <c r="AP38" s="77"/>
      <c r="AQ38" s="77"/>
      <c r="AR38" s="77"/>
      <c r="AS38" s="77"/>
      <c r="AT38" s="77"/>
      <c r="AU38" s="77"/>
      <c r="AV38" s="77"/>
      <c r="AW38" s="77"/>
      <c r="AX38" s="77"/>
      <c r="AY38" s="77"/>
      <c r="AZ38" s="77"/>
      <c r="BA38" s="77"/>
      <c r="BB38" s="77"/>
      <c r="BC38" s="77"/>
      <c r="BD38" s="77"/>
    </row>
    <row r="39" spans="1:56" s="67" customFormat="1" ht="140.1" customHeight="1" thickTop="1" thickBot="1">
      <c r="A39" s="466" t="s">
        <v>510</v>
      </c>
      <c r="B39" s="449"/>
      <c r="C39" s="449"/>
      <c r="D39" s="449"/>
      <c r="E39" s="449"/>
      <c r="F39" s="449"/>
      <c r="G39" s="449"/>
      <c r="H39" s="449"/>
      <c r="I39" s="449"/>
      <c r="J39" s="449"/>
      <c r="K39" s="449"/>
      <c r="L39" s="295"/>
      <c r="M39" s="449"/>
      <c r="N39" s="449"/>
      <c r="O39" s="73" t="s">
        <v>20</v>
      </c>
      <c r="P39" s="74" t="s">
        <v>21</v>
      </c>
      <c r="Q39" s="139"/>
      <c r="R39" s="138"/>
      <c r="S39" s="137"/>
      <c r="T39" s="76"/>
      <c r="U39" s="77"/>
      <c r="V39" s="77"/>
      <c r="W39" s="77"/>
      <c r="X39" s="77"/>
      <c r="Y39" s="77"/>
      <c r="Z39" s="77"/>
      <c r="AA39" s="77"/>
      <c r="AB39" s="77"/>
      <c r="AC39" s="77"/>
      <c r="AD39" s="77"/>
      <c r="AE39" s="77"/>
      <c r="AF39" s="77"/>
      <c r="AG39" s="77"/>
      <c r="AH39" s="77"/>
      <c r="AI39" s="77"/>
      <c r="AJ39" s="77"/>
      <c r="AK39" s="77"/>
      <c r="AL39" s="77"/>
      <c r="AM39" s="77"/>
      <c r="AN39" s="77"/>
      <c r="AO39" s="77"/>
      <c r="AP39" s="77"/>
      <c r="AQ39" s="77"/>
      <c r="AR39" s="77"/>
      <c r="AS39" s="77"/>
      <c r="AT39" s="77"/>
      <c r="AU39" s="77"/>
      <c r="AV39" s="77"/>
      <c r="AW39" s="77"/>
      <c r="AX39" s="77"/>
      <c r="AY39" s="77"/>
      <c r="AZ39" s="77"/>
      <c r="BA39" s="77"/>
      <c r="BB39" s="77"/>
      <c r="BC39" s="77"/>
      <c r="BD39" s="77"/>
    </row>
    <row r="40" spans="1:56" s="67" customFormat="1" ht="140.1" customHeight="1" thickTop="1" thickBot="1">
      <c r="A40" s="467" t="s">
        <v>511</v>
      </c>
      <c r="B40" s="451"/>
      <c r="C40" s="451"/>
      <c r="D40" s="451"/>
      <c r="E40" s="451"/>
      <c r="F40" s="451"/>
      <c r="G40" s="451"/>
      <c r="H40" s="451"/>
      <c r="I40" s="451"/>
      <c r="J40" s="451"/>
      <c r="K40" s="451"/>
      <c r="L40" s="349"/>
      <c r="M40" s="451"/>
      <c r="N40" s="451"/>
      <c r="O40" s="75" t="s">
        <v>20</v>
      </c>
      <c r="P40" s="136" t="s">
        <v>21</v>
      </c>
      <c r="Q40" s="139"/>
      <c r="R40" s="138"/>
      <c r="S40" s="137"/>
      <c r="T40" s="76"/>
      <c r="U40" s="77"/>
      <c r="V40" s="77"/>
      <c r="W40" s="77"/>
      <c r="X40" s="77"/>
      <c r="Y40" s="77"/>
      <c r="Z40" s="77"/>
      <c r="AA40" s="77"/>
      <c r="AB40" s="77"/>
      <c r="AC40" s="77"/>
      <c r="AD40" s="77"/>
      <c r="AE40" s="77"/>
      <c r="AF40" s="77"/>
      <c r="AG40" s="77"/>
      <c r="AH40" s="77"/>
      <c r="AI40" s="77"/>
      <c r="AJ40" s="77"/>
      <c r="AK40" s="77"/>
      <c r="AL40" s="77"/>
      <c r="AM40" s="77"/>
      <c r="AN40" s="77"/>
      <c r="AO40" s="77"/>
      <c r="AP40" s="77"/>
      <c r="AQ40" s="77"/>
      <c r="AR40" s="77"/>
      <c r="AS40" s="77"/>
      <c r="AT40" s="77"/>
      <c r="AU40" s="77"/>
      <c r="AV40" s="77"/>
      <c r="AW40" s="77"/>
      <c r="AX40" s="77"/>
      <c r="AY40" s="77"/>
      <c r="AZ40" s="77"/>
      <c r="BA40" s="77"/>
      <c r="BB40" s="77"/>
      <c r="BC40" s="77"/>
      <c r="BD40" s="77"/>
    </row>
    <row r="41" spans="1:56" s="64" customFormat="1" ht="69.900000000000006" customHeight="1" thickTop="1">
      <c r="A41" s="468" t="s">
        <v>25</v>
      </c>
      <c r="B41" s="469"/>
      <c r="C41" s="469"/>
      <c r="D41" s="469"/>
      <c r="E41" s="469"/>
      <c r="F41" s="469"/>
      <c r="G41" s="469"/>
      <c r="H41" s="469"/>
      <c r="I41" s="469"/>
      <c r="J41" s="469"/>
      <c r="K41" s="469"/>
      <c r="L41" s="454"/>
      <c r="M41" s="469"/>
      <c r="N41" s="469"/>
      <c r="O41" s="469"/>
      <c r="P41" s="470"/>
      <c r="Q41" s="122"/>
      <c r="R41" s="138"/>
      <c r="S41" s="162"/>
    </row>
    <row r="42" spans="1:56" s="67" customFormat="1" ht="75" customHeight="1">
      <c r="A42" s="456"/>
      <c r="B42" s="457"/>
      <c r="C42" s="457"/>
      <c r="D42" s="457"/>
      <c r="E42" s="457"/>
      <c r="F42" s="457"/>
      <c r="G42" s="457"/>
      <c r="H42" s="457"/>
      <c r="I42" s="457"/>
      <c r="J42" s="457"/>
      <c r="K42" s="457"/>
      <c r="L42" s="458"/>
      <c r="M42" s="457"/>
      <c r="N42" s="457"/>
      <c r="O42" s="457"/>
      <c r="P42" s="459"/>
      <c r="Q42" s="139"/>
      <c r="R42" s="138"/>
      <c r="S42" s="141"/>
      <c r="T42" s="64"/>
    </row>
    <row r="43" spans="1:56" s="67" customFormat="1" ht="75" customHeight="1" thickBot="1">
      <c r="A43" s="471"/>
      <c r="B43" s="472"/>
      <c r="C43" s="472"/>
      <c r="D43" s="472"/>
      <c r="E43" s="472"/>
      <c r="F43" s="472"/>
      <c r="G43" s="472"/>
      <c r="H43" s="472"/>
      <c r="I43" s="472"/>
      <c r="J43" s="472"/>
      <c r="K43" s="472"/>
      <c r="L43" s="473"/>
      <c r="M43" s="472"/>
      <c r="N43" s="472"/>
      <c r="O43" s="472"/>
      <c r="P43" s="474"/>
      <c r="Q43" s="139"/>
      <c r="R43" s="138"/>
      <c r="S43" s="141"/>
      <c r="T43" s="64"/>
    </row>
    <row r="44" spans="1:56" s="64" customFormat="1" ht="69.900000000000006" customHeight="1" thickBot="1">
      <c r="A44" s="443" t="s">
        <v>512</v>
      </c>
      <c r="B44" s="444"/>
      <c r="C44" s="444"/>
      <c r="D44" s="444"/>
      <c r="E44" s="444"/>
      <c r="F44" s="444"/>
      <c r="G44" s="444"/>
      <c r="H44" s="444"/>
      <c r="I44" s="444"/>
      <c r="J44" s="444"/>
      <c r="K44" s="444"/>
      <c r="L44" s="445"/>
      <c r="M44" s="444"/>
      <c r="N44" s="444"/>
      <c r="O44" s="444"/>
      <c r="P44" s="446"/>
      <c r="Q44" s="139"/>
      <c r="R44" s="138"/>
      <c r="S44" s="209" t="s">
        <v>513</v>
      </c>
      <c r="T44" s="76"/>
      <c r="U44" s="76"/>
      <c r="V44" s="76"/>
      <c r="W44" s="76"/>
      <c r="X44" s="76"/>
      <c r="Y44" s="76"/>
      <c r="Z44" s="76"/>
      <c r="AA44" s="76"/>
      <c r="AB44" s="76"/>
      <c r="AC44" s="76"/>
      <c r="AD44" s="76"/>
      <c r="AE44" s="76"/>
      <c r="AF44" s="76"/>
      <c r="AG44" s="76"/>
      <c r="AH44" s="76"/>
      <c r="AI44" s="76"/>
      <c r="AJ44" s="76"/>
      <c r="AK44" s="76"/>
      <c r="AL44" s="76"/>
      <c r="AM44" s="76"/>
      <c r="AN44" s="76"/>
      <c r="AO44" s="76"/>
      <c r="AP44" s="76"/>
      <c r="AQ44" s="76"/>
      <c r="AR44" s="76"/>
      <c r="AS44" s="76"/>
      <c r="AT44" s="76"/>
      <c r="AU44" s="76"/>
      <c r="AV44" s="76"/>
      <c r="AW44" s="76"/>
      <c r="AX44" s="76"/>
      <c r="AY44" s="76"/>
      <c r="AZ44" s="76"/>
      <c r="BA44" s="76"/>
      <c r="BB44" s="76"/>
      <c r="BC44" s="76"/>
      <c r="BD44" s="76"/>
    </row>
    <row r="45" spans="1:56" s="67" customFormat="1" ht="69.900000000000006" customHeight="1" thickBot="1">
      <c r="A45" s="485" t="s">
        <v>514</v>
      </c>
      <c r="B45" s="486"/>
      <c r="C45" s="486"/>
      <c r="D45" s="486"/>
      <c r="E45" s="486"/>
      <c r="F45" s="486"/>
      <c r="G45" s="486"/>
      <c r="H45" s="486"/>
      <c r="I45" s="486"/>
      <c r="J45" s="486"/>
      <c r="K45" s="486"/>
      <c r="L45" s="352"/>
      <c r="M45" s="486"/>
      <c r="N45" s="486"/>
      <c r="O45" s="486"/>
      <c r="P45" s="487"/>
      <c r="Q45" s="139"/>
      <c r="R45" s="138"/>
      <c r="S45" s="78"/>
      <c r="T45" s="76"/>
      <c r="U45" s="77"/>
      <c r="V45" s="77"/>
      <c r="W45" s="77"/>
      <c r="X45" s="77"/>
      <c r="Y45" s="77"/>
      <c r="Z45" s="77"/>
      <c r="AA45" s="77"/>
      <c r="AB45" s="77"/>
      <c r="AC45" s="77"/>
      <c r="AD45" s="77"/>
      <c r="AE45" s="77"/>
      <c r="AF45" s="77"/>
      <c r="AG45" s="77"/>
      <c r="AH45" s="77"/>
      <c r="AI45" s="77"/>
      <c r="AJ45" s="77"/>
      <c r="AK45" s="77"/>
      <c r="AL45" s="77"/>
      <c r="AM45" s="77"/>
      <c r="AN45" s="77"/>
      <c r="AO45" s="77"/>
      <c r="AP45" s="77"/>
      <c r="AQ45" s="77"/>
      <c r="AR45" s="77"/>
      <c r="AS45" s="77"/>
      <c r="AT45" s="77"/>
      <c r="AU45" s="77"/>
      <c r="AV45" s="77"/>
      <c r="AW45" s="77"/>
      <c r="AX45" s="77"/>
      <c r="AY45" s="77"/>
      <c r="AZ45" s="77"/>
      <c r="BA45" s="77"/>
      <c r="BB45" s="77"/>
      <c r="BC45" s="77"/>
      <c r="BD45" s="77"/>
    </row>
    <row r="46" spans="1:56" s="67" customFormat="1" ht="409.5" customHeight="1" thickTop="1" thickBot="1">
      <c r="A46" s="467" t="s">
        <v>39</v>
      </c>
      <c r="B46" s="451"/>
      <c r="C46" s="451"/>
      <c r="D46" s="451"/>
      <c r="E46" s="451"/>
      <c r="F46" s="451"/>
      <c r="G46" s="451"/>
      <c r="H46" s="451"/>
      <c r="I46" s="451"/>
      <c r="J46" s="451"/>
      <c r="K46" s="451"/>
      <c r="L46" s="349"/>
      <c r="M46" s="451"/>
      <c r="N46" s="451"/>
      <c r="O46" s="68" t="s">
        <v>20</v>
      </c>
      <c r="P46" s="69" t="s">
        <v>21</v>
      </c>
      <c r="Q46" s="139"/>
      <c r="R46" s="138"/>
      <c r="S46" s="137"/>
      <c r="T46" s="76"/>
      <c r="U46" s="77"/>
      <c r="V46" s="77"/>
      <c r="W46" s="77"/>
      <c r="X46" s="77"/>
      <c r="Y46" s="77"/>
      <c r="Z46" s="77"/>
      <c r="AA46" s="77"/>
      <c r="AB46" s="77"/>
      <c r="AC46" s="77"/>
      <c r="AD46" s="77"/>
      <c r="AE46" s="77"/>
      <c r="AF46" s="77"/>
      <c r="AG46" s="77"/>
      <c r="AH46" s="77"/>
      <c r="AI46" s="77"/>
      <c r="AJ46" s="77"/>
      <c r="AK46" s="77"/>
      <c r="AL46" s="77"/>
      <c r="AM46" s="77"/>
      <c r="AN46" s="77"/>
      <c r="AO46" s="77"/>
      <c r="AP46" s="77"/>
      <c r="AQ46" s="77"/>
      <c r="AR46" s="77"/>
      <c r="AS46" s="77"/>
      <c r="AT46" s="77"/>
      <c r="AU46" s="77"/>
      <c r="AV46" s="77"/>
      <c r="AW46" s="77"/>
      <c r="AX46" s="77"/>
      <c r="AY46" s="77"/>
      <c r="AZ46" s="77"/>
      <c r="BA46" s="77"/>
      <c r="BB46" s="77"/>
      <c r="BC46" s="77"/>
      <c r="BD46" s="77"/>
    </row>
    <row r="47" spans="1:56" s="67" customFormat="1" ht="140.1" customHeight="1" thickTop="1" thickBot="1">
      <c r="A47" s="466" t="s">
        <v>230</v>
      </c>
      <c r="B47" s="449"/>
      <c r="C47" s="449"/>
      <c r="D47" s="449"/>
      <c r="E47" s="449"/>
      <c r="F47" s="449"/>
      <c r="G47" s="449"/>
      <c r="H47" s="449"/>
      <c r="I47" s="449"/>
      <c r="J47" s="449"/>
      <c r="K47" s="449"/>
      <c r="L47" s="295"/>
      <c r="M47" s="449"/>
      <c r="N47" s="449"/>
      <c r="O47" s="68" t="s">
        <v>20</v>
      </c>
      <c r="P47" s="69" t="s">
        <v>21</v>
      </c>
      <c r="Q47" s="139"/>
      <c r="R47" s="138"/>
      <c r="S47" s="137"/>
      <c r="T47" s="76"/>
      <c r="U47" s="77"/>
      <c r="V47" s="77"/>
      <c r="W47" s="77"/>
      <c r="X47" s="77"/>
      <c r="Y47" s="77"/>
      <c r="Z47" s="77"/>
      <c r="AA47" s="77"/>
      <c r="AB47" s="77"/>
      <c r="AC47" s="77"/>
      <c r="AD47" s="77"/>
      <c r="AE47" s="77"/>
      <c r="AF47" s="77"/>
      <c r="AG47" s="77"/>
      <c r="AH47" s="77"/>
      <c r="AI47" s="77"/>
      <c r="AJ47" s="77"/>
      <c r="AK47" s="77"/>
      <c r="AL47" s="77"/>
      <c r="AM47" s="77"/>
      <c r="AN47" s="77"/>
      <c r="AO47" s="77"/>
      <c r="AP47" s="77"/>
      <c r="AQ47" s="77"/>
      <c r="AR47" s="77"/>
      <c r="AS47" s="77"/>
      <c r="AT47" s="77"/>
      <c r="AU47" s="77"/>
      <c r="AV47" s="77"/>
      <c r="AW47" s="77"/>
      <c r="AX47" s="77"/>
      <c r="AY47" s="77"/>
      <c r="AZ47" s="77"/>
      <c r="BA47" s="77"/>
      <c r="BB47" s="77"/>
      <c r="BC47" s="77"/>
      <c r="BD47" s="77"/>
    </row>
    <row r="48" spans="1:56" s="67" customFormat="1" ht="158.25" customHeight="1" thickTop="1" thickBot="1">
      <c r="A48" s="466" t="s">
        <v>231</v>
      </c>
      <c r="B48" s="449"/>
      <c r="C48" s="449"/>
      <c r="D48" s="449"/>
      <c r="E48" s="449"/>
      <c r="F48" s="449"/>
      <c r="G48" s="449"/>
      <c r="H48" s="449"/>
      <c r="I48" s="449"/>
      <c r="J48" s="449"/>
      <c r="K48" s="449"/>
      <c r="L48" s="295"/>
      <c r="M48" s="449"/>
      <c r="N48" s="79" t="s">
        <v>24</v>
      </c>
      <c r="O48" s="68" t="s">
        <v>20</v>
      </c>
      <c r="P48" s="69" t="s">
        <v>21</v>
      </c>
      <c r="Q48" s="139"/>
      <c r="R48" s="138"/>
      <c r="S48" s="137"/>
      <c r="T48" s="76"/>
      <c r="U48" s="77"/>
      <c r="V48" s="77"/>
      <c r="W48" s="77"/>
      <c r="X48" s="77"/>
      <c r="Y48" s="77"/>
      <c r="Z48" s="77"/>
      <c r="AA48" s="77"/>
      <c r="AB48" s="77"/>
      <c r="AC48" s="77"/>
      <c r="AD48" s="77"/>
      <c r="AE48" s="77"/>
      <c r="AF48" s="77"/>
      <c r="AG48" s="77"/>
      <c r="AH48" s="77"/>
      <c r="AI48" s="77"/>
      <c r="AJ48" s="77"/>
      <c r="AK48" s="77"/>
      <c r="AL48" s="77"/>
      <c r="AM48" s="77"/>
      <c r="AN48" s="77"/>
      <c r="AO48" s="77"/>
      <c r="AP48" s="77"/>
      <c r="AQ48" s="77"/>
      <c r="AR48" s="77"/>
      <c r="AS48" s="77"/>
      <c r="AT48" s="77"/>
      <c r="AU48" s="77"/>
      <c r="AV48" s="77"/>
      <c r="AW48" s="77"/>
      <c r="AX48" s="77"/>
      <c r="AY48" s="77"/>
      <c r="AZ48" s="77"/>
      <c r="BA48" s="77"/>
      <c r="BB48" s="77"/>
      <c r="BC48" s="77"/>
      <c r="BD48" s="77"/>
    </row>
    <row r="49" spans="1:56" s="67" customFormat="1" ht="140.1" customHeight="1" thickTop="1" thickBot="1">
      <c r="A49" s="466" t="s">
        <v>232</v>
      </c>
      <c r="B49" s="449"/>
      <c r="C49" s="449"/>
      <c r="D49" s="449"/>
      <c r="E49" s="449"/>
      <c r="F49" s="449"/>
      <c r="G49" s="449"/>
      <c r="H49" s="449"/>
      <c r="I49" s="449"/>
      <c r="J49" s="449"/>
      <c r="K49" s="449"/>
      <c r="L49" s="295"/>
      <c r="M49" s="449"/>
      <c r="N49" s="79" t="s">
        <v>24</v>
      </c>
      <c r="O49" s="68" t="s">
        <v>20</v>
      </c>
      <c r="P49" s="69" t="s">
        <v>21</v>
      </c>
      <c r="Q49" s="139"/>
      <c r="R49" s="138"/>
      <c r="S49" s="137"/>
      <c r="T49" s="76"/>
      <c r="U49" s="77"/>
      <c r="V49" s="77"/>
      <c r="W49" s="77"/>
      <c r="X49" s="77"/>
      <c r="Y49" s="77"/>
      <c r="Z49" s="77"/>
      <c r="AA49" s="77"/>
      <c r="AB49" s="77"/>
      <c r="AC49" s="77"/>
      <c r="AD49" s="77"/>
      <c r="AE49" s="77"/>
      <c r="AF49" s="77"/>
      <c r="AG49" s="77"/>
      <c r="AH49" s="77"/>
      <c r="AI49" s="77"/>
      <c r="AJ49" s="77"/>
      <c r="AK49" s="77"/>
      <c r="AL49" s="77"/>
      <c r="AM49" s="77"/>
      <c r="AN49" s="77"/>
      <c r="AO49" s="77"/>
      <c r="AP49" s="77"/>
      <c r="AQ49" s="77"/>
      <c r="AR49" s="77"/>
      <c r="AS49" s="77"/>
      <c r="AT49" s="77"/>
      <c r="AU49" s="77"/>
      <c r="AV49" s="77"/>
      <c r="AW49" s="77"/>
      <c r="AX49" s="77"/>
      <c r="AY49" s="77"/>
      <c r="AZ49" s="77"/>
      <c r="BA49" s="77"/>
      <c r="BB49" s="77"/>
      <c r="BC49" s="77"/>
      <c r="BD49" s="77"/>
    </row>
    <row r="50" spans="1:56" s="67" customFormat="1" ht="140.1" customHeight="1" thickTop="1" thickBot="1">
      <c r="A50" s="466" t="s">
        <v>515</v>
      </c>
      <c r="B50" s="449"/>
      <c r="C50" s="449"/>
      <c r="D50" s="449"/>
      <c r="E50" s="449"/>
      <c r="F50" s="449"/>
      <c r="G50" s="449"/>
      <c r="H50" s="449"/>
      <c r="I50" s="449"/>
      <c r="J50" s="449"/>
      <c r="K50" s="449"/>
      <c r="L50" s="295"/>
      <c r="M50" s="449"/>
      <c r="N50" s="79" t="s">
        <v>24</v>
      </c>
      <c r="O50" s="68" t="s">
        <v>20</v>
      </c>
      <c r="P50" s="69" t="s">
        <v>21</v>
      </c>
      <c r="Q50" s="139"/>
      <c r="R50" s="138"/>
      <c r="S50" s="137"/>
      <c r="T50" s="76"/>
      <c r="U50" s="77"/>
      <c r="V50" s="77"/>
      <c r="W50" s="77"/>
      <c r="X50" s="77"/>
      <c r="Y50" s="77"/>
      <c r="Z50" s="77"/>
      <c r="AA50" s="77"/>
      <c r="AB50" s="77"/>
      <c r="AC50" s="77"/>
      <c r="AD50" s="77"/>
      <c r="AE50" s="77"/>
      <c r="AF50" s="77"/>
      <c r="AG50" s="77"/>
      <c r="AH50" s="77"/>
      <c r="AI50" s="77"/>
      <c r="AJ50" s="77"/>
      <c r="AK50" s="77"/>
      <c r="AL50" s="77"/>
      <c r="AM50" s="77"/>
      <c r="AN50" s="77"/>
      <c r="AO50" s="77"/>
      <c r="AP50" s="77"/>
      <c r="AQ50" s="77"/>
      <c r="AR50" s="77"/>
      <c r="AS50" s="77"/>
      <c r="AT50" s="77"/>
      <c r="AU50" s="77"/>
      <c r="AV50" s="77"/>
      <c r="AW50" s="77"/>
      <c r="AX50" s="77"/>
      <c r="AY50" s="77"/>
      <c r="AZ50" s="77"/>
      <c r="BA50" s="77"/>
      <c r="BB50" s="77"/>
      <c r="BC50" s="77"/>
      <c r="BD50" s="77"/>
    </row>
    <row r="51" spans="1:56" s="67" customFormat="1" ht="140.1" customHeight="1" thickTop="1" thickBot="1">
      <c r="A51" s="466" t="s">
        <v>516</v>
      </c>
      <c r="B51" s="449"/>
      <c r="C51" s="449"/>
      <c r="D51" s="449"/>
      <c r="E51" s="449"/>
      <c r="F51" s="449"/>
      <c r="G51" s="449"/>
      <c r="H51" s="449"/>
      <c r="I51" s="449"/>
      <c r="J51" s="449"/>
      <c r="K51" s="449"/>
      <c r="L51" s="295"/>
      <c r="M51" s="449"/>
      <c r="N51" s="79" t="s">
        <v>24</v>
      </c>
      <c r="O51" s="68" t="s">
        <v>20</v>
      </c>
      <c r="P51" s="69" t="s">
        <v>21</v>
      </c>
      <c r="Q51" s="139"/>
      <c r="R51" s="138"/>
      <c r="S51" s="137"/>
      <c r="T51" s="76"/>
      <c r="U51" s="77"/>
      <c r="V51" s="77"/>
      <c r="W51" s="77"/>
      <c r="X51" s="77"/>
      <c r="Y51" s="77"/>
      <c r="Z51" s="77"/>
      <c r="AA51" s="77"/>
      <c r="AB51" s="77"/>
      <c r="AC51" s="77"/>
      <c r="AD51" s="77"/>
      <c r="AE51" s="77"/>
      <c r="AF51" s="77"/>
      <c r="AG51" s="77"/>
      <c r="AH51" s="77"/>
      <c r="AI51" s="77"/>
      <c r="AJ51" s="77"/>
      <c r="AK51" s="77"/>
      <c r="AL51" s="77"/>
      <c r="AM51" s="77"/>
      <c r="AN51" s="77"/>
      <c r="AO51" s="77"/>
      <c r="AP51" s="77"/>
      <c r="AQ51" s="77"/>
      <c r="AR51" s="77"/>
      <c r="AS51" s="77"/>
      <c r="AT51" s="77"/>
      <c r="AU51" s="77"/>
      <c r="AV51" s="77"/>
      <c r="AW51" s="77"/>
      <c r="AX51" s="77"/>
      <c r="AY51" s="77"/>
      <c r="AZ51" s="77"/>
      <c r="BA51" s="77"/>
      <c r="BB51" s="77"/>
      <c r="BC51" s="77"/>
      <c r="BD51" s="77"/>
    </row>
    <row r="52" spans="1:56" s="67" customFormat="1" ht="140.1" customHeight="1" thickTop="1" thickBot="1">
      <c r="A52" s="466" t="s">
        <v>517</v>
      </c>
      <c r="B52" s="449"/>
      <c r="C52" s="449"/>
      <c r="D52" s="449"/>
      <c r="E52" s="449"/>
      <c r="F52" s="449"/>
      <c r="G52" s="449"/>
      <c r="H52" s="449"/>
      <c r="I52" s="449"/>
      <c r="J52" s="449"/>
      <c r="K52" s="449"/>
      <c r="L52" s="295"/>
      <c r="M52" s="449"/>
      <c r="N52" s="449"/>
      <c r="O52" s="68" t="s">
        <v>20</v>
      </c>
      <c r="P52" s="69" t="s">
        <v>21</v>
      </c>
      <c r="Q52" s="139"/>
      <c r="R52" s="138"/>
      <c r="S52" s="137"/>
      <c r="T52" s="76"/>
      <c r="U52" s="77"/>
      <c r="V52" s="77"/>
      <c r="W52" s="77"/>
      <c r="X52" s="77"/>
      <c r="Y52" s="77"/>
      <c r="Z52" s="77"/>
      <c r="AA52" s="77"/>
      <c r="AB52" s="77"/>
      <c r="AC52" s="77"/>
      <c r="AD52" s="77"/>
      <c r="AE52" s="77"/>
      <c r="AF52" s="77"/>
      <c r="AG52" s="77"/>
      <c r="AH52" s="77"/>
      <c r="AI52" s="77"/>
      <c r="AJ52" s="77"/>
      <c r="AK52" s="77"/>
      <c r="AL52" s="77"/>
      <c r="AM52" s="77"/>
      <c r="AN52" s="77"/>
      <c r="AO52" s="77"/>
      <c r="AP52" s="77"/>
      <c r="AQ52" s="77"/>
      <c r="AR52" s="77"/>
      <c r="AS52" s="77"/>
      <c r="AT52" s="77"/>
      <c r="AU52" s="77"/>
      <c r="AV52" s="77"/>
      <c r="AW52" s="77"/>
      <c r="AX52" s="77"/>
      <c r="AY52" s="77"/>
      <c r="AZ52" s="77"/>
      <c r="BA52" s="77"/>
      <c r="BB52" s="77"/>
      <c r="BC52" s="77"/>
      <c r="BD52" s="77"/>
    </row>
    <row r="53" spans="1:56" s="67" customFormat="1" ht="140.1" customHeight="1" thickTop="1" thickBot="1">
      <c r="A53" s="467" t="s">
        <v>236</v>
      </c>
      <c r="B53" s="451"/>
      <c r="C53" s="451"/>
      <c r="D53" s="451"/>
      <c r="E53" s="451"/>
      <c r="F53" s="451"/>
      <c r="G53" s="451"/>
      <c r="H53" s="451"/>
      <c r="I53" s="451"/>
      <c r="J53" s="451"/>
      <c r="K53" s="451"/>
      <c r="L53" s="349"/>
      <c r="M53" s="451"/>
      <c r="N53" s="451"/>
      <c r="O53" s="75" t="s">
        <v>20</v>
      </c>
      <c r="P53" s="136" t="s">
        <v>21</v>
      </c>
      <c r="Q53" s="139"/>
      <c r="R53" s="138"/>
      <c r="S53" s="137"/>
      <c r="T53" s="76"/>
      <c r="U53" s="77"/>
      <c r="V53" s="77"/>
      <c r="W53" s="77"/>
      <c r="X53" s="77"/>
      <c r="Y53" s="77"/>
      <c r="Z53" s="77"/>
      <c r="AA53" s="77"/>
      <c r="AB53" s="77"/>
      <c r="AC53" s="77"/>
      <c r="AD53" s="77"/>
      <c r="AE53" s="77"/>
      <c r="AF53" s="77"/>
      <c r="AG53" s="77"/>
      <c r="AH53" s="77"/>
      <c r="AI53" s="77"/>
      <c r="AJ53" s="77"/>
      <c r="AK53" s="77"/>
      <c r="AL53" s="77"/>
      <c r="AM53" s="77"/>
      <c r="AN53" s="77"/>
      <c r="AO53" s="77"/>
      <c r="AP53" s="77"/>
      <c r="AQ53" s="77"/>
      <c r="AR53" s="77"/>
      <c r="AS53" s="77"/>
      <c r="AT53" s="77"/>
      <c r="AU53" s="77"/>
      <c r="AV53" s="77"/>
      <c r="AW53" s="77"/>
      <c r="AX53" s="77"/>
      <c r="AY53" s="77"/>
      <c r="AZ53" s="77"/>
      <c r="BA53" s="77"/>
      <c r="BB53" s="77"/>
      <c r="BC53" s="77"/>
      <c r="BD53" s="77"/>
    </row>
    <row r="54" spans="1:56" s="64" customFormat="1" ht="69.900000000000006" customHeight="1" thickTop="1">
      <c r="A54" s="468" t="s">
        <v>25</v>
      </c>
      <c r="B54" s="469"/>
      <c r="C54" s="469"/>
      <c r="D54" s="469"/>
      <c r="E54" s="469"/>
      <c r="F54" s="469"/>
      <c r="G54" s="469"/>
      <c r="H54" s="469"/>
      <c r="I54" s="469"/>
      <c r="J54" s="469"/>
      <c r="K54" s="469"/>
      <c r="L54" s="454"/>
      <c r="M54" s="469"/>
      <c r="N54" s="469"/>
      <c r="O54" s="469"/>
      <c r="P54" s="470"/>
      <c r="Q54" s="122"/>
      <c r="R54" s="138"/>
      <c r="S54" s="162"/>
    </row>
    <row r="55" spans="1:56" s="67" customFormat="1" ht="75" customHeight="1">
      <c r="A55" s="456"/>
      <c r="B55" s="457"/>
      <c r="C55" s="457"/>
      <c r="D55" s="457"/>
      <c r="E55" s="457"/>
      <c r="F55" s="457"/>
      <c r="G55" s="457"/>
      <c r="H55" s="457"/>
      <c r="I55" s="457"/>
      <c r="J55" s="457"/>
      <c r="K55" s="457"/>
      <c r="L55" s="458"/>
      <c r="M55" s="457"/>
      <c r="N55" s="457"/>
      <c r="O55" s="457"/>
      <c r="P55" s="459"/>
      <c r="Q55" s="139"/>
      <c r="R55" s="138"/>
      <c r="S55" s="141"/>
      <c r="T55" s="64"/>
    </row>
    <row r="56" spans="1:56" s="67" customFormat="1" ht="75" customHeight="1" thickBot="1">
      <c r="A56" s="471"/>
      <c r="B56" s="472"/>
      <c r="C56" s="472"/>
      <c r="D56" s="472"/>
      <c r="E56" s="472"/>
      <c r="F56" s="472"/>
      <c r="G56" s="472"/>
      <c r="H56" s="472"/>
      <c r="I56" s="472"/>
      <c r="J56" s="472"/>
      <c r="K56" s="472"/>
      <c r="L56" s="473"/>
      <c r="M56" s="472"/>
      <c r="N56" s="472"/>
      <c r="O56" s="472"/>
      <c r="P56" s="474"/>
      <c r="Q56" s="139"/>
      <c r="R56" s="138"/>
      <c r="S56" s="141"/>
      <c r="T56" s="64"/>
    </row>
    <row r="57" spans="1:56" s="64" customFormat="1" ht="69.75" customHeight="1" thickBot="1">
      <c r="A57" s="443" t="s">
        <v>518</v>
      </c>
      <c r="B57" s="444"/>
      <c r="C57" s="444"/>
      <c r="D57" s="444"/>
      <c r="E57" s="444"/>
      <c r="F57" s="444"/>
      <c r="G57" s="444"/>
      <c r="H57" s="444"/>
      <c r="I57" s="444"/>
      <c r="J57" s="444"/>
      <c r="K57" s="444"/>
      <c r="L57" s="445"/>
      <c r="M57" s="444"/>
      <c r="N57" s="444"/>
      <c r="O57" s="444"/>
      <c r="P57" s="446"/>
      <c r="Q57" s="139"/>
      <c r="R57" s="138"/>
      <c r="S57" s="78"/>
      <c r="T57" s="76"/>
      <c r="U57" s="76"/>
      <c r="V57" s="76"/>
      <c r="W57" s="76"/>
      <c r="X57" s="76"/>
      <c r="Y57" s="76"/>
      <c r="Z57" s="76"/>
      <c r="AA57" s="76"/>
      <c r="AB57" s="76"/>
      <c r="AC57" s="76"/>
      <c r="AD57" s="76"/>
      <c r="AE57" s="76"/>
      <c r="AF57" s="76"/>
      <c r="AG57" s="76"/>
      <c r="AH57" s="76"/>
      <c r="AI57" s="76"/>
      <c r="AJ57" s="76"/>
      <c r="AK57" s="76"/>
      <c r="AL57" s="76"/>
      <c r="AM57" s="76"/>
      <c r="AN57" s="76"/>
      <c r="AO57" s="76"/>
      <c r="AP57" s="76"/>
      <c r="AQ57" s="76"/>
      <c r="AR57" s="76"/>
      <c r="AS57" s="76"/>
      <c r="AT57" s="76"/>
      <c r="AU57" s="76"/>
      <c r="AV57" s="76"/>
      <c r="AW57" s="76"/>
      <c r="AX57" s="76"/>
      <c r="AY57" s="76"/>
      <c r="AZ57" s="76"/>
      <c r="BA57" s="76"/>
      <c r="BB57" s="76"/>
      <c r="BC57" s="76"/>
      <c r="BD57" s="76"/>
    </row>
    <row r="58" spans="1:56" s="67" customFormat="1" ht="140.1" customHeight="1" thickTop="1" thickBot="1">
      <c r="A58" s="477" t="s">
        <v>519</v>
      </c>
      <c r="B58" s="478"/>
      <c r="C58" s="478"/>
      <c r="D58" s="478"/>
      <c r="E58" s="478"/>
      <c r="F58" s="478"/>
      <c r="G58" s="478"/>
      <c r="H58" s="478"/>
      <c r="I58" s="478"/>
      <c r="J58" s="478"/>
      <c r="K58" s="478"/>
      <c r="L58" s="379"/>
      <c r="M58" s="478"/>
      <c r="N58" s="478"/>
      <c r="O58" s="75" t="s">
        <v>20</v>
      </c>
      <c r="P58" s="136" t="s">
        <v>21</v>
      </c>
      <c r="Q58" s="139"/>
      <c r="R58" s="138"/>
      <c r="S58" s="137"/>
      <c r="T58" s="76"/>
      <c r="U58" s="77"/>
      <c r="V58" s="77"/>
      <c r="W58" s="77"/>
      <c r="X58" s="77"/>
      <c r="Y58" s="77"/>
      <c r="Z58" s="77"/>
      <c r="AA58" s="77"/>
      <c r="AB58" s="77"/>
      <c r="AC58" s="77"/>
      <c r="AD58" s="77"/>
      <c r="AE58" s="77"/>
      <c r="AF58" s="77"/>
      <c r="AG58" s="77"/>
      <c r="AH58" s="77"/>
      <c r="AI58" s="77"/>
      <c r="AJ58" s="77"/>
      <c r="AK58" s="77"/>
      <c r="AL58" s="77"/>
      <c r="AM58" s="77"/>
      <c r="AN58" s="77"/>
      <c r="AO58" s="77"/>
      <c r="AP58" s="77"/>
      <c r="AQ58" s="77"/>
      <c r="AR58" s="77"/>
      <c r="AS58" s="77"/>
      <c r="AT58" s="77"/>
      <c r="AU58" s="77"/>
      <c r="AV58" s="77"/>
      <c r="AW58" s="77"/>
      <c r="AX58" s="77"/>
      <c r="AY58" s="77"/>
      <c r="AZ58" s="77"/>
      <c r="BA58" s="77"/>
      <c r="BB58" s="77"/>
      <c r="BC58" s="77"/>
      <c r="BD58" s="77"/>
    </row>
    <row r="59" spans="1:56" s="64" customFormat="1" ht="69.900000000000006" customHeight="1" thickTop="1">
      <c r="A59" s="468" t="s">
        <v>52</v>
      </c>
      <c r="B59" s="469"/>
      <c r="C59" s="469"/>
      <c r="D59" s="469"/>
      <c r="E59" s="469"/>
      <c r="F59" s="469"/>
      <c r="G59" s="469"/>
      <c r="H59" s="469"/>
      <c r="I59" s="469"/>
      <c r="J59" s="469"/>
      <c r="K59" s="469"/>
      <c r="L59" s="454"/>
      <c r="M59" s="469"/>
      <c r="N59" s="469"/>
      <c r="O59" s="469"/>
      <c r="P59" s="470"/>
      <c r="Q59" s="122"/>
      <c r="R59" s="138"/>
      <c r="S59" s="162"/>
    </row>
    <row r="60" spans="1:56" s="64" customFormat="1" ht="69.900000000000006" customHeight="1">
      <c r="A60" s="488" t="s">
        <v>53</v>
      </c>
      <c r="B60" s="489"/>
      <c r="C60" s="489"/>
      <c r="D60" s="489"/>
      <c r="E60" s="489"/>
      <c r="F60" s="489"/>
      <c r="G60" s="489"/>
      <c r="H60" s="489"/>
      <c r="I60" s="489"/>
      <c r="J60" s="490"/>
      <c r="K60" s="480"/>
      <c r="L60" s="491"/>
      <c r="M60" s="492"/>
      <c r="N60" s="492"/>
      <c r="O60" s="492"/>
      <c r="P60" s="493"/>
      <c r="Q60" s="122"/>
      <c r="R60" s="138"/>
      <c r="S60" s="162"/>
      <c r="T60" s="193"/>
    </row>
    <row r="61" spans="1:56" s="67" customFormat="1" ht="69.900000000000006" customHeight="1">
      <c r="A61" s="494" t="s">
        <v>520</v>
      </c>
      <c r="B61" s="495"/>
      <c r="C61" s="495"/>
      <c r="D61" s="495"/>
      <c r="E61" s="495"/>
      <c r="F61" s="495"/>
      <c r="G61" s="495"/>
      <c r="H61" s="495"/>
      <c r="I61" s="495"/>
      <c r="J61" s="496"/>
      <c r="K61" s="497"/>
      <c r="L61" s="307"/>
      <c r="M61" s="498"/>
      <c r="N61" s="498"/>
      <c r="O61" s="498"/>
      <c r="P61" s="499"/>
      <c r="Q61" s="139"/>
      <c r="R61" s="138"/>
      <c r="S61" s="91"/>
      <c r="T61" s="92"/>
      <c r="U61" s="93"/>
      <c r="V61" s="93"/>
      <c r="W61" s="93"/>
      <c r="X61" s="93"/>
      <c r="Y61" s="93"/>
      <c r="Z61" s="93"/>
      <c r="AA61" s="93"/>
      <c r="AB61" s="93"/>
      <c r="AC61" s="93"/>
      <c r="AD61" s="93"/>
      <c r="AE61" s="93"/>
      <c r="AF61" s="93"/>
      <c r="AG61" s="93"/>
      <c r="AH61" s="93"/>
      <c r="AI61" s="93"/>
      <c r="AJ61" s="93"/>
      <c r="AK61" s="93"/>
      <c r="AL61" s="93"/>
      <c r="AM61" s="93"/>
      <c r="AN61" s="93"/>
      <c r="AO61" s="93"/>
      <c r="AP61" s="93"/>
      <c r="AQ61" s="93"/>
      <c r="AR61" s="93"/>
      <c r="AS61" s="93"/>
      <c r="AT61" s="93"/>
      <c r="AU61" s="93"/>
      <c r="AV61" s="93"/>
      <c r="AW61" s="93"/>
      <c r="AX61" s="93"/>
      <c r="AY61" s="93"/>
      <c r="AZ61" s="93"/>
      <c r="BA61" s="93"/>
      <c r="BB61" s="93"/>
      <c r="BC61" s="93"/>
      <c r="BD61" s="93"/>
    </row>
    <row r="62" spans="1:56" s="64" customFormat="1" ht="69.900000000000006" customHeight="1">
      <c r="A62" s="468" t="s">
        <v>25</v>
      </c>
      <c r="B62" s="469"/>
      <c r="C62" s="469"/>
      <c r="D62" s="469"/>
      <c r="E62" s="469"/>
      <c r="F62" s="469"/>
      <c r="G62" s="469"/>
      <c r="H62" s="469"/>
      <c r="I62" s="469"/>
      <c r="J62" s="469"/>
      <c r="K62" s="469"/>
      <c r="L62" s="454"/>
      <c r="M62" s="469"/>
      <c r="N62" s="469"/>
      <c r="O62" s="469"/>
      <c r="P62" s="470"/>
      <c r="Q62" s="122"/>
      <c r="R62" s="138"/>
      <c r="S62" s="162"/>
    </row>
    <row r="63" spans="1:56" s="67" customFormat="1" ht="75" customHeight="1">
      <c r="A63" s="456"/>
      <c r="B63" s="457"/>
      <c r="C63" s="457"/>
      <c r="D63" s="457"/>
      <c r="E63" s="457"/>
      <c r="F63" s="457"/>
      <c r="G63" s="457"/>
      <c r="H63" s="457"/>
      <c r="I63" s="457"/>
      <c r="J63" s="457"/>
      <c r="K63" s="457"/>
      <c r="L63" s="458"/>
      <c r="M63" s="457"/>
      <c r="N63" s="457"/>
      <c r="O63" s="457"/>
      <c r="P63" s="459"/>
      <c r="Q63" s="139"/>
      <c r="R63" s="138"/>
      <c r="S63" s="141"/>
      <c r="T63" s="64"/>
    </row>
    <row r="64" spans="1:56" s="67" customFormat="1" ht="75" customHeight="1" thickBot="1">
      <c r="A64" s="471"/>
      <c r="B64" s="472"/>
      <c r="C64" s="472"/>
      <c r="D64" s="472"/>
      <c r="E64" s="472"/>
      <c r="F64" s="472"/>
      <c r="G64" s="472"/>
      <c r="H64" s="472"/>
      <c r="I64" s="472"/>
      <c r="J64" s="472"/>
      <c r="K64" s="472"/>
      <c r="L64" s="473"/>
      <c r="M64" s="472"/>
      <c r="N64" s="472"/>
      <c r="O64" s="472"/>
      <c r="P64" s="474"/>
      <c r="Q64" s="139"/>
      <c r="R64" s="138"/>
      <c r="S64" s="141"/>
      <c r="T64" s="64"/>
    </row>
    <row r="65" spans="1:56" s="64" customFormat="1" ht="69.900000000000006" customHeight="1" thickBot="1">
      <c r="A65" s="443" t="s">
        <v>521</v>
      </c>
      <c r="B65" s="444"/>
      <c r="C65" s="444"/>
      <c r="D65" s="444"/>
      <c r="E65" s="444"/>
      <c r="F65" s="444"/>
      <c r="G65" s="444"/>
      <c r="H65" s="444"/>
      <c r="I65" s="444"/>
      <c r="J65" s="444"/>
      <c r="K65" s="444"/>
      <c r="L65" s="445"/>
      <c r="M65" s="444"/>
      <c r="N65" s="444"/>
      <c r="O65" s="444"/>
      <c r="P65" s="446"/>
      <c r="Q65" s="139"/>
      <c r="R65" s="138"/>
      <c r="S65" s="78"/>
      <c r="T65" s="76"/>
      <c r="U65" s="76"/>
      <c r="V65" s="76"/>
      <c r="W65" s="76"/>
      <c r="X65" s="77"/>
      <c r="Y65" s="77"/>
      <c r="Z65" s="77"/>
      <c r="AA65" s="77"/>
      <c r="AB65" s="77"/>
      <c r="AC65" s="77"/>
      <c r="AD65" s="77"/>
      <c r="AE65" s="77"/>
      <c r="AF65" s="77"/>
      <c r="AG65" s="77"/>
      <c r="AH65" s="77"/>
      <c r="AI65" s="77"/>
      <c r="AJ65" s="77"/>
      <c r="AK65" s="77"/>
      <c r="AL65" s="77"/>
      <c r="AM65" s="77"/>
      <c r="AN65" s="76"/>
      <c r="AO65" s="76"/>
      <c r="AP65" s="76"/>
      <c r="AQ65" s="76"/>
      <c r="AR65" s="76"/>
      <c r="AS65" s="76"/>
      <c r="AT65" s="76"/>
      <c r="AU65" s="76"/>
      <c r="AV65" s="76"/>
      <c r="AW65" s="76"/>
      <c r="AX65" s="76"/>
      <c r="AY65" s="76"/>
      <c r="AZ65" s="76"/>
      <c r="BA65" s="76"/>
      <c r="BB65" s="76"/>
      <c r="BC65" s="76"/>
      <c r="BD65" s="76"/>
    </row>
    <row r="66" spans="1:56" s="67" customFormat="1" ht="274.5" customHeight="1" thickTop="1" thickBot="1">
      <c r="A66" s="485" t="s">
        <v>418</v>
      </c>
      <c r="B66" s="486"/>
      <c r="C66" s="486"/>
      <c r="D66" s="486"/>
      <c r="E66" s="486"/>
      <c r="F66" s="486"/>
      <c r="G66" s="486"/>
      <c r="H66" s="486"/>
      <c r="I66" s="486"/>
      <c r="J66" s="486"/>
      <c r="K66" s="486"/>
      <c r="L66" s="352"/>
      <c r="M66" s="486"/>
      <c r="N66" s="486"/>
      <c r="O66" s="68" t="s">
        <v>20</v>
      </c>
      <c r="P66" s="69" t="s">
        <v>21</v>
      </c>
      <c r="Q66" s="139"/>
      <c r="R66" s="138"/>
      <c r="S66" s="137"/>
      <c r="T66" s="76"/>
      <c r="U66" s="77"/>
      <c r="V66" s="77"/>
      <c r="W66" s="77"/>
      <c r="X66" s="77"/>
      <c r="Y66" s="77"/>
      <c r="Z66" s="77"/>
      <c r="AA66" s="77"/>
      <c r="AB66" s="77"/>
      <c r="AC66" s="77"/>
      <c r="AD66" s="77"/>
      <c r="AE66" s="77"/>
      <c r="AF66" s="77"/>
      <c r="AG66" s="77"/>
      <c r="AH66" s="77"/>
      <c r="AI66" s="77"/>
      <c r="AJ66" s="77"/>
      <c r="AK66" s="77"/>
      <c r="AL66" s="77"/>
      <c r="AM66" s="77"/>
      <c r="AN66" s="77"/>
      <c r="AO66" s="77"/>
      <c r="AP66" s="77"/>
      <c r="AQ66" s="77"/>
      <c r="AR66" s="77"/>
      <c r="AS66" s="77"/>
      <c r="AT66" s="77"/>
      <c r="AU66" s="77"/>
      <c r="AV66" s="77"/>
      <c r="AW66" s="77"/>
      <c r="AX66" s="77"/>
      <c r="AY66" s="77"/>
      <c r="AZ66" s="77"/>
      <c r="BA66" s="77"/>
      <c r="BB66" s="77"/>
      <c r="BC66" s="77"/>
      <c r="BD66" s="77"/>
    </row>
    <row r="67" spans="1:56" s="67" customFormat="1" ht="229.5" customHeight="1" thickTop="1" thickBot="1">
      <c r="A67" s="467" t="s">
        <v>522</v>
      </c>
      <c r="B67" s="451"/>
      <c r="C67" s="451"/>
      <c r="D67" s="451"/>
      <c r="E67" s="451"/>
      <c r="F67" s="451"/>
      <c r="G67" s="451"/>
      <c r="H67" s="451"/>
      <c r="I67" s="451"/>
      <c r="J67" s="451"/>
      <c r="K67" s="451"/>
      <c r="L67" s="349"/>
      <c r="M67" s="451"/>
      <c r="N67" s="451"/>
      <c r="O67" s="68" t="s">
        <v>20</v>
      </c>
      <c r="P67" s="69" t="s">
        <v>21</v>
      </c>
      <c r="Q67" s="139"/>
      <c r="R67" s="138"/>
      <c r="S67" s="137"/>
      <c r="T67" s="76"/>
      <c r="U67" s="77"/>
      <c r="V67" s="77"/>
      <c r="W67" s="77"/>
      <c r="X67" s="76"/>
      <c r="Y67" s="76"/>
      <c r="Z67" s="76"/>
      <c r="AA67" s="76"/>
      <c r="AB67" s="76"/>
      <c r="AC67" s="76"/>
      <c r="AD67" s="76"/>
      <c r="AE67" s="76"/>
      <c r="AF67" s="76"/>
      <c r="AG67" s="76"/>
      <c r="AH67" s="76"/>
      <c r="AI67" s="76"/>
      <c r="AJ67" s="76"/>
      <c r="AK67" s="76"/>
      <c r="AL67" s="76"/>
      <c r="AM67" s="76"/>
      <c r="AN67" s="77"/>
      <c r="AO67" s="77"/>
      <c r="AP67" s="77"/>
      <c r="AQ67" s="77"/>
      <c r="AR67" s="77"/>
      <c r="AS67" s="77"/>
      <c r="AT67" s="77"/>
      <c r="AU67" s="77"/>
      <c r="AV67" s="77"/>
      <c r="AW67" s="77"/>
      <c r="AX67" s="77"/>
      <c r="AY67" s="77"/>
      <c r="AZ67" s="77"/>
      <c r="BA67" s="77"/>
      <c r="BB67" s="77"/>
      <c r="BC67" s="77"/>
      <c r="BD67" s="77"/>
    </row>
    <row r="68" spans="1:56" s="67" customFormat="1" ht="140.1" customHeight="1" thickTop="1" thickBot="1">
      <c r="A68" s="467" t="s">
        <v>523</v>
      </c>
      <c r="B68" s="451"/>
      <c r="C68" s="451"/>
      <c r="D68" s="451"/>
      <c r="E68" s="451"/>
      <c r="F68" s="451"/>
      <c r="G68" s="451"/>
      <c r="H68" s="451"/>
      <c r="I68" s="451"/>
      <c r="J68" s="451"/>
      <c r="K68" s="451"/>
      <c r="L68" s="349"/>
      <c r="M68" s="451"/>
      <c r="N68" s="451"/>
      <c r="O68" s="75" t="s">
        <v>20</v>
      </c>
      <c r="P68" s="136" t="s">
        <v>21</v>
      </c>
      <c r="Q68" s="139"/>
      <c r="R68" s="138"/>
      <c r="S68" s="137"/>
      <c r="T68" s="76"/>
      <c r="U68" s="77"/>
      <c r="V68" s="77"/>
      <c r="W68" s="77"/>
      <c r="X68" s="77"/>
      <c r="Y68" s="77"/>
      <c r="Z68" s="77"/>
      <c r="AA68" s="77"/>
      <c r="AB68" s="77"/>
      <c r="AC68" s="77"/>
      <c r="AD68" s="77"/>
      <c r="AE68" s="77"/>
      <c r="AF68" s="77"/>
      <c r="AG68" s="77"/>
      <c r="AH68" s="77"/>
      <c r="AI68" s="77"/>
      <c r="AJ68" s="77"/>
      <c r="AK68" s="77"/>
      <c r="AL68" s="77"/>
      <c r="AM68" s="77"/>
      <c r="AN68" s="77"/>
      <c r="AO68" s="77"/>
      <c r="AP68" s="77"/>
      <c r="AQ68" s="77"/>
      <c r="AR68" s="77"/>
      <c r="AS68" s="77"/>
      <c r="AT68" s="77"/>
      <c r="AU68" s="77"/>
      <c r="AV68" s="77"/>
      <c r="AW68" s="77"/>
      <c r="AX68" s="77"/>
      <c r="AY68" s="77"/>
      <c r="AZ68" s="77"/>
      <c r="BA68" s="77"/>
      <c r="BB68" s="77"/>
      <c r="BC68" s="77"/>
      <c r="BD68" s="77"/>
    </row>
    <row r="69" spans="1:56" s="64" customFormat="1" ht="69.900000000000006" customHeight="1" thickTop="1">
      <c r="A69" s="468" t="s">
        <v>25</v>
      </c>
      <c r="B69" s="469"/>
      <c r="C69" s="469"/>
      <c r="D69" s="469"/>
      <c r="E69" s="469"/>
      <c r="F69" s="469"/>
      <c r="G69" s="469"/>
      <c r="H69" s="469"/>
      <c r="I69" s="469"/>
      <c r="J69" s="469"/>
      <c r="K69" s="469"/>
      <c r="L69" s="454"/>
      <c r="M69" s="469"/>
      <c r="N69" s="469"/>
      <c r="O69" s="469"/>
      <c r="P69" s="470"/>
      <c r="Q69" s="122"/>
      <c r="R69" s="138"/>
      <c r="S69" s="162"/>
    </row>
    <row r="70" spans="1:56" s="67" customFormat="1" ht="75" customHeight="1">
      <c r="A70" s="456"/>
      <c r="B70" s="457"/>
      <c r="C70" s="457"/>
      <c r="D70" s="457"/>
      <c r="E70" s="457"/>
      <c r="F70" s="457"/>
      <c r="G70" s="457"/>
      <c r="H70" s="457"/>
      <c r="I70" s="457"/>
      <c r="J70" s="457"/>
      <c r="K70" s="457"/>
      <c r="L70" s="458"/>
      <c r="M70" s="457"/>
      <c r="N70" s="457"/>
      <c r="O70" s="457"/>
      <c r="P70" s="459"/>
      <c r="Q70" s="139"/>
      <c r="R70" s="138"/>
      <c r="S70" s="141"/>
      <c r="T70" s="64"/>
    </row>
    <row r="71" spans="1:56" s="67" customFormat="1" ht="75" customHeight="1" thickBot="1">
      <c r="A71" s="471"/>
      <c r="B71" s="472"/>
      <c r="C71" s="472"/>
      <c r="D71" s="472"/>
      <c r="E71" s="472"/>
      <c r="F71" s="472"/>
      <c r="G71" s="472"/>
      <c r="H71" s="472"/>
      <c r="I71" s="472"/>
      <c r="J71" s="472"/>
      <c r="K71" s="472"/>
      <c r="L71" s="473"/>
      <c r="M71" s="472"/>
      <c r="N71" s="472"/>
      <c r="O71" s="472"/>
      <c r="P71" s="474"/>
      <c r="Q71" s="139"/>
      <c r="R71" s="138"/>
      <c r="S71" s="141"/>
      <c r="T71" s="64"/>
    </row>
    <row r="72" spans="1:56" s="64" customFormat="1" ht="69.900000000000006" customHeight="1" thickBot="1">
      <c r="A72" s="562" t="s">
        <v>426</v>
      </c>
      <c r="B72" s="563"/>
      <c r="C72" s="563"/>
      <c r="D72" s="563"/>
      <c r="E72" s="563"/>
      <c r="F72" s="563"/>
      <c r="G72" s="563"/>
      <c r="H72" s="563"/>
      <c r="I72" s="563"/>
      <c r="J72" s="563"/>
      <c r="K72" s="563"/>
      <c r="L72" s="563"/>
      <c r="M72" s="563"/>
      <c r="N72" s="563"/>
      <c r="O72" s="563"/>
      <c r="P72" s="564"/>
      <c r="Q72" s="122"/>
      <c r="R72" s="138"/>
      <c r="S72" s="209" t="s">
        <v>524</v>
      </c>
      <c r="T72" s="76"/>
      <c r="U72" s="76"/>
      <c r="V72" s="76"/>
      <c r="W72" s="76"/>
      <c r="X72" s="77"/>
      <c r="Y72" s="77"/>
      <c r="Z72" s="77"/>
      <c r="AA72" s="77"/>
      <c r="AB72" s="77"/>
      <c r="AC72" s="77"/>
      <c r="AD72" s="77"/>
      <c r="AE72" s="77"/>
      <c r="AF72" s="77"/>
      <c r="AG72" s="77"/>
      <c r="AH72" s="77"/>
      <c r="AI72" s="77"/>
      <c r="AJ72" s="77"/>
      <c r="AK72" s="77"/>
      <c r="AL72" s="77"/>
      <c r="AM72" s="77"/>
      <c r="AN72" s="76"/>
      <c r="AO72" s="76"/>
      <c r="AP72" s="76"/>
      <c r="AQ72" s="76"/>
      <c r="AR72" s="76"/>
      <c r="AS72" s="76"/>
      <c r="AT72" s="76"/>
      <c r="AU72" s="76"/>
      <c r="AV72" s="76"/>
      <c r="AW72" s="76"/>
      <c r="AX72" s="76"/>
      <c r="AY72" s="76"/>
      <c r="AZ72" s="76"/>
      <c r="BA72" s="76"/>
      <c r="BB72" s="76"/>
      <c r="BC72" s="76"/>
      <c r="BD72" s="76"/>
    </row>
    <row r="73" spans="1:56" s="64" customFormat="1" ht="69.900000000000006" customHeight="1" thickBot="1">
      <c r="A73" s="443" t="s">
        <v>525</v>
      </c>
      <c r="B73" s="444"/>
      <c r="C73" s="444"/>
      <c r="D73" s="444"/>
      <c r="E73" s="444"/>
      <c r="F73" s="444"/>
      <c r="G73" s="444"/>
      <c r="H73" s="444"/>
      <c r="I73" s="444"/>
      <c r="J73" s="444"/>
      <c r="K73" s="444"/>
      <c r="L73" s="445"/>
      <c r="M73" s="444"/>
      <c r="N73" s="444"/>
      <c r="O73" s="444"/>
      <c r="P73" s="446"/>
      <c r="Q73" s="139"/>
      <c r="R73" s="138"/>
      <c r="S73" s="78"/>
      <c r="T73" s="76"/>
      <c r="U73" s="76"/>
      <c r="V73" s="76"/>
      <c r="W73" s="76"/>
      <c r="X73" s="76"/>
      <c r="Y73" s="76"/>
      <c r="Z73" s="76"/>
      <c r="AA73" s="76"/>
      <c r="AB73" s="76"/>
      <c r="AC73" s="76"/>
      <c r="AD73" s="76"/>
      <c r="AE73" s="76"/>
      <c r="AF73" s="76"/>
      <c r="AG73" s="76"/>
      <c r="AH73" s="76"/>
      <c r="AI73" s="76"/>
      <c r="AJ73" s="76"/>
      <c r="AK73" s="76"/>
      <c r="AL73" s="76"/>
      <c r="AM73" s="76"/>
      <c r="AN73" s="76"/>
      <c r="AO73" s="76"/>
      <c r="AP73" s="76"/>
      <c r="AQ73" s="76"/>
      <c r="AR73" s="76"/>
      <c r="AS73" s="76"/>
      <c r="AT73" s="76"/>
      <c r="AU73" s="76"/>
      <c r="AV73" s="76"/>
      <c r="AW73" s="76"/>
      <c r="AX73" s="76"/>
      <c r="AY73" s="76"/>
      <c r="AZ73" s="76"/>
      <c r="BA73" s="76"/>
      <c r="BB73" s="76"/>
      <c r="BC73" s="76"/>
      <c r="BD73" s="76"/>
    </row>
    <row r="74" spans="1:56" s="67" customFormat="1" ht="389.4" customHeight="1" thickTop="1" thickBot="1">
      <c r="A74" s="477" t="s">
        <v>526</v>
      </c>
      <c r="B74" s="478"/>
      <c r="C74" s="478"/>
      <c r="D74" s="478"/>
      <c r="E74" s="478"/>
      <c r="F74" s="478"/>
      <c r="G74" s="478"/>
      <c r="H74" s="478"/>
      <c r="I74" s="478"/>
      <c r="J74" s="478"/>
      <c r="K74" s="478"/>
      <c r="L74" s="379"/>
      <c r="M74" s="478"/>
      <c r="N74" s="478"/>
      <c r="O74" s="75" t="s">
        <v>20</v>
      </c>
      <c r="P74" s="136" t="s">
        <v>21</v>
      </c>
      <c r="Q74" s="139"/>
      <c r="R74" s="138"/>
      <c r="S74" s="137"/>
      <c r="T74" s="76"/>
      <c r="U74" s="77"/>
      <c r="V74" s="77"/>
      <c r="W74" s="77"/>
      <c r="X74" s="76"/>
      <c r="Y74" s="76"/>
      <c r="Z74" s="76"/>
      <c r="AA74" s="76"/>
      <c r="AB74" s="76"/>
      <c r="AC74" s="76"/>
      <c r="AD74" s="76"/>
      <c r="AE74" s="76"/>
      <c r="AF74" s="76"/>
      <c r="AG74" s="76"/>
      <c r="AH74" s="76"/>
      <c r="AI74" s="76"/>
      <c r="AJ74" s="76"/>
      <c r="AK74" s="76"/>
      <c r="AL74" s="76"/>
      <c r="AM74" s="76"/>
      <c r="AN74" s="77"/>
      <c r="AO74" s="77"/>
      <c r="AP74" s="77"/>
      <c r="AQ74" s="77"/>
      <c r="AR74" s="77"/>
      <c r="AS74" s="77"/>
      <c r="AT74" s="77"/>
      <c r="AU74" s="77"/>
      <c r="AV74" s="77"/>
      <c r="AW74" s="77"/>
      <c r="AX74" s="77"/>
      <c r="AY74" s="77"/>
      <c r="AZ74" s="77"/>
      <c r="BA74" s="77"/>
      <c r="BB74" s="77"/>
      <c r="BC74" s="77"/>
      <c r="BD74" s="77"/>
    </row>
    <row r="75" spans="1:56" s="64" customFormat="1" ht="69.900000000000006" customHeight="1" thickTop="1">
      <c r="A75" s="503" t="s">
        <v>52</v>
      </c>
      <c r="B75" s="504"/>
      <c r="C75" s="504"/>
      <c r="D75" s="504"/>
      <c r="E75" s="504"/>
      <c r="F75" s="504"/>
      <c r="G75" s="504"/>
      <c r="H75" s="504"/>
      <c r="I75" s="504"/>
      <c r="J75" s="504"/>
      <c r="K75" s="504"/>
      <c r="L75" s="505"/>
      <c r="M75" s="504"/>
      <c r="N75" s="504"/>
      <c r="O75" s="504"/>
      <c r="P75" s="506"/>
      <c r="Q75" s="122"/>
      <c r="R75" s="138"/>
      <c r="S75" s="162"/>
    </row>
    <row r="76" spans="1:56" s="64" customFormat="1" ht="69.900000000000006" customHeight="1">
      <c r="A76" s="507" t="s">
        <v>64</v>
      </c>
      <c r="B76" s="508"/>
      <c r="C76" s="508"/>
      <c r="D76" s="508"/>
      <c r="E76" s="508"/>
      <c r="F76" s="508"/>
      <c r="G76" s="508"/>
      <c r="H76" s="508"/>
      <c r="I76" s="508"/>
      <c r="J76" s="508"/>
      <c r="K76" s="508"/>
      <c r="L76" s="508"/>
      <c r="M76" s="508"/>
      <c r="N76" s="508"/>
      <c r="O76" s="508"/>
      <c r="P76" s="509"/>
      <c r="Q76" s="122"/>
      <c r="R76" s="138"/>
      <c r="S76" s="162"/>
    </row>
    <row r="77" spans="1:56" s="67" customFormat="1" ht="69.599999999999994" customHeight="1">
      <c r="A77" s="658" t="s">
        <v>84</v>
      </c>
      <c r="B77" s="659"/>
      <c r="C77" s="659"/>
      <c r="D77" s="659"/>
      <c r="E77" s="659"/>
      <c r="F77" s="659"/>
      <c r="G77" s="659"/>
      <c r="H77" s="659"/>
      <c r="I77" s="659"/>
      <c r="J77" s="659"/>
      <c r="K77" s="659"/>
      <c r="L77" s="659"/>
      <c r="M77" s="659"/>
      <c r="N77" s="659"/>
      <c r="O77" s="659"/>
      <c r="P77" s="660"/>
      <c r="Q77" s="139"/>
      <c r="R77" s="138"/>
      <c r="S77" s="78"/>
      <c r="T77" s="76"/>
      <c r="U77" s="77"/>
      <c r="V77" s="77"/>
      <c r="W77" s="77"/>
      <c r="X77" s="77"/>
      <c r="Y77" s="77"/>
      <c r="Z77" s="77"/>
      <c r="AA77" s="77"/>
      <c r="AB77" s="77"/>
      <c r="AC77" s="77"/>
      <c r="AD77" s="77"/>
      <c r="AE77" s="77"/>
      <c r="AF77" s="77"/>
      <c r="AG77" s="77"/>
      <c r="AH77" s="77"/>
      <c r="AI77" s="77"/>
      <c r="AJ77" s="77"/>
      <c r="AK77" s="77"/>
      <c r="AL77" s="77"/>
      <c r="AM77" s="77"/>
      <c r="AN77" s="77"/>
      <c r="AO77" s="77"/>
      <c r="AP77" s="77"/>
      <c r="AQ77" s="77"/>
      <c r="AR77" s="77"/>
      <c r="AS77" s="77"/>
      <c r="AT77" s="77"/>
      <c r="AU77" s="77"/>
      <c r="AV77" s="77"/>
      <c r="AW77" s="77"/>
      <c r="AX77" s="77"/>
      <c r="AY77" s="77"/>
      <c r="AZ77" s="77"/>
      <c r="BA77" s="77"/>
      <c r="BB77" s="77"/>
      <c r="BC77" s="77"/>
      <c r="BD77" s="77"/>
    </row>
    <row r="78" spans="1:56" s="67" customFormat="1" ht="69.599999999999994" customHeight="1">
      <c r="A78" s="556" t="s">
        <v>85</v>
      </c>
      <c r="B78" s="557"/>
      <c r="C78" s="557"/>
      <c r="D78" s="557"/>
      <c r="E78" s="557"/>
      <c r="F78" s="557"/>
      <c r="G78" s="557"/>
      <c r="H78" s="557"/>
      <c r="I78" s="557"/>
      <c r="J78" s="557"/>
      <c r="K78" s="557"/>
      <c r="L78" s="557"/>
      <c r="M78" s="557"/>
      <c r="N78" s="557"/>
      <c r="O78" s="557"/>
      <c r="P78" s="558"/>
      <c r="Q78" s="139"/>
      <c r="R78" s="138"/>
      <c r="S78" s="78"/>
      <c r="T78" s="76"/>
      <c r="U78" s="77"/>
      <c r="V78" s="77"/>
      <c r="W78" s="77"/>
      <c r="X78" s="77"/>
      <c r="Y78" s="77"/>
      <c r="Z78" s="77"/>
      <c r="AA78" s="77"/>
      <c r="AB78" s="77"/>
      <c r="AC78" s="77"/>
      <c r="AD78" s="77"/>
      <c r="AE78" s="77"/>
      <c r="AF78" s="77"/>
      <c r="AG78" s="77"/>
      <c r="AH78" s="77"/>
      <c r="AI78" s="77"/>
      <c r="AJ78" s="77"/>
      <c r="AK78" s="77"/>
      <c r="AL78" s="77"/>
      <c r="AM78" s="77"/>
      <c r="AN78" s="77"/>
      <c r="AO78" s="77"/>
      <c r="AP78" s="77"/>
      <c r="AQ78" s="77"/>
      <c r="AR78" s="77"/>
      <c r="AS78" s="77"/>
      <c r="AT78" s="77"/>
      <c r="AU78" s="77"/>
      <c r="AV78" s="77"/>
      <c r="AW78" s="77"/>
      <c r="AX78" s="77"/>
      <c r="AY78" s="77"/>
      <c r="AZ78" s="77"/>
      <c r="BA78" s="77"/>
      <c r="BB78" s="77"/>
      <c r="BC78" s="77"/>
      <c r="BD78" s="77"/>
    </row>
    <row r="79" spans="1:56" s="64" customFormat="1" ht="69.900000000000006" customHeight="1">
      <c r="A79" s="468" t="s">
        <v>25</v>
      </c>
      <c r="B79" s="469"/>
      <c r="C79" s="469"/>
      <c r="D79" s="469"/>
      <c r="E79" s="469"/>
      <c r="F79" s="469"/>
      <c r="G79" s="469"/>
      <c r="H79" s="469"/>
      <c r="I79" s="469"/>
      <c r="J79" s="469"/>
      <c r="K79" s="469"/>
      <c r="L79" s="454"/>
      <c r="M79" s="469"/>
      <c r="N79" s="469"/>
      <c r="O79" s="469"/>
      <c r="P79" s="470"/>
      <c r="Q79" s="122"/>
      <c r="R79" s="138"/>
      <c r="S79" s="162"/>
    </row>
    <row r="80" spans="1:56" s="67" customFormat="1" ht="75" customHeight="1">
      <c r="A80" s="456"/>
      <c r="B80" s="457"/>
      <c r="C80" s="457"/>
      <c r="D80" s="457"/>
      <c r="E80" s="457"/>
      <c r="F80" s="457"/>
      <c r="G80" s="457"/>
      <c r="H80" s="457"/>
      <c r="I80" s="457"/>
      <c r="J80" s="457"/>
      <c r="K80" s="457"/>
      <c r="L80" s="458"/>
      <c r="M80" s="457"/>
      <c r="N80" s="457"/>
      <c r="O80" s="457"/>
      <c r="P80" s="459"/>
      <c r="Q80" s="139"/>
      <c r="R80" s="138"/>
      <c r="S80" s="141"/>
      <c r="T80" s="64"/>
    </row>
    <row r="81" spans="1:258" s="67" customFormat="1" ht="75" customHeight="1" thickBot="1">
      <c r="A81" s="471"/>
      <c r="B81" s="472"/>
      <c r="C81" s="472"/>
      <c r="D81" s="472"/>
      <c r="E81" s="472"/>
      <c r="F81" s="472"/>
      <c r="G81" s="472"/>
      <c r="H81" s="472"/>
      <c r="I81" s="472"/>
      <c r="J81" s="472"/>
      <c r="K81" s="472"/>
      <c r="L81" s="473"/>
      <c r="M81" s="472"/>
      <c r="N81" s="472"/>
      <c r="O81" s="472"/>
      <c r="P81" s="474"/>
      <c r="Q81" s="139"/>
      <c r="R81" s="138"/>
      <c r="S81" s="141"/>
      <c r="T81" s="64"/>
    </row>
    <row r="82" spans="1:258" s="64" customFormat="1" ht="69.900000000000006" customHeight="1" thickBot="1">
      <c r="A82" s="443" t="s">
        <v>527</v>
      </c>
      <c r="B82" s="444"/>
      <c r="C82" s="444"/>
      <c r="D82" s="444"/>
      <c r="E82" s="444"/>
      <c r="F82" s="444"/>
      <c r="G82" s="444"/>
      <c r="H82" s="444"/>
      <c r="I82" s="444"/>
      <c r="J82" s="444"/>
      <c r="K82" s="444"/>
      <c r="L82" s="445"/>
      <c r="M82" s="444"/>
      <c r="N82" s="444"/>
      <c r="O82" s="444"/>
      <c r="P82" s="446"/>
      <c r="Q82" s="139"/>
      <c r="R82" s="138"/>
      <c r="S82" s="78"/>
      <c r="T82" s="76"/>
      <c r="U82" s="76"/>
      <c r="V82" s="76"/>
      <c r="W82" s="76"/>
      <c r="X82" s="77"/>
      <c r="Y82" s="77"/>
      <c r="Z82" s="77"/>
      <c r="AA82" s="77"/>
      <c r="AB82" s="77"/>
      <c r="AC82" s="77"/>
      <c r="AD82" s="77"/>
      <c r="AE82" s="77"/>
      <c r="AF82" s="77"/>
      <c r="AG82" s="77"/>
      <c r="AH82" s="77"/>
      <c r="AI82" s="77"/>
      <c r="AJ82" s="77"/>
      <c r="AK82" s="77"/>
      <c r="AL82" s="77"/>
      <c r="AM82" s="77"/>
      <c r="AN82" s="76"/>
      <c r="AO82" s="76"/>
      <c r="AP82" s="76"/>
      <c r="AQ82" s="76"/>
      <c r="AR82" s="76"/>
      <c r="AS82" s="76"/>
      <c r="AT82" s="76"/>
      <c r="AU82" s="76"/>
      <c r="AV82" s="76"/>
      <c r="AW82" s="76"/>
      <c r="AX82" s="76"/>
      <c r="AY82" s="76"/>
      <c r="AZ82" s="76"/>
      <c r="BA82" s="76"/>
      <c r="BB82" s="76"/>
      <c r="BC82" s="76"/>
      <c r="BD82" s="76"/>
    </row>
    <row r="83" spans="1:258" s="67" customFormat="1" ht="199.95" customHeight="1" thickTop="1" thickBot="1">
      <c r="A83" s="477" t="s">
        <v>528</v>
      </c>
      <c r="B83" s="478"/>
      <c r="C83" s="478"/>
      <c r="D83" s="478"/>
      <c r="E83" s="478"/>
      <c r="F83" s="478"/>
      <c r="G83" s="478"/>
      <c r="H83" s="478"/>
      <c r="I83" s="478"/>
      <c r="J83" s="478"/>
      <c r="K83" s="478"/>
      <c r="L83" s="379"/>
      <c r="M83" s="478"/>
      <c r="N83" s="478"/>
      <c r="O83" s="75" t="s">
        <v>20</v>
      </c>
      <c r="P83" s="136" t="s">
        <v>21</v>
      </c>
      <c r="Q83" s="139"/>
      <c r="R83" s="138"/>
      <c r="S83" s="137"/>
      <c r="T83" s="76"/>
      <c r="U83" s="77"/>
      <c r="V83" s="77"/>
      <c r="W83" s="77"/>
      <c r="X83" s="77"/>
      <c r="Y83" s="77"/>
      <c r="Z83" s="77"/>
      <c r="AA83" s="77"/>
      <c r="AB83" s="77"/>
      <c r="AC83" s="77"/>
      <c r="AD83" s="77"/>
      <c r="AE83" s="77"/>
      <c r="AF83" s="77"/>
      <c r="AG83" s="77"/>
      <c r="AH83" s="77"/>
      <c r="AI83" s="77"/>
      <c r="AJ83" s="77"/>
      <c r="AK83" s="77"/>
      <c r="AL83" s="77"/>
      <c r="AM83" s="77"/>
      <c r="AN83" s="77"/>
      <c r="AO83" s="77"/>
      <c r="AP83" s="77"/>
      <c r="AQ83" s="77"/>
      <c r="AR83" s="77"/>
      <c r="AS83" s="77"/>
      <c r="AT83" s="77"/>
      <c r="AU83" s="77"/>
      <c r="AV83" s="77"/>
      <c r="AW83" s="77"/>
      <c r="AX83" s="77"/>
      <c r="AY83" s="77"/>
      <c r="AZ83" s="77"/>
      <c r="BA83" s="77"/>
      <c r="BB83" s="77"/>
      <c r="BC83" s="77"/>
      <c r="BD83" s="77"/>
    </row>
    <row r="84" spans="1:258" s="64" customFormat="1" ht="69.900000000000006" customHeight="1" thickTop="1">
      <c r="A84" s="468" t="s">
        <v>25</v>
      </c>
      <c r="B84" s="469"/>
      <c r="C84" s="469"/>
      <c r="D84" s="469"/>
      <c r="E84" s="469"/>
      <c r="F84" s="469"/>
      <c r="G84" s="469"/>
      <c r="H84" s="469"/>
      <c r="I84" s="469"/>
      <c r="J84" s="469"/>
      <c r="K84" s="469"/>
      <c r="L84" s="454"/>
      <c r="M84" s="469"/>
      <c r="N84" s="469"/>
      <c r="O84" s="469"/>
      <c r="P84" s="470"/>
      <c r="Q84" s="122"/>
      <c r="R84" s="138"/>
      <c r="S84" s="162"/>
    </row>
    <row r="85" spans="1:258" s="67" customFormat="1" ht="75" customHeight="1">
      <c r="A85" s="456"/>
      <c r="B85" s="457"/>
      <c r="C85" s="457"/>
      <c r="D85" s="457"/>
      <c r="E85" s="457"/>
      <c r="F85" s="457"/>
      <c r="G85" s="457"/>
      <c r="H85" s="457"/>
      <c r="I85" s="457"/>
      <c r="J85" s="457"/>
      <c r="K85" s="457"/>
      <c r="L85" s="458"/>
      <c r="M85" s="457"/>
      <c r="N85" s="457"/>
      <c r="O85" s="457"/>
      <c r="P85" s="459"/>
      <c r="Q85" s="139"/>
      <c r="R85" s="138"/>
      <c r="S85" s="141"/>
      <c r="T85" s="64"/>
    </row>
    <row r="86" spans="1:258" s="67" customFormat="1" ht="75" customHeight="1" thickBot="1">
      <c r="A86" s="471"/>
      <c r="B86" s="472"/>
      <c r="C86" s="472"/>
      <c r="D86" s="472"/>
      <c r="E86" s="472"/>
      <c r="F86" s="472"/>
      <c r="G86" s="472"/>
      <c r="H86" s="472"/>
      <c r="I86" s="472"/>
      <c r="J86" s="472"/>
      <c r="K86" s="472"/>
      <c r="L86" s="473"/>
      <c r="M86" s="472"/>
      <c r="N86" s="472"/>
      <c r="O86" s="472"/>
      <c r="P86" s="474"/>
      <c r="Q86" s="139"/>
      <c r="R86" s="138"/>
      <c r="S86" s="141"/>
      <c r="T86" s="64"/>
    </row>
    <row r="87" spans="1:258" s="64" customFormat="1" ht="69.900000000000006" customHeight="1" thickBot="1">
      <c r="A87" s="443" t="s">
        <v>529</v>
      </c>
      <c r="B87" s="444"/>
      <c r="C87" s="444"/>
      <c r="D87" s="444"/>
      <c r="E87" s="444"/>
      <c r="F87" s="444"/>
      <c r="G87" s="444"/>
      <c r="H87" s="444"/>
      <c r="I87" s="444"/>
      <c r="J87" s="444"/>
      <c r="K87" s="444"/>
      <c r="L87" s="445"/>
      <c r="M87" s="444"/>
      <c r="N87" s="444"/>
      <c r="O87" s="444"/>
      <c r="P87" s="446"/>
      <c r="Q87" s="139"/>
      <c r="R87" s="138"/>
      <c r="S87" s="78"/>
      <c r="T87" s="76"/>
      <c r="U87" s="76"/>
      <c r="V87" s="76"/>
      <c r="W87" s="76"/>
      <c r="X87" s="76"/>
      <c r="Y87" s="76"/>
      <c r="Z87" s="76"/>
      <c r="AA87" s="76"/>
      <c r="AB87" s="76"/>
      <c r="AC87" s="76"/>
      <c r="AD87" s="76"/>
      <c r="AE87" s="76"/>
      <c r="AF87" s="76"/>
      <c r="AG87" s="76"/>
      <c r="AH87" s="76"/>
      <c r="AI87" s="76"/>
      <c r="AJ87" s="76"/>
      <c r="AK87" s="76"/>
      <c r="AL87" s="76"/>
      <c r="AM87" s="76"/>
      <c r="AN87" s="76"/>
      <c r="AO87" s="76"/>
      <c r="AP87" s="76"/>
      <c r="AQ87" s="76"/>
      <c r="AR87" s="76"/>
      <c r="AS87" s="76"/>
      <c r="AT87" s="76"/>
      <c r="AU87" s="76"/>
      <c r="AV87" s="76"/>
      <c r="AW87" s="76"/>
      <c r="AX87" s="76"/>
      <c r="AY87" s="76"/>
      <c r="AZ87" s="76"/>
      <c r="BA87" s="76"/>
      <c r="BB87" s="76"/>
      <c r="BC87" s="76"/>
      <c r="BD87" s="76"/>
    </row>
    <row r="88" spans="1:258" s="67" customFormat="1" ht="201" customHeight="1" thickTop="1" thickBot="1">
      <c r="A88" s="477" t="s">
        <v>259</v>
      </c>
      <c r="B88" s="478"/>
      <c r="C88" s="478"/>
      <c r="D88" s="478"/>
      <c r="E88" s="478"/>
      <c r="F88" s="478"/>
      <c r="G88" s="478"/>
      <c r="H88" s="478"/>
      <c r="I88" s="478"/>
      <c r="J88" s="478"/>
      <c r="K88" s="478"/>
      <c r="L88" s="379"/>
      <c r="M88" s="478"/>
      <c r="N88" s="478"/>
      <c r="O88" s="75" t="s">
        <v>20</v>
      </c>
      <c r="P88" s="136" t="s">
        <v>21</v>
      </c>
      <c r="Q88" s="139"/>
      <c r="R88" s="138"/>
      <c r="S88" s="137"/>
      <c r="T88" s="76"/>
      <c r="U88" s="77"/>
      <c r="V88" s="77"/>
      <c r="W88" s="77"/>
      <c r="X88" s="76"/>
      <c r="Y88" s="76"/>
      <c r="Z88" s="76"/>
      <c r="AA88" s="76"/>
      <c r="AB88" s="76"/>
      <c r="AC88" s="76"/>
      <c r="AD88" s="76"/>
      <c r="AE88" s="76"/>
      <c r="AF88" s="76"/>
      <c r="AG88" s="76"/>
      <c r="AH88" s="76"/>
      <c r="AI88" s="76"/>
      <c r="AJ88" s="76"/>
      <c r="AK88" s="76"/>
      <c r="AL88" s="76"/>
      <c r="AM88" s="76"/>
      <c r="AN88" s="77"/>
      <c r="AO88" s="77"/>
      <c r="AP88" s="77"/>
      <c r="AQ88" s="77"/>
      <c r="AR88" s="77"/>
      <c r="AS88" s="77"/>
      <c r="AT88" s="77"/>
      <c r="AU88" s="77"/>
      <c r="AV88" s="77"/>
      <c r="AW88" s="77"/>
      <c r="AX88" s="77"/>
      <c r="AY88" s="77"/>
      <c r="AZ88" s="77"/>
      <c r="BA88" s="77"/>
      <c r="BB88" s="77"/>
      <c r="BC88" s="77"/>
      <c r="BD88" s="77"/>
    </row>
    <row r="89" spans="1:258" s="64" customFormat="1" ht="69.900000000000006" customHeight="1" thickTop="1">
      <c r="A89" s="503" t="s">
        <v>52</v>
      </c>
      <c r="B89" s="504"/>
      <c r="C89" s="504"/>
      <c r="D89" s="504"/>
      <c r="E89" s="504"/>
      <c r="F89" s="504"/>
      <c r="G89" s="504"/>
      <c r="H89" s="504"/>
      <c r="I89" s="504"/>
      <c r="J89" s="504"/>
      <c r="K89" s="504"/>
      <c r="L89" s="505"/>
      <c r="M89" s="504"/>
      <c r="N89" s="504"/>
      <c r="O89" s="504"/>
      <c r="P89" s="506"/>
      <c r="Q89" s="122"/>
      <c r="R89" s="138"/>
      <c r="S89" s="162"/>
    </row>
    <row r="90" spans="1:258" s="64" customFormat="1" ht="69.900000000000006" customHeight="1">
      <c r="A90" s="507" t="s">
        <v>90</v>
      </c>
      <c r="B90" s="508"/>
      <c r="C90" s="508"/>
      <c r="D90" s="508"/>
      <c r="E90" s="508"/>
      <c r="F90" s="508"/>
      <c r="G90" s="508"/>
      <c r="H90" s="508"/>
      <c r="I90" s="508"/>
      <c r="J90" s="508"/>
      <c r="K90" s="508"/>
      <c r="L90" s="508"/>
      <c r="M90" s="508"/>
      <c r="N90" s="508"/>
      <c r="O90" s="508"/>
      <c r="P90" s="509"/>
      <c r="Q90" s="161"/>
      <c r="R90" s="133"/>
      <c r="S90" s="162"/>
      <c r="T90" s="52"/>
      <c r="U90" s="52"/>
      <c r="V90" s="52"/>
      <c r="W90" s="52"/>
      <c r="X90" s="52"/>
      <c r="Y90" s="52"/>
      <c r="Z90" s="52"/>
      <c r="AA90" s="52"/>
      <c r="AB90" s="52"/>
      <c r="AC90" s="52"/>
      <c r="AD90" s="52"/>
      <c r="AE90" s="52"/>
      <c r="AF90" s="52"/>
      <c r="AG90" s="52"/>
      <c r="AH90" s="52"/>
      <c r="AI90" s="52"/>
      <c r="AJ90" s="52"/>
      <c r="AK90" s="52"/>
      <c r="AL90" s="52"/>
      <c r="AM90" s="52"/>
      <c r="AN90" s="52"/>
      <c r="AO90" s="52"/>
      <c r="AP90" s="52"/>
      <c r="AQ90" s="52"/>
      <c r="AR90" s="52"/>
      <c r="AS90" s="52"/>
      <c r="AT90" s="52"/>
      <c r="AU90" s="52"/>
      <c r="AV90" s="52"/>
      <c r="AW90" s="52"/>
      <c r="AX90" s="52"/>
      <c r="AY90" s="52"/>
      <c r="AZ90" s="52"/>
      <c r="BA90" s="52"/>
      <c r="BB90" s="52"/>
      <c r="BC90" s="52"/>
      <c r="BD90" s="52"/>
      <c r="BE90" s="52"/>
      <c r="BF90" s="52"/>
      <c r="BG90" s="52"/>
      <c r="BH90" s="52"/>
      <c r="BI90" s="52"/>
      <c r="BJ90" s="52"/>
      <c r="BK90" s="52"/>
      <c r="BL90" s="52"/>
      <c r="BM90" s="52"/>
      <c r="BN90" s="52"/>
      <c r="BO90" s="52"/>
      <c r="BP90" s="52"/>
      <c r="BQ90" s="52"/>
      <c r="BR90" s="52"/>
      <c r="BS90" s="52"/>
      <c r="BT90" s="52"/>
      <c r="BU90" s="52"/>
      <c r="BV90" s="52"/>
      <c r="BW90" s="52"/>
      <c r="BX90" s="52"/>
      <c r="BY90" s="52"/>
      <c r="BZ90" s="52"/>
      <c r="CA90" s="52"/>
      <c r="CB90" s="52"/>
      <c r="CC90" s="52"/>
      <c r="CD90" s="52"/>
      <c r="CE90" s="52"/>
      <c r="CF90" s="52"/>
      <c r="CG90" s="52"/>
      <c r="CH90" s="52"/>
      <c r="CI90" s="52"/>
      <c r="CJ90" s="52"/>
      <c r="CK90" s="52"/>
      <c r="CL90" s="52"/>
      <c r="CM90" s="52"/>
      <c r="CN90" s="52"/>
      <c r="CO90" s="52"/>
      <c r="CP90" s="52"/>
      <c r="CQ90" s="52"/>
      <c r="CR90" s="52"/>
      <c r="CS90" s="52"/>
      <c r="CT90" s="52"/>
      <c r="CU90" s="52"/>
      <c r="CV90" s="52"/>
      <c r="CW90" s="52"/>
      <c r="CX90" s="52"/>
      <c r="CY90" s="52"/>
      <c r="CZ90" s="52"/>
      <c r="DA90" s="52"/>
      <c r="DB90" s="52"/>
      <c r="DC90" s="52"/>
      <c r="DD90" s="52"/>
      <c r="DE90" s="52"/>
      <c r="DF90" s="52"/>
      <c r="DG90" s="52"/>
      <c r="DH90" s="52"/>
      <c r="DI90" s="52"/>
      <c r="DJ90" s="52"/>
      <c r="DK90" s="52"/>
      <c r="DL90" s="52"/>
      <c r="DM90" s="52"/>
      <c r="DN90" s="52"/>
      <c r="DO90" s="52"/>
      <c r="DP90" s="52"/>
      <c r="DQ90" s="52"/>
      <c r="DR90" s="52"/>
      <c r="DS90" s="52"/>
      <c r="DT90" s="52"/>
      <c r="DU90" s="52"/>
      <c r="DV90" s="52"/>
      <c r="DW90" s="52"/>
      <c r="DX90" s="52"/>
      <c r="DY90" s="52"/>
      <c r="DZ90" s="52"/>
      <c r="EA90" s="52"/>
      <c r="EB90" s="52"/>
      <c r="EC90" s="52"/>
      <c r="ED90" s="52"/>
      <c r="EE90" s="52"/>
      <c r="EF90" s="52"/>
      <c r="EG90" s="52"/>
      <c r="EH90" s="52"/>
      <c r="EI90" s="52"/>
      <c r="EJ90" s="52"/>
      <c r="EK90" s="52"/>
      <c r="EL90" s="52"/>
      <c r="EM90" s="52"/>
      <c r="EN90" s="52"/>
      <c r="EO90" s="52"/>
      <c r="EP90" s="52"/>
      <c r="EQ90" s="52"/>
      <c r="ER90" s="52"/>
      <c r="ES90" s="52"/>
      <c r="ET90" s="52"/>
      <c r="EU90" s="52"/>
      <c r="EV90" s="52"/>
      <c r="EW90" s="52"/>
      <c r="EX90" s="52"/>
      <c r="EY90" s="52"/>
      <c r="EZ90" s="52"/>
      <c r="FA90" s="52"/>
      <c r="FB90" s="52"/>
      <c r="FC90" s="52"/>
      <c r="FD90" s="52"/>
      <c r="FE90" s="52"/>
      <c r="FF90" s="52"/>
      <c r="FG90" s="52"/>
      <c r="FH90" s="52"/>
      <c r="FI90" s="52"/>
      <c r="FJ90" s="52"/>
      <c r="FK90" s="52"/>
      <c r="FL90" s="52"/>
      <c r="FM90" s="52"/>
      <c r="FN90" s="52"/>
      <c r="FO90" s="52"/>
      <c r="FP90" s="52"/>
      <c r="FQ90" s="52"/>
      <c r="FR90" s="52"/>
      <c r="FS90" s="52"/>
      <c r="FT90" s="52"/>
      <c r="FU90" s="52"/>
      <c r="FV90" s="52"/>
      <c r="FW90" s="52"/>
      <c r="FX90" s="52"/>
      <c r="FY90" s="52"/>
      <c r="FZ90" s="52"/>
      <c r="GA90" s="52"/>
      <c r="GB90" s="52"/>
      <c r="GC90" s="52"/>
      <c r="GD90" s="52"/>
      <c r="GE90" s="52"/>
      <c r="GF90" s="52"/>
      <c r="GG90" s="52"/>
      <c r="GH90" s="52"/>
      <c r="GI90" s="52"/>
      <c r="GJ90" s="52"/>
      <c r="GK90" s="52"/>
      <c r="GL90" s="52"/>
      <c r="GM90" s="52"/>
      <c r="GN90" s="52"/>
      <c r="GO90" s="52"/>
      <c r="GP90" s="52"/>
      <c r="GQ90" s="52"/>
      <c r="GR90" s="52"/>
      <c r="GS90" s="52"/>
      <c r="GT90" s="52"/>
      <c r="GU90" s="52"/>
      <c r="GV90" s="52"/>
      <c r="GW90" s="52"/>
      <c r="GX90" s="52"/>
      <c r="GY90" s="52"/>
      <c r="GZ90" s="52"/>
      <c r="HA90" s="52"/>
      <c r="HB90" s="52"/>
      <c r="HC90" s="52"/>
      <c r="HD90" s="52"/>
      <c r="HE90" s="52"/>
      <c r="HF90" s="52"/>
      <c r="HG90" s="52"/>
      <c r="HH90" s="52"/>
      <c r="HI90" s="52"/>
      <c r="HJ90" s="52"/>
      <c r="HK90" s="52"/>
      <c r="HL90" s="52"/>
      <c r="HM90" s="52"/>
      <c r="HN90" s="52"/>
      <c r="HO90" s="52"/>
      <c r="HP90" s="52"/>
      <c r="HQ90" s="52"/>
      <c r="HR90" s="52"/>
      <c r="HS90" s="52"/>
      <c r="HT90" s="52"/>
      <c r="HU90" s="52"/>
      <c r="HV90" s="52"/>
      <c r="HW90" s="52"/>
      <c r="HX90" s="52"/>
      <c r="HY90" s="52"/>
      <c r="HZ90" s="52"/>
      <c r="IA90" s="52"/>
      <c r="IB90" s="52"/>
      <c r="IC90" s="52"/>
      <c r="ID90" s="52"/>
      <c r="IE90" s="52"/>
      <c r="IF90" s="52"/>
      <c r="IG90" s="52"/>
      <c r="IH90" s="52"/>
      <c r="II90" s="52"/>
      <c r="IJ90" s="52"/>
      <c r="IK90" s="52"/>
      <c r="IL90" s="52"/>
      <c r="IM90" s="52"/>
      <c r="IN90" s="52"/>
      <c r="IO90" s="52"/>
      <c r="IP90" s="52"/>
      <c r="IQ90" s="52"/>
      <c r="IR90" s="52"/>
      <c r="IS90" s="52"/>
      <c r="IT90" s="52"/>
      <c r="IU90" s="52"/>
      <c r="IV90" s="52"/>
      <c r="IW90" s="52"/>
      <c r="IX90" s="52"/>
    </row>
    <row r="91" spans="1:258" s="67" customFormat="1" ht="69.599999999999994" customHeight="1">
      <c r="A91" s="658" t="s">
        <v>91</v>
      </c>
      <c r="B91" s="659"/>
      <c r="C91" s="659"/>
      <c r="D91" s="659"/>
      <c r="E91" s="659"/>
      <c r="F91" s="659"/>
      <c r="G91" s="659"/>
      <c r="H91" s="659"/>
      <c r="I91" s="659"/>
      <c r="J91" s="659"/>
      <c r="K91" s="659"/>
      <c r="L91" s="659"/>
      <c r="M91" s="659"/>
      <c r="N91" s="659"/>
      <c r="O91" s="659"/>
      <c r="P91" s="660"/>
      <c r="Q91" s="139"/>
      <c r="R91" s="138"/>
      <c r="S91" s="78"/>
      <c r="T91" s="76"/>
      <c r="U91" s="77"/>
      <c r="V91" s="77"/>
      <c r="W91" s="77"/>
      <c r="X91" s="77"/>
      <c r="Y91" s="77"/>
      <c r="Z91" s="77"/>
      <c r="AA91" s="77"/>
      <c r="AB91" s="77"/>
      <c r="AC91" s="77"/>
      <c r="AD91" s="77"/>
      <c r="AE91" s="77"/>
      <c r="AF91" s="77"/>
      <c r="AG91" s="77"/>
      <c r="AH91" s="77"/>
      <c r="AI91" s="77"/>
      <c r="AJ91" s="77"/>
      <c r="AK91" s="77"/>
      <c r="AL91" s="77"/>
      <c r="AM91" s="77"/>
      <c r="AN91" s="77"/>
      <c r="AO91" s="77"/>
      <c r="AP91" s="77"/>
      <c r="AQ91" s="77"/>
      <c r="AR91" s="77"/>
      <c r="AS91" s="77"/>
      <c r="AT91" s="77"/>
      <c r="AU91" s="77"/>
      <c r="AV91" s="77"/>
      <c r="AW91" s="77"/>
      <c r="AX91" s="77"/>
      <c r="AY91" s="77"/>
      <c r="AZ91" s="77"/>
      <c r="BA91" s="77"/>
      <c r="BB91" s="77"/>
      <c r="BC91" s="77"/>
      <c r="BD91" s="77"/>
    </row>
    <row r="92" spans="1:258" s="67" customFormat="1" ht="69.599999999999994" customHeight="1">
      <c r="A92" s="556" t="s">
        <v>85</v>
      </c>
      <c r="B92" s="557"/>
      <c r="C92" s="557"/>
      <c r="D92" s="557"/>
      <c r="E92" s="557"/>
      <c r="F92" s="557"/>
      <c r="G92" s="557"/>
      <c r="H92" s="557"/>
      <c r="I92" s="557"/>
      <c r="J92" s="557"/>
      <c r="K92" s="557"/>
      <c r="L92" s="557"/>
      <c r="M92" s="557"/>
      <c r="N92" s="557"/>
      <c r="O92" s="557"/>
      <c r="P92" s="558"/>
      <c r="Q92" s="139"/>
      <c r="R92" s="138"/>
      <c r="S92" s="78"/>
      <c r="T92" s="76"/>
      <c r="U92" s="77"/>
      <c r="V92" s="77"/>
      <c r="W92" s="77"/>
      <c r="X92" s="77"/>
      <c r="Y92" s="77"/>
      <c r="Z92" s="77"/>
      <c r="AA92" s="77"/>
      <c r="AB92" s="77"/>
      <c r="AC92" s="77"/>
      <c r="AD92" s="77"/>
      <c r="AE92" s="77"/>
      <c r="AF92" s="77"/>
      <c r="AG92" s="77"/>
      <c r="AH92" s="77"/>
      <c r="AI92" s="77"/>
      <c r="AJ92" s="77"/>
      <c r="AK92" s="77"/>
      <c r="AL92" s="77"/>
      <c r="AM92" s="77"/>
      <c r="AN92" s="77"/>
      <c r="AO92" s="77"/>
      <c r="AP92" s="77"/>
      <c r="AQ92" s="77"/>
      <c r="AR92" s="77"/>
      <c r="AS92" s="77"/>
      <c r="AT92" s="77"/>
      <c r="AU92" s="77"/>
      <c r="AV92" s="77"/>
      <c r="AW92" s="77"/>
      <c r="AX92" s="77"/>
      <c r="AY92" s="77"/>
      <c r="AZ92" s="77"/>
      <c r="BA92" s="77"/>
      <c r="BB92" s="77"/>
      <c r="BC92" s="77"/>
      <c r="BD92" s="77"/>
    </row>
    <row r="93" spans="1:258" s="64" customFormat="1" ht="69.900000000000006" customHeight="1">
      <c r="A93" s="468" t="s">
        <v>25</v>
      </c>
      <c r="B93" s="469"/>
      <c r="C93" s="469"/>
      <c r="D93" s="469"/>
      <c r="E93" s="469"/>
      <c r="F93" s="469"/>
      <c r="G93" s="469"/>
      <c r="H93" s="469"/>
      <c r="I93" s="469"/>
      <c r="J93" s="469"/>
      <c r="K93" s="469"/>
      <c r="L93" s="454"/>
      <c r="M93" s="469"/>
      <c r="N93" s="469"/>
      <c r="O93" s="469"/>
      <c r="P93" s="470"/>
      <c r="Q93" s="122"/>
      <c r="R93" s="138"/>
      <c r="S93" s="162"/>
    </row>
    <row r="94" spans="1:258" s="67" customFormat="1" ht="75" customHeight="1">
      <c r="A94" s="456"/>
      <c r="B94" s="457"/>
      <c r="C94" s="457"/>
      <c r="D94" s="457"/>
      <c r="E94" s="457"/>
      <c r="F94" s="457"/>
      <c r="G94" s="457"/>
      <c r="H94" s="457"/>
      <c r="I94" s="457"/>
      <c r="J94" s="457"/>
      <c r="K94" s="457"/>
      <c r="L94" s="458"/>
      <c r="M94" s="457"/>
      <c r="N94" s="457"/>
      <c r="O94" s="457"/>
      <c r="P94" s="459"/>
      <c r="Q94" s="139"/>
      <c r="R94" s="138"/>
      <c r="S94" s="141"/>
      <c r="T94" s="64"/>
    </row>
    <row r="95" spans="1:258" s="67" customFormat="1" ht="75" customHeight="1" thickBot="1">
      <c r="A95" s="471"/>
      <c r="B95" s="472"/>
      <c r="C95" s="472"/>
      <c r="D95" s="472"/>
      <c r="E95" s="472"/>
      <c r="F95" s="472"/>
      <c r="G95" s="472"/>
      <c r="H95" s="472"/>
      <c r="I95" s="472"/>
      <c r="J95" s="472"/>
      <c r="K95" s="472"/>
      <c r="L95" s="473"/>
      <c r="M95" s="472"/>
      <c r="N95" s="472"/>
      <c r="O95" s="472"/>
      <c r="P95" s="474"/>
      <c r="Q95" s="139"/>
      <c r="R95" s="138"/>
      <c r="S95" s="141"/>
      <c r="T95" s="64"/>
    </row>
    <row r="96" spans="1:258" s="64" customFormat="1" ht="69.900000000000006" customHeight="1" thickBot="1">
      <c r="A96" s="443" t="s">
        <v>530</v>
      </c>
      <c r="B96" s="444"/>
      <c r="C96" s="444"/>
      <c r="D96" s="444"/>
      <c r="E96" s="444"/>
      <c r="F96" s="444"/>
      <c r="G96" s="444"/>
      <c r="H96" s="444"/>
      <c r="I96" s="444"/>
      <c r="J96" s="444"/>
      <c r="K96" s="444"/>
      <c r="L96" s="445"/>
      <c r="M96" s="444"/>
      <c r="N96" s="444"/>
      <c r="O96" s="444"/>
      <c r="P96" s="446"/>
      <c r="Q96" s="139"/>
      <c r="R96" s="138"/>
      <c r="S96" s="78"/>
      <c r="T96" s="76"/>
      <c r="U96" s="76"/>
      <c r="V96" s="76"/>
      <c r="W96" s="76"/>
      <c r="X96" s="77"/>
      <c r="Y96" s="77"/>
      <c r="Z96" s="77"/>
      <c r="AA96" s="77"/>
      <c r="AB96" s="77"/>
      <c r="AC96" s="77"/>
      <c r="AD96" s="77"/>
      <c r="AE96" s="77"/>
      <c r="AF96" s="77"/>
      <c r="AG96" s="77"/>
      <c r="AH96" s="77"/>
      <c r="AI96" s="77"/>
      <c r="AJ96" s="77"/>
      <c r="AK96" s="77"/>
      <c r="AL96" s="77"/>
      <c r="AM96" s="77"/>
      <c r="AN96" s="76"/>
      <c r="AO96" s="76"/>
      <c r="AP96" s="76"/>
      <c r="AQ96" s="76"/>
      <c r="AR96" s="76"/>
      <c r="AS96" s="76"/>
      <c r="AT96" s="76"/>
      <c r="AU96" s="76"/>
      <c r="AV96" s="76"/>
      <c r="AW96" s="76"/>
      <c r="AX96" s="76"/>
      <c r="AY96" s="76"/>
      <c r="AZ96" s="76"/>
      <c r="BA96" s="76"/>
      <c r="BB96" s="76"/>
      <c r="BC96" s="76"/>
      <c r="BD96" s="76"/>
    </row>
    <row r="97" spans="1:258" s="67" customFormat="1" ht="132" customHeight="1" thickTop="1" thickBot="1">
      <c r="A97" s="477" t="s">
        <v>531</v>
      </c>
      <c r="B97" s="379"/>
      <c r="C97" s="379"/>
      <c r="D97" s="379"/>
      <c r="E97" s="379"/>
      <c r="F97" s="379"/>
      <c r="G97" s="379"/>
      <c r="H97" s="379"/>
      <c r="I97" s="379"/>
      <c r="J97" s="379"/>
      <c r="K97" s="379"/>
      <c r="L97" s="379"/>
      <c r="M97" s="570"/>
      <c r="N97" s="135" t="s">
        <v>24</v>
      </c>
      <c r="O97" s="75" t="s">
        <v>20</v>
      </c>
      <c r="P97" s="136" t="s">
        <v>21</v>
      </c>
      <c r="Q97" s="139"/>
      <c r="R97" s="138"/>
      <c r="S97" s="137"/>
      <c r="T97" s="76"/>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row>
    <row r="98" spans="1:258" s="64" customFormat="1" ht="69.599999999999994" customHeight="1" thickTop="1">
      <c r="A98" s="503" t="s">
        <v>52</v>
      </c>
      <c r="B98" s="504"/>
      <c r="C98" s="504"/>
      <c r="D98" s="504"/>
      <c r="E98" s="504"/>
      <c r="F98" s="504"/>
      <c r="G98" s="504"/>
      <c r="H98" s="504"/>
      <c r="I98" s="504"/>
      <c r="J98" s="504"/>
      <c r="K98" s="504"/>
      <c r="L98" s="505"/>
      <c r="M98" s="504"/>
      <c r="N98" s="504"/>
      <c r="O98" s="504"/>
      <c r="P98" s="506"/>
      <c r="Q98" s="122"/>
      <c r="R98" s="138"/>
      <c r="S98" s="162"/>
    </row>
    <row r="99" spans="1:258" s="64" customFormat="1" ht="69.599999999999994" customHeight="1">
      <c r="A99" s="507" t="s">
        <v>90</v>
      </c>
      <c r="B99" s="508"/>
      <c r="C99" s="508"/>
      <c r="D99" s="508"/>
      <c r="E99" s="508"/>
      <c r="F99" s="508"/>
      <c r="G99" s="508"/>
      <c r="H99" s="508"/>
      <c r="I99" s="508"/>
      <c r="J99" s="508"/>
      <c r="K99" s="508"/>
      <c r="L99" s="508"/>
      <c r="M99" s="508"/>
      <c r="N99" s="508"/>
      <c r="O99" s="508"/>
      <c r="P99" s="509"/>
      <c r="Q99" s="161"/>
      <c r="R99" s="133"/>
      <c r="S99" s="162"/>
      <c r="T99" s="52"/>
      <c r="U99" s="52"/>
      <c r="V99" s="52"/>
      <c r="W99" s="52"/>
      <c r="X99" s="52"/>
      <c r="Y99" s="52"/>
      <c r="Z99" s="52"/>
      <c r="AA99" s="52"/>
      <c r="AB99" s="52"/>
      <c r="AC99" s="52"/>
      <c r="AD99" s="52"/>
      <c r="AE99" s="52"/>
      <c r="AF99" s="52"/>
      <c r="AG99" s="52"/>
      <c r="AH99" s="52"/>
      <c r="AI99" s="52"/>
      <c r="AJ99" s="52"/>
      <c r="AK99" s="52"/>
      <c r="AL99" s="52"/>
      <c r="AM99" s="52"/>
      <c r="AN99" s="52"/>
      <c r="AO99" s="52"/>
      <c r="AP99" s="52"/>
      <c r="AQ99" s="52"/>
      <c r="AR99" s="52"/>
      <c r="AS99" s="52"/>
      <c r="AT99" s="52"/>
      <c r="AU99" s="52"/>
      <c r="AV99" s="52"/>
      <c r="AW99" s="52"/>
      <c r="AX99" s="52"/>
      <c r="AY99" s="52"/>
      <c r="AZ99" s="52"/>
      <c r="BA99" s="52"/>
      <c r="BB99" s="52"/>
      <c r="BC99" s="52"/>
      <c r="BD99" s="52"/>
      <c r="BE99" s="52"/>
      <c r="BF99" s="52"/>
      <c r="BG99" s="52"/>
      <c r="BH99" s="52"/>
      <c r="BI99" s="52"/>
      <c r="BJ99" s="52"/>
      <c r="BK99" s="52"/>
      <c r="BL99" s="52"/>
      <c r="BM99" s="52"/>
      <c r="BN99" s="52"/>
      <c r="BO99" s="52"/>
      <c r="BP99" s="52"/>
      <c r="BQ99" s="52"/>
      <c r="BR99" s="52"/>
      <c r="BS99" s="52"/>
      <c r="BT99" s="52"/>
      <c r="BU99" s="52"/>
      <c r="BV99" s="52"/>
      <c r="BW99" s="52"/>
      <c r="BX99" s="52"/>
      <c r="BY99" s="52"/>
      <c r="BZ99" s="52"/>
      <c r="CA99" s="52"/>
      <c r="CB99" s="52"/>
      <c r="CC99" s="52"/>
      <c r="CD99" s="52"/>
      <c r="CE99" s="52"/>
      <c r="CF99" s="52"/>
      <c r="CG99" s="52"/>
      <c r="CH99" s="52"/>
      <c r="CI99" s="52"/>
      <c r="CJ99" s="52"/>
      <c r="CK99" s="52"/>
      <c r="CL99" s="52"/>
      <c r="CM99" s="52"/>
      <c r="CN99" s="52"/>
      <c r="CO99" s="52"/>
      <c r="CP99" s="52"/>
      <c r="CQ99" s="52"/>
      <c r="CR99" s="52"/>
      <c r="CS99" s="52"/>
      <c r="CT99" s="52"/>
      <c r="CU99" s="52"/>
      <c r="CV99" s="52"/>
      <c r="CW99" s="52"/>
      <c r="CX99" s="52"/>
      <c r="CY99" s="52"/>
      <c r="CZ99" s="52"/>
      <c r="DA99" s="52"/>
      <c r="DB99" s="52"/>
      <c r="DC99" s="52"/>
      <c r="DD99" s="52"/>
      <c r="DE99" s="52"/>
      <c r="DF99" s="52"/>
      <c r="DG99" s="52"/>
      <c r="DH99" s="52"/>
      <c r="DI99" s="52"/>
      <c r="DJ99" s="52"/>
      <c r="DK99" s="52"/>
      <c r="DL99" s="52"/>
      <c r="DM99" s="52"/>
      <c r="DN99" s="52"/>
      <c r="DO99" s="52"/>
      <c r="DP99" s="52"/>
      <c r="DQ99" s="52"/>
      <c r="DR99" s="52"/>
      <c r="DS99" s="52"/>
      <c r="DT99" s="52"/>
      <c r="DU99" s="52"/>
      <c r="DV99" s="52"/>
      <c r="DW99" s="52"/>
      <c r="DX99" s="52"/>
      <c r="DY99" s="52"/>
      <c r="DZ99" s="52"/>
      <c r="EA99" s="52"/>
      <c r="EB99" s="52"/>
      <c r="EC99" s="52"/>
      <c r="ED99" s="52"/>
      <c r="EE99" s="52"/>
      <c r="EF99" s="52"/>
      <c r="EG99" s="52"/>
      <c r="EH99" s="52"/>
      <c r="EI99" s="52"/>
      <c r="EJ99" s="52"/>
      <c r="EK99" s="52"/>
      <c r="EL99" s="52"/>
      <c r="EM99" s="52"/>
      <c r="EN99" s="52"/>
      <c r="EO99" s="52"/>
      <c r="EP99" s="52"/>
      <c r="EQ99" s="52"/>
      <c r="ER99" s="52"/>
      <c r="ES99" s="52"/>
      <c r="ET99" s="52"/>
      <c r="EU99" s="52"/>
      <c r="EV99" s="52"/>
      <c r="EW99" s="52"/>
      <c r="EX99" s="52"/>
      <c r="EY99" s="52"/>
      <c r="EZ99" s="52"/>
      <c r="FA99" s="52"/>
      <c r="FB99" s="52"/>
      <c r="FC99" s="52"/>
      <c r="FD99" s="52"/>
      <c r="FE99" s="52"/>
      <c r="FF99" s="52"/>
      <c r="FG99" s="52"/>
      <c r="FH99" s="52"/>
      <c r="FI99" s="52"/>
      <c r="FJ99" s="52"/>
      <c r="FK99" s="52"/>
      <c r="FL99" s="52"/>
      <c r="FM99" s="52"/>
      <c r="FN99" s="52"/>
      <c r="FO99" s="52"/>
      <c r="FP99" s="52"/>
      <c r="FQ99" s="52"/>
      <c r="FR99" s="52"/>
      <c r="FS99" s="52"/>
      <c r="FT99" s="52"/>
      <c r="FU99" s="52"/>
      <c r="FV99" s="52"/>
      <c r="FW99" s="52"/>
      <c r="FX99" s="52"/>
      <c r="FY99" s="52"/>
      <c r="FZ99" s="52"/>
      <c r="GA99" s="52"/>
      <c r="GB99" s="52"/>
      <c r="GC99" s="52"/>
      <c r="GD99" s="52"/>
      <c r="GE99" s="52"/>
      <c r="GF99" s="52"/>
      <c r="GG99" s="52"/>
      <c r="GH99" s="52"/>
      <c r="GI99" s="52"/>
      <c r="GJ99" s="52"/>
      <c r="GK99" s="52"/>
      <c r="GL99" s="52"/>
      <c r="GM99" s="52"/>
      <c r="GN99" s="52"/>
      <c r="GO99" s="52"/>
      <c r="GP99" s="52"/>
      <c r="GQ99" s="52"/>
      <c r="GR99" s="52"/>
      <c r="GS99" s="52"/>
      <c r="GT99" s="52"/>
      <c r="GU99" s="52"/>
      <c r="GV99" s="52"/>
      <c r="GW99" s="52"/>
      <c r="GX99" s="52"/>
      <c r="GY99" s="52"/>
      <c r="GZ99" s="52"/>
      <c r="HA99" s="52"/>
      <c r="HB99" s="52"/>
      <c r="HC99" s="52"/>
      <c r="HD99" s="52"/>
      <c r="HE99" s="52"/>
      <c r="HF99" s="52"/>
      <c r="HG99" s="52"/>
      <c r="HH99" s="52"/>
      <c r="HI99" s="52"/>
      <c r="HJ99" s="52"/>
      <c r="HK99" s="52"/>
      <c r="HL99" s="52"/>
      <c r="HM99" s="52"/>
      <c r="HN99" s="52"/>
      <c r="HO99" s="52"/>
      <c r="HP99" s="52"/>
      <c r="HQ99" s="52"/>
      <c r="HR99" s="52"/>
      <c r="HS99" s="52"/>
      <c r="HT99" s="52"/>
      <c r="HU99" s="52"/>
      <c r="HV99" s="52"/>
      <c r="HW99" s="52"/>
      <c r="HX99" s="52"/>
      <c r="HY99" s="52"/>
      <c r="HZ99" s="52"/>
      <c r="IA99" s="52"/>
      <c r="IB99" s="52"/>
      <c r="IC99" s="52"/>
      <c r="ID99" s="52"/>
      <c r="IE99" s="52"/>
      <c r="IF99" s="52"/>
      <c r="IG99" s="52"/>
      <c r="IH99" s="52"/>
      <c r="II99" s="52"/>
      <c r="IJ99" s="52"/>
      <c r="IK99" s="52"/>
      <c r="IL99" s="52"/>
      <c r="IM99" s="52"/>
      <c r="IN99" s="52"/>
      <c r="IO99" s="52"/>
      <c r="IP99" s="52"/>
      <c r="IQ99" s="52"/>
      <c r="IR99" s="52"/>
      <c r="IS99" s="52"/>
      <c r="IT99" s="52"/>
      <c r="IU99" s="52"/>
      <c r="IV99" s="52"/>
      <c r="IW99" s="52"/>
      <c r="IX99" s="52"/>
    </row>
    <row r="100" spans="1:258" s="67" customFormat="1" ht="69.599999999999994" customHeight="1">
      <c r="A100" s="658" t="s">
        <v>99</v>
      </c>
      <c r="B100" s="659"/>
      <c r="C100" s="659"/>
      <c r="D100" s="659"/>
      <c r="E100" s="659"/>
      <c r="F100" s="659"/>
      <c r="G100" s="659"/>
      <c r="H100" s="659"/>
      <c r="I100" s="659"/>
      <c r="J100" s="659"/>
      <c r="K100" s="659"/>
      <c r="L100" s="659"/>
      <c r="M100" s="659"/>
      <c r="N100" s="659"/>
      <c r="O100" s="659"/>
      <c r="P100" s="660"/>
      <c r="Q100" s="139"/>
      <c r="R100" s="138"/>
      <c r="S100" s="78"/>
      <c r="T100" s="76"/>
      <c r="U100" s="77"/>
      <c r="V100" s="77"/>
      <c r="W100" s="77"/>
      <c r="X100" s="77"/>
      <c r="Y100" s="77"/>
      <c r="Z100" s="77"/>
      <c r="AA100" s="77"/>
      <c r="AB100" s="77"/>
      <c r="AC100" s="77"/>
      <c r="AD100" s="77"/>
      <c r="AE100" s="77"/>
      <c r="AF100" s="77"/>
      <c r="AG100" s="77"/>
      <c r="AH100" s="77"/>
      <c r="AI100" s="77"/>
      <c r="AJ100" s="77"/>
      <c r="AK100" s="77"/>
      <c r="AL100" s="77"/>
      <c r="AM100" s="77"/>
      <c r="AN100" s="77"/>
      <c r="AO100" s="77"/>
      <c r="AP100" s="77"/>
      <c r="AQ100" s="77"/>
      <c r="AR100" s="77"/>
      <c r="AS100" s="77"/>
      <c r="AT100" s="77"/>
      <c r="AU100" s="77"/>
      <c r="AV100" s="77"/>
      <c r="AW100" s="77"/>
      <c r="AX100" s="77"/>
      <c r="AY100" s="77"/>
      <c r="AZ100" s="77"/>
      <c r="BA100" s="77"/>
      <c r="BB100" s="77"/>
      <c r="BC100" s="77"/>
      <c r="BD100" s="77"/>
    </row>
    <row r="101" spans="1:258" s="67" customFormat="1" ht="69.599999999999994" customHeight="1">
      <c r="A101" s="737" t="s">
        <v>100</v>
      </c>
      <c r="B101" s="687"/>
      <c r="C101" s="687"/>
      <c r="D101" s="687"/>
      <c r="E101" s="687"/>
      <c r="F101" s="687"/>
      <c r="G101" s="687"/>
      <c r="H101" s="687"/>
      <c r="I101" s="687"/>
      <c r="J101" s="687"/>
      <c r="K101" s="687"/>
      <c r="L101" s="687"/>
      <c r="M101" s="687"/>
      <c r="N101" s="687"/>
      <c r="O101" s="687"/>
      <c r="P101" s="688"/>
      <c r="Q101" s="139"/>
      <c r="R101" s="138"/>
      <c r="S101" s="78"/>
      <c r="T101" s="76"/>
      <c r="U101" s="77"/>
      <c r="V101" s="77"/>
      <c r="W101" s="77"/>
      <c r="X101" s="77"/>
      <c r="Y101" s="77"/>
      <c r="Z101" s="77"/>
      <c r="AA101" s="77"/>
      <c r="AB101" s="77"/>
      <c r="AC101" s="77"/>
      <c r="AD101" s="77"/>
      <c r="AE101" s="77"/>
      <c r="AF101" s="77"/>
      <c r="AG101" s="77"/>
      <c r="AH101" s="77"/>
      <c r="AI101" s="77"/>
      <c r="AJ101" s="77"/>
      <c r="AK101" s="77"/>
      <c r="AL101" s="77"/>
      <c r="AM101" s="77"/>
      <c r="AN101" s="77"/>
      <c r="AO101" s="77"/>
      <c r="AP101" s="77"/>
      <c r="AQ101" s="77"/>
      <c r="AR101" s="77"/>
      <c r="AS101" s="77"/>
      <c r="AT101" s="77"/>
      <c r="AU101" s="77"/>
      <c r="AV101" s="77"/>
      <c r="AW101" s="77"/>
      <c r="AX101" s="77"/>
      <c r="AY101" s="77"/>
      <c r="AZ101" s="77"/>
      <c r="BA101" s="77"/>
      <c r="BB101" s="77"/>
      <c r="BC101" s="77"/>
      <c r="BD101" s="77"/>
    </row>
    <row r="102" spans="1:258" s="67" customFormat="1" ht="69.599999999999994" customHeight="1">
      <c r="A102" s="556" t="s">
        <v>85</v>
      </c>
      <c r="B102" s="557"/>
      <c r="C102" s="557"/>
      <c r="D102" s="557"/>
      <c r="E102" s="557"/>
      <c r="F102" s="557"/>
      <c r="G102" s="557"/>
      <c r="H102" s="557"/>
      <c r="I102" s="557"/>
      <c r="J102" s="557"/>
      <c r="K102" s="557"/>
      <c r="L102" s="557"/>
      <c r="M102" s="557"/>
      <c r="N102" s="557"/>
      <c r="O102" s="557"/>
      <c r="P102" s="558"/>
      <c r="Q102" s="139"/>
      <c r="R102" s="138"/>
      <c r="S102" s="78"/>
      <c r="T102" s="76"/>
      <c r="U102" s="77"/>
      <c r="V102" s="77"/>
      <c r="W102" s="77"/>
      <c r="X102" s="77"/>
      <c r="Y102" s="77"/>
      <c r="Z102" s="77"/>
      <c r="AA102" s="77"/>
      <c r="AB102" s="77"/>
      <c r="AC102" s="77"/>
      <c r="AD102" s="77"/>
      <c r="AE102" s="77"/>
      <c r="AF102" s="77"/>
      <c r="AG102" s="77"/>
      <c r="AH102" s="77"/>
      <c r="AI102" s="77"/>
      <c r="AJ102" s="77"/>
      <c r="AK102" s="77"/>
      <c r="AL102" s="77"/>
      <c r="AM102" s="77"/>
      <c r="AN102" s="77"/>
      <c r="AO102" s="77"/>
      <c r="AP102" s="77"/>
      <c r="AQ102" s="77"/>
      <c r="AR102" s="77"/>
      <c r="AS102" s="77"/>
      <c r="AT102" s="77"/>
      <c r="AU102" s="77"/>
      <c r="AV102" s="77"/>
      <c r="AW102" s="77"/>
      <c r="AX102" s="77"/>
      <c r="AY102" s="77"/>
      <c r="AZ102" s="77"/>
      <c r="BA102" s="77"/>
      <c r="BB102" s="77"/>
      <c r="BC102" s="77"/>
      <c r="BD102" s="77"/>
    </row>
    <row r="103" spans="1:258" s="52" customFormat="1" ht="69.599999999999994" customHeight="1">
      <c r="A103" s="452" t="s">
        <v>25</v>
      </c>
      <c r="B103" s="453"/>
      <c r="C103" s="453"/>
      <c r="D103" s="453"/>
      <c r="E103" s="453"/>
      <c r="F103" s="453"/>
      <c r="G103" s="453"/>
      <c r="H103" s="453"/>
      <c r="I103" s="453"/>
      <c r="J103" s="453"/>
      <c r="K103" s="453"/>
      <c r="L103" s="454"/>
      <c r="M103" s="453"/>
      <c r="N103" s="453"/>
      <c r="O103" s="453"/>
      <c r="P103" s="455"/>
      <c r="Q103" s="161"/>
      <c r="R103" s="133"/>
      <c r="S103" s="162"/>
    </row>
    <row r="104" spans="1:258" s="67" customFormat="1" ht="75" customHeight="1">
      <c r="A104" s="456"/>
      <c r="B104" s="457"/>
      <c r="C104" s="457"/>
      <c r="D104" s="457"/>
      <c r="E104" s="457"/>
      <c r="F104" s="457"/>
      <c r="G104" s="457"/>
      <c r="H104" s="457"/>
      <c r="I104" s="457"/>
      <c r="J104" s="457"/>
      <c r="K104" s="457"/>
      <c r="L104" s="458"/>
      <c r="M104" s="457"/>
      <c r="N104" s="457"/>
      <c r="O104" s="457"/>
      <c r="P104" s="459"/>
      <c r="Q104" s="139"/>
      <c r="R104" s="138"/>
      <c r="S104" s="141"/>
      <c r="T104" s="64"/>
    </row>
    <row r="105" spans="1:258" s="67" customFormat="1" ht="75" customHeight="1" thickBot="1">
      <c r="A105" s="471"/>
      <c r="B105" s="472"/>
      <c r="C105" s="472"/>
      <c r="D105" s="472"/>
      <c r="E105" s="472"/>
      <c r="F105" s="472"/>
      <c r="G105" s="472"/>
      <c r="H105" s="472"/>
      <c r="I105" s="472"/>
      <c r="J105" s="472"/>
      <c r="K105" s="472"/>
      <c r="L105" s="473"/>
      <c r="M105" s="472"/>
      <c r="N105" s="472"/>
      <c r="O105" s="472"/>
      <c r="P105" s="474"/>
      <c r="Q105" s="139"/>
      <c r="R105" s="138"/>
      <c r="S105" s="141"/>
      <c r="T105" s="64"/>
    </row>
    <row r="106" spans="1:258" s="52" customFormat="1" ht="69.599999999999994" customHeight="1" thickBot="1">
      <c r="A106" s="568" t="s">
        <v>532</v>
      </c>
      <c r="B106" s="445"/>
      <c r="C106" s="445"/>
      <c r="D106" s="445"/>
      <c r="E106" s="445"/>
      <c r="F106" s="445"/>
      <c r="G106" s="445"/>
      <c r="H106" s="445"/>
      <c r="I106" s="445"/>
      <c r="J106" s="445"/>
      <c r="K106" s="445"/>
      <c r="L106" s="445"/>
      <c r="M106" s="445"/>
      <c r="N106" s="445"/>
      <c r="O106" s="445"/>
      <c r="P106" s="569"/>
      <c r="Q106" s="134"/>
      <c r="R106" s="133"/>
      <c r="S106" s="39"/>
      <c r="T106" s="40"/>
      <c r="U106" s="40"/>
      <c r="V106" s="40"/>
      <c r="W106" s="40"/>
      <c r="X106" s="40"/>
      <c r="Y106" s="40"/>
      <c r="Z106" s="40"/>
      <c r="AA106" s="40"/>
      <c r="AB106" s="40"/>
      <c r="AC106" s="40"/>
      <c r="AD106" s="40"/>
      <c r="AE106" s="40"/>
      <c r="AF106" s="40"/>
      <c r="AG106" s="40"/>
      <c r="AH106" s="40"/>
      <c r="AI106" s="40"/>
      <c r="AJ106" s="40"/>
      <c r="AK106" s="40"/>
      <c r="AL106" s="40"/>
      <c r="AM106" s="40"/>
      <c r="AN106" s="40"/>
      <c r="AO106" s="40"/>
      <c r="AP106" s="40"/>
      <c r="AQ106" s="40"/>
      <c r="AR106" s="40"/>
      <c r="AS106" s="40"/>
      <c r="AT106" s="40"/>
      <c r="AU106" s="40"/>
      <c r="AV106" s="40"/>
      <c r="AW106" s="40"/>
      <c r="AX106" s="40"/>
      <c r="AY106" s="40"/>
      <c r="AZ106" s="40"/>
      <c r="BA106" s="40"/>
      <c r="BB106" s="40"/>
      <c r="BC106" s="40"/>
      <c r="BD106" s="40"/>
    </row>
    <row r="107" spans="1:258" s="42" customFormat="1" ht="319.95" customHeight="1" thickTop="1" thickBot="1">
      <c r="A107" s="500" t="s">
        <v>533</v>
      </c>
      <c r="B107" s="502"/>
      <c r="C107" s="502"/>
      <c r="D107" s="502"/>
      <c r="E107" s="502"/>
      <c r="F107" s="502"/>
      <c r="G107" s="502"/>
      <c r="H107" s="502"/>
      <c r="I107" s="502"/>
      <c r="J107" s="502"/>
      <c r="K107" s="502"/>
      <c r="L107" s="502"/>
      <c r="M107" s="502"/>
      <c r="N107" s="738"/>
      <c r="O107" s="71" t="s">
        <v>20</v>
      </c>
      <c r="P107" s="72" t="s">
        <v>21</v>
      </c>
      <c r="Q107" s="134"/>
      <c r="R107" s="133"/>
      <c r="S107" s="137"/>
      <c r="T107" s="159"/>
      <c r="U107" s="41"/>
      <c r="V107" s="41"/>
      <c r="W107" s="41"/>
      <c r="X107" s="40"/>
      <c r="Y107" s="40"/>
      <c r="Z107" s="40"/>
      <c r="AA107" s="40"/>
      <c r="AB107" s="40"/>
      <c r="AC107" s="40"/>
      <c r="AD107" s="40"/>
      <c r="AE107" s="40"/>
      <c r="AF107" s="40"/>
      <c r="AG107" s="40"/>
      <c r="AH107" s="40"/>
      <c r="AI107" s="40"/>
      <c r="AJ107" s="40"/>
      <c r="AK107" s="40"/>
      <c r="AL107" s="40"/>
      <c r="AM107" s="40"/>
      <c r="AN107" s="41"/>
      <c r="AO107" s="41"/>
      <c r="AP107" s="41"/>
      <c r="AQ107" s="41"/>
      <c r="AR107" s="41"/>
      <c r="AS107" s="41"/>
      <c r="AT107" s="41"/>
      <c r="AU107" s="41"/>
      <c r="AV107" s="41"/>
      <c r="AW107" s="41"/>
      <c r="AX107" s="41"/>
      <c r="AY107" s="41"/>
      <c r="AZ107" s="41"/>
      <c r="BA107" s="41"/>
      <c r="BB107" s="41"/>
      <c r="BC107" s="41"/>
      <c r="BD107" s="41"/>
    </row>
    <row r="108" spans="1:258" s="52" customFormat="1" ht="69.599999999999994" customHeight="1" thickTop="1">
      <c r="A108" s="452" t="s">
        <v>25</v>
      </c>
      <c r="B108" s="454"/>
      <c r="C108" s="454"/>
      <c r="D108" s="454"/>
      <c r="E108" s="454"/>
      <c r="F108" s="454"/>
      <c r="G108" s="454"/>
      <c r="H108" s="454"/>
      <c r="I108" s="454"/>
      <c r="J108" s="454"/>
      <c r="K108" s="454"/>
      <c r="L108" s="454"/>
      <c r="M108" s="454"/>
      <c r="N108" s="454"/>
      <c r="O108" s="454"/>
      <c r="P108" s="580"/>
      <c r="Q108" s="161"/>
      <c r="R108" s="133"/>
      <c r="S108" s="162"/>
    </row>
    <row r="109" spans="1:258" s="67" customFormat="1" ht="75" customHeight="1">
      <c r="A109" s="456"/>
      <c r="B109" s="457"/>
      <c r="C109" s="457"/>
      <c r="D109" s="457"/>
      <c r="E109" s="457"/>
      <c r="F109" s="457"/>
      <c r="G109" s="457"/>
      <c r="H109" s="457"/>
      <c r="I109" s="457"/>
      <c r="J109" s="457"/>
      <c r="K109" s="457"/>
      <c r="L109" s="458"/>
      <c r="M109" s="457"/>
      <c r="N109" s="457"/>
      <c r="O109" s="457"/>
      <c r="P109" s="459"/>
      <c r="Q109" s="139"/>
      <c r="R109" s="138"/>
      <c r="S109" s="141"/>
      <c r="T109" s="64"/>
    </row>
    <row r="110" spans="1:258" s="67" customFormat="1" ht="75" customHeight="1" thickBot="1">
      <c r="A110" s="471"/>
      <c r="B110" s="472"/>
      <c r="C110" s="472"/>
      <c r="D110" s="472"/>
      <c r="E110" s="472"/>
      <c r="F110" s="472"/>
      <c r="G110" s="472"/>
      <c r="H110" s="472"/>
      <c r="I110" s="472"/>
      <c r="J110" s="472"/>
      <c r="K110" s="472"/>
      <c r="L110" s="473"/>
      <c r="M110" s="472"/>
      <c r="N110" s="472"/>
      <c r="O110" s="472"/>
      <c r="P110" s="474"/>
      <c r="Q110" s="139"/>
      <c r="R110" s="138"/>
      <c r="S110" s="141"/>
      <c r="T110" s="64"/>
    </row>
    <row r="111" spans="1:258" s="64" customFormat="1" ht="69.900000000000006" customHeight="1" thickBot="1">
      <c r="A111" s="443" t="s">
        <v>534</v>
      </c>
      <c r="B111" s="475"/>
      <c r="C111" s="475"/>
      <c r="D111" s="475"/>
      <c r="E111" s="475"/>
      <c r="F111" s="475"/>
      <c r="G111" s="475"/>
      <c r="H111" s="475"/>
      <c r="I111" s="475"/>
      <c r="J111" s="475"/>
      <c r="K111" s="475"/>
      <c r="L111" s="445"/>
      <c r="M111" s="475"/>
      <c r="N111" s="475"/>
      <c r="O111" s="475"/>
      <c r="P111" s="476"/>
      <c r="Q111" s="139"/>
      <c r="R111" s="138"/>
      <c r="S111" s="209" t="s">
        <v>535</v>
      </c>
      <c r="T111" s="76"/>
      <c r="U111" s="76"/>
      <c r="V111" s="76"/>
      <c r="W111" s="76"/>
      <c r="X111" s="76"/>
      <c r="Y111" s="76"/>
      <c r="Z111" s="76"/>
      <c r="AA111" s="76"/>
      <c r="AB111" s="76"/>
      <c r="AC111" s="76"/>
      <c r="AD111" s="76"/>
      <c r="AE111" s="76"/>
      <c r="AF111" s="76"/>
      <c r="AG111" s="76"/>
      <c r="AH111" s="76"/>
      <c r="AI111" s="76"/>
      <c r="AJ111" s="76"/>
      <c r="AK111" s="76"/>
      <c r="AL111" s="76"/>
      <c r="AM111" s="76"/>
      <c r="AN111" s="76"/>
      <c r="AO111" s="76"/>
      <c r="AP111" s="76"/>
      <c r="AQ111" s="76"/>
      <c r="AR111" s="76"/>
      <c r="AS111" s="76"/>
      <c r="AT111" s="76"/>
      <c r="AU111" s="76"/>
      <c r="AV111" s="76"/>
      <c r="AW111" s="76"/>
      <c r="AX111" s="76"/>
      <c r="AY111" s="76"/>
      <c r="AZ111" s="76"/>
      <c r="BA111" s="76"/>
      <c r="BB111" s="76"/>
      <c r="BC111" s="76"/>
      <c r="BD111" s="76"/>
    </row>
    <row r="112" spans="1:258" s="67" customFormat="1" ht="243" customHeight="1" thickTop="1" thickBot="1">
      <c r="A112" s="500" t="s">
        <v>536</v>
      </c>
      <c r="B112" s="502"/>
      <c r="C112" s="502"/>
      <c r="D112" s="502"/>
      <c r="E112" s="502"/>
      <c r="F112" s="502"/>
      <c r="G112" s="502"/>
      <c r="H112" s="502"/>
      <c r="I112" s="502"/>
      <c r="J112" s="502"/>
      <c r="K112" s="502"/>
      <c r="L112" s="502"/>
      <c r="M112" s="502"/>
      <c r="N112" s="738"/>
      <c r="O112" s="75" t="s">
        <v>20</v>
      </c>
      <c r="P112" s="136" t="s">
        <v>21</v>
      </c>
      <c r="Q112" s="139"/>
      <c r="R112" s="138"/>
      <c r="S112" s="137"/>
      <c r="T112" s="159"/>
      <c r="U112" s="77"/>
      <c r="V112" s="77"/>
      <c r="W112" s="77"/>
      <c r="X112" s="76"/>
      <c r="Y112" s="76"/>
      <c r="Z112" s="76"/>
      <c r="AA112" s="76"/>
      <c r="AB112" s="76"/>
      <c r="AC112" s="76"/>
      <c r="AD112" s="76"/>
      <c r="AE112" s="76"/>
      <c r="AF112" s="76"/>
      <c r="AG112" s="76"/>
      <c r="AH112" s="76"/>
      <c r="AI112" s="76"/>
      <c r="AJ112" s="76"/>
      <c r="AK112" s="76"/>
      <c r="AL112" s="76"/>
      <c r="AM112" s="76"/>
      <c r="AN112" s="77"/>
      <c r="AO112" s="77"/>
      <c r="AP112" s="77"/>
      <c r="AQ112" s="77"/>
      <c r="AR112" s="77"/>
      <c r="AS112" s="77"/>
      <c r="AT112" s="77"/>
      <c r="AU112" s="77"/>
      <c r="AV112" s="77"/>
      <c r="AW112" s="77"/>
      <c r="AX112" s="77"/>
      <c r="AY112" s="77"/>
      <c r="AZ112" s="77"/>
      <c r="BA112" s="77"/>
      <c r="BB112" s="77"/>
      <c r="BC112" s="77"/>
      <c r="BD112" s="77"/>
    </row>
    <row r="113" spans="1:258" s="64" customFormat="1" ht="69.900000000000006" customHeight="1" thickTop="1">
      <c r="A113" s="468" t="s">
        <v>25</v>
      </c>
      <c r="B113" s="574"/>
      <c r="C113" s="574"/>
      <c r="D113" s="574"/>
      <c r="E113" s="574"/>
      <c r="F113" s="574"/>
      <c r="G113" s="574"/>
      <c r="H113" s="574"/>
      <c r="I113" s="574"/>
      <c r="J113" s="574"/>
      <c r="K113" s="574"/>
      <c r="L113" s="454"/>
      <c r="M113" s="574"/>
      <c r="N113" s="574"/>
      <c r="O113" s="574"/>
      <c r="P113" s="575"/>
      <c r="Q113" s="122"/>
      <c r="R113" s="138"/>
      <c r="S113" s="162"/>
    </row>
    <row r="114" spans="1:258" s="67" customFormat="1" ht="75" customHeight="1">
      <c r="A114" s="456"/>
      <c r="B114" s="457"/>
      <c r="C114" s="457"/>
      <c r="D114" s="457"/>
      <c r="E114" s="457"/>
      <c r="F114" s="457"/>
      <c r="G114" s="457"/>
      <c r="H114" s="457"/>
      <c r="I114" s="457"/>
      <c r="J114" s="457"/>
      <c r="K114" s="457"/>
      <c r="L114" s="458"/>
      <c r="M114" s="457"/>
      <c r="N114" s="457"/>
      <c r="O114" s="457"/>
      <c r="P114" s="459"/>
      <c r="Q114" s="139"/>
      <c r="R114" s="138"/>
      <c r="S114" s="141"/>
      <c r="T114" s="64"/>
    </row>
    <row r="115" spans="1:258" s="67" customFormat="1" ht="75" customHeight="1" thickBot="1">
      <c r="A115" s="471"/>
      <c r="B115" s="472"/>
      <c r="C115" s="472"/>
      <c r="D115" s="472"/>
      <c r="E115" s="472"/>
      <c r="F115" s="472"/>
      <c r="G115" s="472"/>
      <c r="H115" s="472"/>
      <c r="I115" s="472"/>
      <c r="J115" s="472"/>
      <c r="K115" s="472"/>
      <c r="L115" s="473"/>
      <c r="M115" s="472"/>
      <c r="N115" s="472"/>
      <c r="O115" s="472"/>
      <c r="P115" s="474"/>
      <c r="Q115" s="139"/>
      <c r="R115" s="138"/>
      <c r="S115" s="141"/>
      <c r="T115" s="64"/>
    </row>
    <row r="116" spans="1:258" s="64" customFormat="1" ht="69.900000000000006" customHeight="1" thickBot="1">
      <c r="A116" s="443" t="s">
        <v>537</v>
      </c>
      <c r="B116" s="475"/>
      <c r="C116" s="475"/>
      <c r="D116" s="475"/>
      <c r="E116" s="475"/>
      <c r="F116" s="475"/>
      <c r="G116" s="475"/>
      <c r="H116" s="475"/>
      <c r="I116" s="475"/>
      <c r="J116" s="475"/>
      <c r="K116" s="475"/>
      <c r="L116" s="445"/>
      <c r="M116" s="475"/>
      <c r="N116" s="475"/>
      <c r="O116" s="475"/>
      <c r="P116" s="476"/>
      <c r="Q116" s="139"/>
      <c r="R116" s="138"/>
      <c r="S116" s="78"/>
      <c r="T116" s="76"/>
      <c r="U116" s="76"/>
      <c r="V116" s="76"/>
      <c r="W116" s="76"/>
      <c r="X116" s="76"/>
      <c r="Y116" s="76"/>
      <c r="Z116" s="76"/>
      <c r="AA116" s="76"/>
      <c r="AB116" s="76"/>
      <c r="AC116" s="76"/>
      <c r="AD116" s="76"/>
      <c r="AE116" s="76"/>
      <c r="AF116" s="76"/>
      <c r="AG116" s="76"/>
      <c r="AH116" s="76"/>
      <c r="AI116" s="76"/>
      <c r="AJ116" s="76"/>
      <c r="AK116" s="76"/>
      <c r="AL116" s="76"/>
      <c r="AM116" s="76"/>
      <c r="AN116" s="76"/>
      <c r="AO116" s="76"/>
      <c r="AP116" s="76"/>
      <c r="AQ116" s="76"/>
      <c r="AR116" s="76"/>
      <c r="AS116" s="76"/>
      <c r="AT116" s="76"/>
      <c r="AU116" s="76"/>
      <c r="AV116" s="76"/>
      <c r="AW116" s="76"/>
      <c r="AX116" s="76"/>
      <c r="AY116" s="76"/>
      <c r="AZ116" s="76"/>
      <c r="BA116" s="76"/>
      <c r="BB116" s="76"/>
      <c r="BC116" s="76"/>
      <c r="BD116" s="76"/>
    </row>
    <row r="117" spans="1:258" s="67" customFormat="1" ht="132" customHeight="1" thickTop="1" thickBot="1">
      <c r="A117" s="477" t="s">
        <v>538</v>
      </c>
      <c r="B117" s="379"/>
      <c r="C117" s="379"/>
      <c r="D117" s="379"/>
      <c r="E117" s="379"/>
      <c r="F117" s="379"/>
      <c r="G117" s="379"/>
      <c r="H117" s="379"/>
      <c r="I117" s="379"/>
      <c r="J117" s="379"/>
      <c r="K117" s="379"/>
      <c r="L117" s="379"/>
      <c r="M117" s="379"/>
      <c r="N117" s="576"/>
      <c r="O117" s="75" t="s">
        <v>20</v>
      </c>
      <c r="P117" s="136" t="s">
        <v>21</v>
      </c>
      <c r="Q117" s="139"/>
      <c r="R117" s="138"/>
      <c r="S117" s="137"/>
      <c r="T117" s="76"/>
      <c r="U117" s="77"/>
      <c r="V117" s="77"/>
      <c r="W117" s="77"/>
      <c r="X117" s="77"/>
      <c r="Y117" s="77"/>
      <c r="Z117" s="77"/>
      <c r="AA117" s="77"/>
      <c r="AB117" s="77"/>
      <c r="AC117" s="77"/>
      <c r="AD117" s="77"/>
      <c r="AE117" s="77"/>
      <c r="AF117" s="77"/>
      <c r="AG117" s="77"/>
      <c r="AH117" s="77"/>
      <c r="AI117" s="77"/>
      <c r="AJ117" s="77"/>
      <c r="AK117" s="77"/>
      <c r="AL117" s="77"/>
      <c r="AM117" s="77"/>
      <c r="AN117" s="77"/>
      <c r="AO117" s="77"/>
      <c r="AP117" s="77"/>
      <c r="AQ117" s="77"/>
      <c r="AR117" s="77"/>
      <c r="AS117" s="77"/>
      <c r="AT117" s="77"/>
      <c r="AU117" s="77"/>
      <c r="AV117" s="77"/>
      <c r="AW117" s="77"/>
      <c r="AX117" s="77"/>
      <c r="AY117" s="77"/>
      <c r="AZ117" s="77"/>
      <c r="BA117" s="77"/>
      <c r="BB117" s="77"/>
      <c r="BC117" s="77"/>
      <c r="BD117" s="77"/>
    </row>
    <row r="118" spans="1:258" s="64" customFormat="1" ht="69.599999999999994" customHeight="1" thickTop="1">
      <c r="A118" s="503" t="s">
        <v>108</v>
      </c>
      <c r="B118" s="577"/>
      <c r="C118" s="577"/>
      <c r="D118" s="577"/>
      <c r="E118" s="577"/>
      <c r="F118" s="577"/>
      <c r="G118" s="577"/>
      <c r="H118" s="577"/>
      <c r="I118" s="577"/>
      <c r="J118" s="577"/>
      <c r="K118" s="577"/>
      <c r="L118" s="505"/>
      <c r="M118" s="577"/>
      <c r="N118" s="577"/>
      <c r="O118" s="577"/>
      <c r="P118" s="578"/>
      <c r="Q118" s="122"/>
      <c r="R118" s="138"/>
      <c r="S118" s="162"/>
      <c r="T118" s="159"/>
    </row>
    <row r="119" spans="1:258" s="64" customFormat="1" ht="69.599999999999994" customHeight="1">
      <c r="A119" s="507" t="s">
        <v>109</v>
      </c>
      <c r="B119" s="508"/>
      <c r="C119" s="508"/>
      <c r="D119" s="508"/>
      <c r="E119" s="508"/>
      <c r="F119" s="508"/>
      <c r="G119" s="508"/>
      <c r="H119" s="508"/>
      <c r="I119" s="508"/>
      <c r="J119" s="508"/>
      <c r="K119" s="508"/>
      <c r="L119" s="508"/>
      <c r="M119" s="508"/>
      <c r="N119" s="508"/>
      <c r="O119" s="508"/>
      <c r="P119" s="509"/>
      <c r="Q119" s="161"/>
      <c r="R119" s="133"/>
      <c r="S119" s="162"/>
      <c r="T119" s="52"/>
      <c r="U119" s="52"/>
      <c r="V119" s="52"/>
      <c r="W119" s="52"/>
      <c r="X119" s="52"/>
      <c r="Y119" s="52"/>
      <c r="Z119" s="52"/>
      <c r="AA119" s="52"/>
      <c r="AB119" s="52"/>
      <c r="AC119" s="52"/>
      <c r="AD119" s="52"/>
      <c r="AE119" s="52"/>
      <c r="AF119" s="52"/>
      <c r="AG119" s="52"/>
      <c r="AH119" s="52"/>
      <c r="AI119" s="52"/>
      <c r="AJ119" s="52"/>
      <c r="AK119" s="52"/>
      <c r="AL119" s="52"/>
      <c r="AM119" s="52"/>
      <c r="AN119" s="52"/>
      <c r="AO119" s="52"/>
      <c r="AP119" s="52"/>
      <c r="AQ119" s="52"/>
      <c r="AR119" s="52"/>
      <c r="AS119" s="52"/>
      <c r="AT119" s="52"/>
      <c r="AU119" s="52"/>
      <c r="AV119" s="52"/>
      <c r="AW119" s="52"/>
      <c r="AX119" s="52"/>
      <c r="AY119" s="52"/>
      <c r="AZ119" s="52"/>
      <c r="BA119" s="52"/>
      <c r="BB119" s="52"/>
      <c r="BC119" s="52"/>
      <c r="BD119" s="52"/>
      <c r="BE119" s="52"/>
      <c r="BF119" s="52"/>
      <c r="BG119" s="52"/>
      <c r="BH119" s="52"/>
      <c r="BI119" s="52"/>
      <c r="BJ119" s="52"/>
      <c r="BK119" s="52"/>
      <c r="BL119" s="52"/>
      <c r="BM119" s="52"/>
      <c r="BN119" s="52"/>
      <c r="BO119" s="52"/>
      <c r="BP119" s="52"/>
      <c r="BQ119" s="52"/>
      <c r="BR119" s="52"/>
      <c r="BS119" s="52"/>
      <c r="BT119" s="52"/>
      <c r="BU119" s="52"/>
      <c r="BV119" s="52"/>
      <c r="BW119" s="52"/>
      <c r="BX119" s="52"/>
      <c r="BY119" s="52"/>
      <c r="BZ119" s="52"/>
      <c r="CA119" s="52"/>
      <c r="CB119" s="52"/>
      <c r="CC119" s="52"/>
      <c r="CD119" s="52"/>
      <c r="CE119" s="52"/>
      <c r="CF119" s="52"/>
      <c r="CG119" s="52"/>
      <c r="CH119" s="52"/>
      <c r="CI119" s="52"/>
      <c r="CJ119" s="52"/>
      <c r="CK119" s="52"/>
      <c r="CL119" s="52"/>
      <c r="CM119" s="52"/>
      <c r="CN119" s="52"/>
      <c r="CO119" s="52"/>
      <c r="CP119" s="52"/>
      <c r="CQ119" s="52"/>
      <c r="CR119" s="52"/>
      <c r="CS119" s="52"/>
      <c r="CT119" s="52"/>
      <c r="CU119" s="52"/>
      <c r="CV119" s="52"/>
      <c r="CW119" s="52"/>
      <c r="CX119" s="52"/>
      <c r="CY119" s="52"/>
      <c r="CZ119" s="52"/>
      <c r="DA119" s="52"/>
      <c r="DB119" s="52"/>
      <c r="DC119" s="52"/>
      <c r="DD119" s="52"/>
      <c r="DE119" s="52"/>
      <c r="DF119" s="52"/>
      <c r="DG119" s="52"/>
      <c r="DH119" s="52"/>
      <c r="DI119" s="52"/>
      <c r="DJ119" s="52"/>
      <c r="DK119" s="52"/>
      <c r="DL119" s="52"/>
      <c r="DM119" s="52"/>
      <c r="DN119" s="52"/>
      <c r="DO119" s="52"/>
      <c r="DP119" s="52"/>
      <c r="DQ119" s="52"/>
      <c r="DR119" s="52"/>
      <c r="DS119" s="52"/>
      <c r="DT119" s="52"/>
      <c r="DU119" s="52"/>
      <c r="DV119" s="52"/>
      <c r="DW119" s="52"/>
      <c r="DX119" s="52"/>
      <c r="DY119" s="52"/>
      <c r="DZ119" s="52"/>
      <c r="EA119" s="52"/>
      <c r="EB119" s="52"/>
      <c r="EC119" s="52"/>
      <c r="ED119" s="52"/>
      <c r="EE119" s="52"/>
      <c r="EF119" s="52"/>
      <c r="EG119" s="52"/>
      <c r="EH119" s="52"/>
      <c r="EI119" s="52"/>
      <c r="EJ119" s="52"/>
      <c r="EK119" s="52"/>
      <c r="EL119" s="52"/>
      <c r="EM119" s="52"/>
      <c r="EN119" s="52"/>
      <c r="EO119" s="52"/>
      <c r="EP119" s="52"/>
      <c r="EQ119" s="52"/>
      <c r="ER119" s="52"/>
      <c r="ES119" s="52"/>
      <c r="ET119" s="52"/>
      <c r="EU119" s="52"/>
      <c r="EV119" s="52"/>
      <c r="EW119" s="52"/>
      <c r="EX119" s="52"/>
      <c r="EY119" s="52"/>
      <c r="EZ119" s="52"/>
      <c r="FA119" s="52"/>
      <c r="FB119" s="52"/>
      <c r="FC119" s="52"/>
      <c r="FD119" s="52"/>
      <c r="FE119" s="52"/>
      <c r="FF119" s="52"/>
      <c r="FG119" s="52"/>
      <c r="FH119" s="52"/>
      <c r="FI119" s="52"/>
      <c r="FJ119" s="52"/>
      <c r="FK119" s="52"/>
      <c r="FL119" s="52"/>
      <c r="FM119" s="52"/>
      <c r="FN119" s="52"/>
      <c r="FO119" s="52"/>
      <c r="FP119" s="52"/>
      <c r="FQ119" s="52"/>
      <c r="FR119" s="52"/>
      <c r="FS119" s="52"/>
      <c r="FT119" s="52"/>
      <c r="FU119" s="52"/>
      <c r="FV119" s="52"/>
      <c r="FW119" s="52"/>
      <c r="FX119" s="52"/>
      <c r="FY119" s="52"/>
      <c r="FZ119" s="52"/>
      <c r="GA119" s="52"/>
      <c r="GB119" s="52"/>
      <c r="GC119" s="52"/>
      <c r="GD119" s="52"/>
      <c r="GE119" s="52"/>
      <c r="GF119" s="52"/>
      <c r="GG119" s="52"/>
      <c r="GH119" s="52"/>
      <c r="GI119" s="52"/>
      <c r="GJ119" s="52"/>
      <c r="GK119" s="52"/>
      <c r="GL119" s="52"/>
      <c r="GM119" s="52"/>
      <c r="GN119" s="52"/>
      <c r="GO119" s="52"/>
      <c r="GP119" s="52"/>
      <c r="GQ119" s="52"/>
      <c r="GR119" s="52"/>
      <c r="GS119" s="52"/>
      <c r="GT119" s="52"/>
      <c r="GU119" s="52"/>
      <c r="GV119" s="52"/>
      <c r="GW119" s="52"/>
      <c r="GX119" s="52"/>
      <c r="GY119" s="52"/>
      <c r="GZ119" s="52"/>
      <c r="HA119" s="52"/>
      <c r="HB119" s="52"/>
      <c r="HC119" s="52"/>
      <c r="HD119" s="52"/>
      <c r="HE119" s="52"/>
      <c r="HF119" s="52"/>
      <c r="HG119" s="52"/>
      <c r="HH119" s="52"/>
      <c r="HI119" s="52"/>
      <c r="HJ119" s="52"/>
      <c r="HK119" s="52"/>
      <c r="HL119" s="52"/>
      <c r="HM119" s="52"/>
      <c r="HN119" s="52"/>
      <c r="HO119" s="52"/>
      <c r="HP119" s="52"/>
      <c r="HQ119" s="52"/>
      <c r="HR119" s="52"/>
      <c r="HS119" s="52"/>
      <c r="HT119" s="52"/>
      <c r="HU119" s="52"/>
      <c r="HV119" s="52"/>
      <c r="HW119" s="52"/>
      <c r="HX119" s="52"/>
      <c r="HY119" s="52"/>
      <c r="HZ119" s="52"/>
      <c r="IA119" s="52"/>
      <c r="IB119" s="52"/>
      <c r="IC119" s="52"/>
      <c r="ID119" s="52"/>
      <c r="IE119" s="52"/>
      <c r="IF119" s="52"/>
      <c r="IG119" s="52"/>
      <c r="IH119" s="52"/>
      <c r="II119" s="52"/>
      <c r="IJ119" s="52"/>
      <c r="IK119" s="52"/>
      <c r="IL119" s="52"/>
      <c r="IM119" s="52"/>
      <c r="IN119" s="52"/>
      <c r="IO119" s="52"/>
      <c r="IP119" s="52"/>
      <c r="IQ119" s="52"/>
      <c r="IR119" s="52"/>
      <c r="IS119" s="52"/>
      <c r="IT119" s="52"/>
      <c r="IU119" s="52"/>
      <c r="IV119" s="52"/>
      <c r="IW119" s="52"/>
      <c r="IX119" s="52"/>
    </row>
    <row r="120" spans="1:258" s="42" customFormat="1" ht="69.900000000000006" customHeight="1">
      <c r="A120" s="510" t="s">
        <v>110</v>
      </c>
      <c r="B120" s="511"/>
      <c r="C120" s="511"/>
      <c r="D120" s="511"/>
      <c r="E120" s="511"/>
      <c r="F120" s="511"/>
      <c r="G120" s="511"/>
      <c r="H120" s="511"/>
      <c r="I120" s="511"/>
      <c r="J120" s="512"/>
      <c r="K120" s="588"/>
      <c r="L120" s="588"/>
      <c r="M120" s="588"/>
      <c r="N120" s="588"/>
      <c r="O120" s="588"/>
      <c r="P120" s="589"/>
      <c r="Q120" s="134"/>
      <c r="R120" s="133"/>
      <c r="S120" s="39"/>
      <c r="T120" s="40"/>
      <c r="U120" s="41"/>
      <c r="V120" s="41"/>
      <c r="W120" s="41"/>
      <c r="X120" s="41"/>
      <c r="Y120" s="41"/>
      <c r="Z120" s="41"/>
      <c r="AA120" s="41"/>
      <c r="AB120" s="41"/>
      <c r="AC120" s="41"/>
      <c r="AD120" s="41"/>
      <c r="AE120" s="41"/>
      <c r="AF120" s="41"/>
      <c r="AG120" s="41"/>
      <c r="AH120" s="41"/>
      <c r="AI120" s="41"/>
      <c r="AJ120" s="41"/>
      <c r="AK120" s="41"/>
      <c r="AL120" s="41"/>
      <c r="AM120" s="41"/>
      <c r="AN120" s="41"/>
      <c r="AO120" s="41"/>
      <c r="AP120" s="41"/>
      <c r="AQ120" s="41"/>
      <c r="AR120" s="41"/>
      <c r="AS120" s="41"/>
      <c r="AT120" s="41"/>
      <c r="AU120" s="41"/>
      <c r="AV120" s="41"/>
      <c r="AW120" s="41"/>
      <c r="AX120" s="41"/>
      <c r="AY120" s="41"/>
      <c r="AZ120" s="41"/>
      <c r="BA120" s="41"/>
      <c r="BB120" s="41"/>
      <c r="BC120" s="41"/>
      <c r="BD120" s="41"/>
    </row>
    <row r="121" spans="1:258" s="42" customFormat="1" ht="69.599999999999994" customHeight="1">
      <c r="A121" s="528" t="s">
        <v>111</v>
      </c>
      <c r="B121" s="529"/>
      <c r="C121" s="529"/>
      <c r="D121" s="529"/>
      <c r="E121" s="529"/>
      <c r="F121" s="529"/>
      <c r="G121" s="529"/>
      <c r="H121" s="529"/>
      <c r="I121" s="529"/>
      <c r="J121" s="530"/>
      <c r="K121" s="581" t="s">
        <v>112</v>
      </c>
      <c r="L121" s="582"/>
      <c r="M121" s="348" t="s">
        <v>113</v>
      </c>
      <c r="N121" s="349"/>
      <c r="O121" s="349"/>
      <c r="P121" s="350"/>
      <c r="Q121" s="134"/>
      <c r="R121" s="133"/>
      <c r="S121" s="39"/>
      <c r="T121" s="40"/>
      <c r="U121" s="41"/>
      <c r="V121" s="41"/>
      <c r="W121" s="41"/>
      <c r="X121" s="41"/>
      <c r="Y121" s="41"/>
      <c r="Z121" s="41"/>
      <c r="AA121" s="41"/>
      <c r="AB121" s="41"/>
      <c r="AC121" s="41"/>
      <c r="AD121" s="41"/>
      <c r="AE121" s="41"/>
      <c r="AF121" s="41"/>
      <c r="AG121" s="41"/>
      <c r="AH121" s="41"/>
      <c r="AI121" s="41"/>
      <c r="AJ121" s="41"/>
      <c r="AK121" s="41"/>
      <c r="AL121" s="41"/>
      <c r="AM121" s="41"/>
      <c r="AN121" s="41"/>
      <c r="AO121" s="41"/>
      <c r="AP121" s="41"/>
      <c r="AQ121" s="41"/>
      <c r="AR121" s="41"/>
      <c r="AS121" s="41"/>
      <c r="AT121" s="41"/>
      <c r="AU121" s="41"/>
      <c r="AV121" s="41"/>
      <c r="AW121" s="41"/>
      <c r="AX121" s="41"/>
      <c r="AY121" s="41"/>
      <c r="AZ121" s="41"/>
      <c r="BA121" s="41"/>
      <c r="BB121" s="41"/>
      <c r="BC121" s="41"/>
      <c r="BD121" s="41"/>
    </row>
    <row r="122" spans="1:258" s="42" customFormat="1" ht="69.599999999999994" customHeight="1">
      <c r="A122" s="534"/>
      <c r="B122" s="535"/>
      <c r="C122" s="535"/>
      <c r="D122" s="535"/>
      <c r="E122" s="535"/>
      <c r="F122" s="535"/>
      <c r="G122" s="535"/>
      <c r="H122" s="535"/>
      <c r="I122" s="535"/>
      <c r="J122" s="536"/>
      <c r="K122" s="583"/>
      <c r="L122" s="584"/>
      <c r="M122" s="351" t="s">
        <v>114</v>
      </c>
      <c r="N122" s="352"/>
      <c r="O122" s="352"/>
      <c r="P122" s="353"/>
      <c r="Q122" s="134"/>
      <c r="R122" s="133"/>
      <c r="S122" s="39"/>
      <c r="T122" s="40"/>
      <c r="U122" s="41"/>
      <c r="V122" s="41"/>
      <c r="W122" s="41"/>
      <c r="X122" s="41"/>
      <c r="Y122" s="41"/>
      <c r="Z122" s="41"/>
      <c r="AA122" s="41"/>
      <c r="AB122" s="41"/>
      <c r="AC122" s="41"/>
      <c r="AD122" s="41"/>
      <c r="AE122" s="41"/>
      <c r="AF122" s="41"/>
      <c r="AG122" s="41"/>
      <c r="AH122" s="41"/>
      <c r="AI122" s="41"/>
      <c r="AJ122" s="41"/>
      <c r="AK122" s="41"/>
      <c r="AL122" s="41"/>
      <c r="AM122" s="41"/>
      <c r="AN122" s="41"/>
      <c r="AO122" s="41"/>
      <c r="AP122" s="41"/>
      <c r="AQ122" s="41"/>
      <c r="AR122" s="41"/>
      <c r="AS122" s="41"/>
      <c r="AT122" s="41"/>
      <c r="AU122" s="41"/>
      <c r="AV122" s="41"/>
      <c r="AW122" s="41"/>
      <c r="AX122" s="41"/>
      <c r="AY122" s="41"/>
      <c r="AZ122" s="41"/>
      <c r="BA122" s="41"/>
      <c r="BB122" s="41"/>
      <c r="BC122" s="41"/>
      <c r="BD122" s="41"/>
    </row>
    <row r="123" spans="1:258" s="42" customFormat="1" ht="69.599999999999994" customHeight="1">
      <c r="A123" s="528" t="s">
        <v>115</v>
      </c>
      <c r="B123" s="529"/>
      <c r="C123" s="529"/>
      <c r="D123" s="529"/>
      <c r="E123" s="529"/>
      <c r="F123" s="529"/>
      <c r="G123" s="529"/>
      <c r="H123" s="529"/>
      <c r="I123" s="529"/>
      <c r="J123" s="530"/>
      <c r="K123" s="581" t="s">
        <v>112</v>
      </c>
      <c r="L123" s="582"/>
      <c r="M123" s="348" t="s">
        <v>113</v>
      </c>
      <c r="N123" s="349"/>
      <c r="O123" s="349"/>
      <c r="P123" s="350"/>
      <c r="Q123" s="134"/>
      <c r="R123" s="133"/>
      <c r="S123" s="39"/>
      <c r="T123" s="40"/>
      <c r="U123" s="41"/>
      <c r="V123" s="41"/>
      <c r="W123" s="41"/>
      <c r="X123" s="41"/>
      <c r="Y123" s="41"/>
      <c r="Z123" s="41"/>
      <c r="AA123" s="41"/>
      <c r="AB123" s="41"/>
      <c r="AC123" s="41"/>
      <c r="AD123" s="41"/>
      <c r="AE123" s="41"/>
      <c r="AF123" s="41"/>
      <c r="AG123" s="41"/>
      <c r="AH123" s="41"/>
      <c r="AI123" s="41"/>
      <c r="AJ123" s="41"/>
      <c r="AK123" s="41"/>
      <c r="AL123" s="41"/>
      <c r="AM123" s="41"/>
      <c r="AN123" s="41"/>
      <c r="AO123" s="41"/>
      <c r="AP123" s="41"/>
      <c r="AQ123" s="41"/>
      <c r="AR123" s="41"/>
      <c r="AS123" s="41"/>
      <c r="AT123" s="41"/>
      <c r="AU123" s="41"/>
      <c r="AV123" s="41"/>
      <c r="AW123" s="41"/>
      <c r="AX123" s="41"/>
      <c r="AY123" s="41"/>
      <c r="AZ123" s="41"/>
      <c r="BA123" s="41"/>
      <c r="BB123" s="41"/>
      <c r="BC123" s="41"/>
      <c r="BD123" s="41"/>
    </row>
    <row r="124" spans="1:258" s="42" customFormat="1" ht="69.599999999999994" customHeight="1">
      <c r="A124" s="534"/>
      <c r="B124" s="535"/>
      <c r="C124" s="535"/>
      <c r="D124" s="535"/>
      <c r="E124" s="535"/>
      <c r="F124" s="535"/>
      <c r="G124" s="535"/>
      <c r="H124" s="535"/>
      <c r="I124" s="535"/>
      <c r="J124" s="536"/>
      <c r="K124" s="583"/>
      <c r="L124" s="584"/>
      <c r="M124" s="351" t="s">
        <v>114</v>
      </c>
      <c r="N124" s="352"/>
      <c r="O124" s="352"/>
      <c r="P124" s="353"/>
      <c r="Q124" s="134"/>
      <c r="R124" s="133"/>
      <c r="S124" s="39"/>
      <c r="T124" s="40"/>
      <c r="U124" s="41"/>
      <c r="V124" s="41"/>
      <c r="W124" s="41"/>
      <c r="X124" s="41"/>
      <c r="Y124" s="41"/>
      <c r="Z124" s="41"/>
      <c r="AA124" s="41"/>
      <c r="AB124" s="41"/>
      <c r="AC124" s="41"/>
      <c r="AD124" s="41"/>
      <c r="AE124" s="41"/>
      <c r="AF124" s="41"/>
      <c r="AG124" s="41"/>
      <c r="AH124" s="41"/>
      <c r="AI124" s="41"/>
      <c r="AJ124" s="41"/>
      <c r="AK124" s="41"/>
      <c r="AL124" s="41"/>
      <c r="AM124" s="41"/>
      <c r="AN124" s="41"/>
      <c r="AO124" s="41"/>
      <c r="AP124" s="41"/>
      <c r="AQ124" s="41"/>
      <c r="AR124" s="41"/>
      <c r="AS124" s="41"/>
      <c r="AT124" s="41"/>
      <c r="AU124" s="41"/>
      <c r="AV124" s="41"/>
      <c r="AW124" s="41"/>
      <c r="AX124" s="41"/>
      <c r="AY124" s="41"/>
      <c r="AZ124" s="41"/>
      <c r="BA124" s="41"/>
      <c r="BB124" s="41"/>
      <c r="BC124" s="41"/>
      <c r="BD124" s="41"/>
    </row>
    <row r="125" spans="1:258" s="42" customFormat="1" ht="120" customHeight="1">
      <c r="A125" s="528" t="s">
        <v>116</v>
      </c>
      <c r="B125" s="529"/>
      <c r="C125" s="529"/>
      <c r="D125" s="529"/>
      <c r="E125" s="529"/>
      <c r="F125" s="529"/>
      <c r="G125" s="529"/>
      <c r="H125" s="529"/>
      <c r="I125" s="529"/>
      <c r="J125" s="530"/>
      <c r="K125" s="585"/>
      <c r="L125" s="586"/>
      <c r="M125" s="586"/>
      <c r="N125" s="586"/>
      <c r="O125" s="586"/>
      <c r="P125" s="587"/>
      <c r="Q125" s="134"/>
      <c r="R125" s="133"/>
      <c r="S125" s="39"/>
      <c r="T125" s="40"/>
      <c r="U125" s="41"/>
      <c r="V125" s="41"/>
      <c r="W125" s="41"/>
      <c r="X125" s="41"/>
      <c r="Y125" s="41"/>
      <c r="Z125" s="41"/>
      <c r="AA125" s="41"/>
      <c r="AB125" s="41"/>
      <c r="AC125" s="41"/>
      <c r="AD125" s="41"/>
      <c r="AE125" s="41"/>
      <c r="AF125" s="41"/>
      <c r="AG125" s="41"/>
      <c r="AH125" s="41"/>
      <c r="AI125" s="41"/>
      <c r="AJ125" s="41"/>
      <c r="AK125" s="41"/>
      <c r="AL125" s="41"/>
      <c r="AM125" s="41"/>
      <c r="AN125" s="41"/>
      <c r="AO125" s="41"/>
      <c r="AP125" s="41"/>
      <c r="AQ125" s="41"/>
      <c r="AR125" s="41"/>
      <c r="AS125" s="41"/>
      <c r="AT125" s="41"/>
      <c r="AU125" s="41"/>
      <c r="AV125" s="41"/>
      <c r="AW125" s="41"/>
      <c r="AX125" s="41"/>
      <c r="AY125" s="41"/>
      <c r="AZ125" s="41"/>
      <c r="BA125" s="41"/>
      <c r="BB125" s="41"/>
      <c r="BC125" s="41"/>
      <c r="BD125" s="41"/>
    </row>
    <row r="126" spans="1:258" s="64" customFormat="1" ht="69.599999999999994" customHeight="1">
      <c r="A126" s="600" t="s">
        <v>117</v>
      </c>
      <c r="B126" s="601"/>
      <c r="C126" s="601"/>
      <c r="D126" s="601"/>
      <c r="E126" s="601"/>
      <c r="F126" s="601"/>
      <c r="G126" s="601"/>
      <c r="H126" s="601"/>
      <c r="I126" s="601"/>
      <c r="J126" s="601"/>
      <c r="K126" s="601"/>
      <c r="L126" s="601"/>
      <c r="M126" s="601"/>
      <c r="N126" s="601"/>
      <c r="O126" s="601"/>
      <c r="P126" s="602"/>
      <c r="Q126" s="161"/>
      <c r="R126" s="133"/>
      <c r="S126" s="162"/>
      <c r="T126" s="52"/>
      <c r="U126" s="52"/>
      <c r="V126" s="52"/>
      <c r="W126" s="52"/>
      <c r="X126" s="52"/>
      <c r="Y126" s="52"/>
      <c r="Z126" s="52"/>
      <c r="AA126" s="52"/>
      <c r="AB126" s="52"/>
      <c r="AC126" s="52"/>
      <c r="AD126" s="52"/>
      <c r="AE126" s="52"/>
      <c r="AF126" s="52"/>
      <c r="AG126" s="52"/>
      <c r="AH126" s="52"/>
      <c r="AI126" s="52"/>
      <c r="AJ126" s="52"/>
      <c r="AK126" s="52"/>
      <c r="AL126" s="52"/>
      <c r="AM126" s="52"/>
      <c r="AN126" s="52"/>
      <c r="AO126" s="52"/>
      <c r="AP126" s="52"/>
      <c r="AQ126" s="52"/>
      <c r="AR126" s="52"/>
      <c r="AS126" s="52"/>
      <c r="AT126" s="52"/>
      <c r="AU126" s="52"/>
      <c r="AV126" s="52"/>
      <c r="AW126" s="52"/>
      <c r="AX126" s="52"/>
      <c r="AY126" s="52"/>
      <c r="AZ126" s="52"/>
      <c r="BA126" s="52"/>
      <c r="BB126" s="52"/>
      <c r="BC126" s="52"/>
      <c r="BD126" s="52"/>
      <c r="BE126" s="52"/>
      <c r="BF126" s="52"/>
      <c r="BG126" s="52"/>
      <c r="BH126" s="52"/>
      <c r="BI126" s="52"/>
      <c r="BJ126" s="52"/>
      <c r="BK126" s="52"/>
      <c r="BL126" s="52"/>
      <c r="BM126" s="52"/>
      <c r="BN126" s="52"/>
      <c r="BO126" s="52"/>
      <c r="BP126" s="52"/>
      <c r="BQ126" s="52"/>
      <c r="BR126" s="52"/>
      <c r="BS126" s="52"/>
      <c r="BT126" s="52"/>
      <c r="BU126" s="52"/>
      <c r="BV126" s="52"/>
      <c r="BW126" s="52"/>
      <c r="BX126" s="52"/>
      <c r="BY126" s="52"/>
      <c r="BZ126" s="52"/>
      <c r="CA126" s="52"/>
      <c r="CB126" s="52"/>
      <c r="CC126" s="52"/>
      <c r="CD126" s="52"/>
      <c r="CE126" s="52"/>
      <c r="CF126" s="52"/>
      <c r="CG126" s="52"/>
      <c r="CH126" s="52"/>
      <c r="CI126" s="52"/>
      <c r="CJ126" s="52"/>
      <c r="CK126" s="52"/>
      <c r="CL126" s="52"/>
      <c r="CM126" s="52"/>
      <c r="CN126" s="52"/>
      <c r="CO126" s="52"/>
      <c r="CP126" s="52"/>
      <c r="CQ126" s="52"/>
      <c r="CR126" s="52"/>
      <c r="CS126" s="52"/>
      <c r="CT126" s="52"/>
      <c r="CU126" s="52"/>
      <c r="CV126" s="52"/>
      <c r="CW126" s="52"/>
      <c r="CX126" s="52"/>
      <c r="CY126" s="52"/>
      <c r="CZ126" s="52"/>
      <c r="DA126" s="52"/>
      <c r="DB126" s="52"/>
      <c r="DC126" s="52"/>
      <c r="DD126" s="52"/>
      <c r="DE126" s="52"/>
      <c r="DF126" s="52"/>
      <c r="DG126" s="52"/>
      <c r="DH126" s="52"/>
      <c r="DI126" s="52"/>
      <c r="DJ126" s="52"/>
      <c r="DK126" s="52"/>
      <c r="DL126" s="52"/>
      <c r="DM126" s="52"/>
      <c r="DN126" s="52"/>
      <c r="DO126" s="52"/>
      <c r="DP126" s="52"/>
      <c r="DQ126" s="52"/>
      <c r="DR126" s="52"/>
      <c r="DS126" s="52"/>
      <c r="DT126" s="52"/>
      <c r="DU126" s="52"/>
      <c r="DV126" s="52"/>
      <c r="DW126" s="52"/>
      <c r="DX126" s="52"/>
      <c r="DY126" s="52"/>
      <c r="DZ126" s="52"/>
      <c r="EA126" s="52"/>
      <c r="EB126" s="52"/>
      <c r="EC126" s="52"/>
      <c r="ED126" s="52"/>
      <c r="EE126" s="52"/>
      <c r="EF126" s="52"/>
      <c r="EG126" s="52"/>
      <c r="EH126" s="52"/>
      <c r="EI126" s="52"/>
      <c r="EJ126" s="52"/>
      <c r="EK126" s="52"/>
      <c r="EL126" s="52"/>
      <c r="EM126" s="52"/>
      <c r="EN126" s="52"/>
      <c r="EO126" s="52"/>
      <c r="EP126" s="52"/>
      <c r="EQ126" s="52"/>
      <c r="ER126" s="52"/>
      <c r="ES126" s="52"/>
      <c r="ET126" s="52"/>
      <c r="EU126" s="52"/>
      <c r="EV126" s="52"/>
      <c r="EW126" s="52"/>
      <c r="EX126" s="52"/>
      <c r="EY126" s="52"/>
      <c r="EZ126" s="52"/>
      <c r="FA126" s="52"/>
      <c r="FB126" s="52"/>
      <c r="FC126" s="52"/>
      <c r="FD126" s="52"/>
      <c r="FE126" s="52"/>
      <c r="FF126" s="52"/>
      <c r="FG126" s="52"/>
      <c r="FH126" s="52"/>
      <c r="FI126" s="52"/>
      <c r="FJ126" s="52"/>
      <c r="FK126" s="52"/>
      <c r="FL126" s="52"/>
      <c r="FM126" s="52"/>
      <c r="FN126" s="52"/>
      <c r="FO126" s="52"/>
      <c r="FP126" s="52"/>
      <c r="FQ126" s="52"/>
      <c r="FR126" s="52"/>
      <c r="FS126" s="52"/>
      <c r="FT126" s="52"/>
      <c r="FU126" s="52"/>
      <c r="FV126" s="52"/>
      <c r="FW126" s="52"/>
      <c r="FX126" s="52"/>
      <c r="FY126" s="52"/>
      <c r="FZ126" s="52"/>
      <c r="GA126" s="52"/>
      <c r="GB126" s="52"/>
      <c r="GC126" s="52"/>
      <c r="GD126" s="52"/>
      <c r="GE126" s="52"/>
      <c r="GF126" s="52"/>
      <c r="GG126" s="52"/>
      <c r="GH126" s="52"/>
      <c r="GI126" s="52"/>
      <c r="GJ126" s="52"/>
      <c r="GK126" s="52"/>
      <c r="GL126" s="52"/>
      <c r="GM126" s="52"/>
      <c r="GN126" s="52"/>
      <c r="GO126" s="52"/>
      <c r="GP126" s="52"/>
      <c r="GQ126" s="52"/>
      <c r="GR126" s="52"/>
      <c r="GS126" s="52"/>
      <c r="GT126" s="52"/>
      <c r="GU126" s="52"/>
      <c r="GV126" s="52"/>
      <c r="GW126" s="52"/>
      <c r="GX126" s="52"/>
      <c r="GY126" s="52"/>
      <c r="GZ126" s="52"/>
      <c r="HA126" s="52"/>
      <c r="HB126" s="52"/>
      <c r="HC126" s="52"/>
      <c r="HD126" s="52"/>
      <c r="HE126" s="52"/>
      <c r="HF126" s="52"/>
      <c r="HG126" s="52"/>
      <c r="HH126" s="52"/>
      <c r="HI126" s="52"/>
      <c r="HJ126" s="52"/>
      <c r="HK126" s="52"/>
      <c r="HL126" s="52"/>
      <c r="HM126" s="52"/>
      <c r="HN126" s="52"/>
      <c r="HO126" s="52"/>
      <c r="HP126" s="52"/>
      <c r="HQ126" s="52"/>
      <c r="HR126" s="52"/>
      <c r="HS126" s="52"/>
      <c r="HT126" s="52"/>
      <c r="HU126" s="52"/>
      <c r="HV126" s="52"/>
      <c r="HW126" s="52"/>
      <c r="HX126" s="52"/>
      <c r="HY126" s="52"/>
      <c r="HZ126" s="52"/>
      <c r="IA126" s="52"/>
      <c r="IB126" s="52"/>
      <c r="IC126" s="52"/>
      <c r="ID126" s="52"/>
      <c r="IE126" s="52"/>
      <c r="IF126" s="52"/>
      <c r="IG126" s="52"/>
      <c r="IH126" s="52"/>
      <c r="II126" s="52"/>
      <c r="IJ126" s="52"/>
      <c r="IK126" s="52"/>
      <c r="IL126" s="52"/>
      <c r="IM126" s="52"/>
      <c r="IN126" s="52"/>
      <c r="IO126" s="52"/>
      <c r="IP126" s="52"/>
      <c r="IQ126" s="52"/>
      <c r="IR126" s="52"/>
      <c r="IS126" s="52"/>
      <c r="IT126" s="52"/>
      <c r="IU126" s="52"/>
      <c r="IV126" s="52"/>
      <c r="IW126" s="52"/>
      <c r="IX126" s="52"/>
    </row>
    <row r="127" spans="1:258" s="64" customFormat="1" ht="69.599999999999994" customHeight="1">
      <c r="A127" s="603" t="s">
        <v>118</v>
      </c>
      <c r="B127" s="604"/>
      <c r="C127" s="604"/>
      <c r="D127" s="604"/>
      <c r="E127" s="604"/>
      <c r="F127" s="604"/>
      <c r="G127" s="604"/>
      <c r="H127" s="604"/>
      <c r="I127" s="604"/>
      <c r="J127" s="604"/>
      <c r="K127" s="604"/>
      <c r="L127" s="604"/>
      <c r="M127" s="604"/>
      <c r="N127" s="604"/>
      <c r="O127" s="604"/>
      <c r="P127" s="605"/>
      <c r="Q127" s="161"/>
      <c r="R127" s="133"/>
      <c r="S127" s="162"/>
      <c r="T127" s="52"/>
      <c r="U127" s="52"/>
      <c r="V127" s="52"/>
      <c r="W127" s="52"/>
      <c r="X127" s="52"/>
      <c r="Y127" s="52"/>
      <c r="Z127" s="52"/>
      <c r="AA127" s="52"/>
      <c r="AB127" s="52"/>
      <c r="AC127" s="52"/>
      <c r="AD127" s="52"/>
      <c r="AE127" s="52"/>
      <c r="AF127" s="52"/>
      <c r="AG127" s="52"/>
      <c r="AH127" s="52"/>
      <c r="AI127" s="52"/>
      <c r="AJ127" s="52"/>
      <c r="AK127" s="52"/>
      <c r="AL127" s="52"/>
      <c r="AM127" s="52"/>
      <c r="AN127" s="52"/>
      <c r="AO127" s="52"/>
      <c r="AP127" s="52"/>
      <c r="AQ127" s="52"/>
      <c r="AR127" s="52"/>
      <c r="AS127" s="52"/>
      <c r="AT127" s="52"/>
      <c r="AU127" s="52"/>
      <c r="AV127" s="52"/>
      <c r="AW127" s="52"/>
      <c r="AX127" s="52"/>
      <c r="AY127" s="52"/>
      <c r="AZ127" s="52"/>
      <c r="BA127" s="52"/>
      <c r="BB127" s="52"/>
      <c r="BC127" s="52"/>
      <c r="BD127" s="52"/>
      <c r="BE127" s="52"/>
      <c r="BF127" s="52"/>
      <c r="BG127" s="52"/>
      <c r="BH127" s="52"/>
      <c r="BI127" s="52"/>
      <c r="BJ127" s="52"/>
      <c r="BK127" s="52"/>
      <c r="BL127" s="52"/>
      <c r="BM127" s="52"/>
      <c r="BN127" s="52"/>
      <c r="BO127" s="52"/>
      <c r="BP127" s="52"/>
      <c r="BQ127" s="52"/>
      <c r="BR127" s="52"/>
      <c r="BS127" s="52"/>
      <c r="BT127" s="52"/>
      <c r="BU127" s="52"/>
      <c r="BV127" s="52"/>
      <c r="BW127" s="52"/>
      <c r="BX127" s="52"/>
      <c r="BY127" s="52"/>
      <c r="BZ127" s="52"/>
      <c r="CA127" s="52"/>
      <c r="CB127" s="52"/>
      <c r="CC127" s="52"/>
      <c r="CD127" s="52"/>
      <c r="CE127" s="52"/>
      <c r="CF127" s="52"/>
      <c r="CG127" s="52"/>
      <c r="CH127" s="52"/>
      <c r="CI127" s="52"/>
      <c r="CJ127" s="52"/>
      <c r="CK127" s="52"/>
      <c r="CL127" s="52"/>
      <c r="CM127" s="52"/>
      <c r="CN127" s="52"/>
      <c r="CO127" s="52"/>
      <c r="CP127" s="52"/>
      <c r="CQ127" s="52"/>
      <c r="CR127" s="52"/>
      <c r="CS127" s="52"/>
      <c r="CT127" s="52"/>
      <c r="CU127" s="52"/>
      <c r="CV127" s="52"/>
      <c r="CW127" s="52"/>
      <c r="CX127" s="52"/>
      <c r="CY127" s="52"/>
      <c r="CZ127" s="52"/>
      <c r="DA127" s="52"/>
      <c r="DB127" s="52"/>
      <c r="DC127" s="52"/>
      <c r="DD127" s="52"/>
      <c r="DE127" s="52"/>
      <c r="DF127" s="52"/>
      <c r="DG127" s="52"/>
      <c r="DH127" s="52"/>
      <c r="DI127" s="52"/>
      <c r="DJ127" s="52"/>
      <c r="DK127" s="52"/>
      <c r="DL127" s="52"/>
      <c r="DM127" s="52"/>
      <c r="DN127" s="52"/>
      <c r="DO127" s="52"/>
      <c r="DP127" s="52"/>
      <c r="DQ127" s="52"/>
      <c r="DR127" s="52"/>
      <c r="DS127" s="52"/>
      <c r="DT127" s="52"/>
      <c r="DU127" s="52"/>
      <c r="DV127" s="52"/>
      <c r="DW127" s="52"/>
      <c r="DX127" s="52"/>
      <c r="DY127" s="52"/>
      <c r="DZ127" s="52"/>
      <c r="EA127" s="52"/>
      <c r="EB127" s="52"/>
      <c r="EC127" s="52"/>
      <c r="ED127" s="52"/>
      <c r="EE127" s="52"/>
      <c r="EF127" s="52"/>
      <c r="EG127" s="52"/>
      <c r="EH127" s="52"/>
      <c r="EI127" s="52"/>
      <c r="EJ127" s="52"/>
      <c r="EK127" s="52"/>
      <c r="EL127" s="52"/>
      <c r="EM127" s="52"/>
      <c r="EN127" s="52"/>
      <c r="EO127" s="52"/>
      <c r="EP127" s="52"/>
      <c r="EQ127" s="52"/>
      <c r="ER127" s="52"/>
      <c r="ES127" s="52"/>
      <c r="ET127" s="52"/>
      <c r="EU127" s="52"/>
      <c r="EV127" s="52"/>
      <c r="EW127" s="52"/>
      <c r="EX127" s="52"/>
      <c r="EY127" s="52"/>
      <c r="EZ127" s="52"/>
      <c r="FA127" s="52"/>
      <c r="FB127" s="52"/>
      <c r="FC127" s="52"/>
      <c r="FD127" s="52"/>
      <c r="FE127" s="52"/>
      <c r="FF127" s="52"/>
      <c r="FG127" s="52"/>
      <c r="FH127" s="52"/>
      <c r="FI127" s="52"/>
      <c r="FJ127" s="52"/>
      <c r="FK127" s="52"/>
      <c r="FL127" s="52"/>
      <c r="FM127" s="52"/>
      <c r="FN127" s="52"/>
      <c r="FO127" s="52"/>
      <c r="FP127" s="52"/>
      <c r="FQ127" s="52"/>
      <c r="FR127" s="52"/>
      <c r="FS127" s="52"/>
      <c r="FT127" s="52"/>
      <c r="FU127" s="52"/>
      <c r="FV127" s="52"/>
      <c r="FW127" s="52"/>
      <c r="FX127" s="52"/>
      <c r="FY127" s="52"/>
      <c r="FZ127" s="52"/>
      <c r="GA127" s="52"/>
      <c r="GB127" s="52"/>
      <c r="GC127" s="52"/>
      <c r="GD127" s="52"/>
      <c r="GE127" s="52"/>
      <c r="GF127" s="52"/>
      <c r="GG127" s="52"/>
      <c r="GH127" s="52"/>
      <c r="GI127" s="52"/>
      <c r="GJ127" s="52"/>
      <c r="GK127" s="52"/>
      <c r="GL127" s="52"/>
      <c r="GM127" s="52"/>
      <c r="GN127" s="52"/>
      <c r="GO127" s="52"/>
      <c r="GP127" s="52"/>
      <c r="GQ127" s="52"/>
      <c r="GR127" s="52"/>
      <c r="GS127" s="52"/>
      <c r="GT127" s="52"/>
      <c r="GU127" s="52"/>
      <c r="GV127" s="52"/>
      <c r="GW127" s="52"/>
      <c r="GX127" s="52"/>
      <c r="GY127" s="52"/>
      <c r="GZ127" s="52"/>
      <c r="HA127" s="52"/>
      <c r="HB127" s="52"/>
      <c r="HC127" s="52"/>
      <c r="HD127" s="52"/>
      <c r="HE127" s="52"/>
      <c r="HF127" s="52"/>
      <c r="HG127" s="52"/>
      <c r="HH127" s="52"/>
      <c r="HI127" s="52"/>
      <c r="HJ127" s="52"/>
      <c r="HK127" s="52"/>
      <c r="HL127" s="52"/>
      <c r="HM127" s="52"/>
      <c r="HN127" s="52"/>
      <c r="HO127" s="52"/>
      <c r="HP127" s="52"/>
      <c r="HQ127" s="52"/>
      <c r="HR127" s="52"/>
      <c r="HS127" s="52"/>
      <c r="HT127" s="52"/>
      <c r="HU127" s="52"/>
      <c r="HV127" s="52"/>
      <c r="HW127" s="52"/>
      <c r="HX127" s="52"/>
      <c r="HY127" s="52"/>
      <c r="HZ127" s="52"/>
      <c r="IA127" s="52"/>
      <c r="IB127" s="52"/>
      <c r="IC127" s="52"/>
      <c r="ID127" s="52"/>
      <c r="IE127" s="52"/>
      <c r="IF127" s="52"/>
      <c r="IG127" s="52"/>
      <c r="IH127" s="52"/>
      <c r="II127" s="52"/>
      <c r="IJ127" s="52"/>
      <c r="IK127" s="52"/>
      <c r="IL127" s="52"/>
      <c r="IM127" s="52"/>
      <c r="IN127" s="52"/>
      <c r="IO127" s="52"/>
      <c r="IP127" s="52"/>
      <c r="IQ127" s="52"/>
      <c r="IR127" s="52"/>
      <c r="IS127" s="52"/>
      <c r="IT127" s="52"/>
      <c r="IU127" s="52"/>
      <c r="IV127" s="52"/>
      <c r="IW127" s="52"/>
      <c r="IX127" s="52"/>
    </row>
    <row r="128" spans="1:258" s="64" customFormat="1" ht="69.599999999999994" customHeight="1">
      <c r="A128" s="600" t="s">
        <v>119</v>
      </c>
      <c r="B128" s="601"/>
      <c r="C128" s="601"/>
      <c r="D128" s="601"/>
      <c r="E128" s="601"/>
      <c r="F128" s="601"/>
      <c r="G128" s="601"/>
      <c r="H128" s="601"/>
      <c r="I128" s="601"/>
      <c r="J128" s="601"/>
      <c r="K128" s="601"/>
      <c r="L128" s="601"/>
      <c r="M128" s="601"/>
      <c r="N128" s="601"/>
      <c r="O128" s="601"/>
      <c r="P128" s="602"/>
      <c r="Q128" s="161"/>
      <c r="R128" s="133"/>
      <c r="S128" s="162"/>
      <c r="T128" s="52"/>
      <c r="U128" s="52"/>
      <c r="V128" s="52"/>
      <c r="W128" s="52"/>
      <c r="X128" s="52"/>
      <c r="Y128" s="52"/>
      <c r="Z128" s="52"/>
      <c r="AA128" s="52"/>
      <c r="AB128" s="52"/>
      <c r="AC128" s="52"/>
      <c r="AD128" s="52"/>
      <c r="AE128" s="52"/>
      <c r="AF128" s="52"/>
      <c r="AG128" s="52"/>
      <c r="AH128" s="52"/>
      <c r="AI128" s="52"/>
      <c r="AJ128" s="52"/>
      <c r="AK128" s="52"/>
      <c r="AL128" s="52"/>
      <c r="AM128" s="52"/>
      <c r="AN128" s="52"/>
      <c r="AO128" s="52"/>
      <c r="AP128" s="52"/>
      <c r="AQ128" s="52"/>
      <c r="AR128" s="52"/>
      <c r="AS128" s="52"/>
      <c r="AT128" s="52"/>
      <c r="AU128" s="52"/>
      <c r="AV128" s="52"/>
      <c r="AW128" s="52"/>
      <c r="AX128" s="52"/>
      <c r="AY128" s="52"/>
      <c r="AZ128" s="52"/>
      <c r="BA128" s="52"/>
      <c r="BB128" s="52"/>
      <c r="BC128" s="52"/>
      <c r="BD128" s="52"/>
      <c r="BE128" s="52"/>
      <c r="BF128" s="52"/>
      <c r="BG128" s="52"/>
      <c r="BH128" s="52"/>
      <c r="BI128" s="52"/>
      <c r="BJ128" s="52"/>
      <c r="BK128" s="52"/>
      <c r="BL128" s="52"/>
      <c r="BM128" s="52"/>
      <c r="BN128" s="52"/>
      <c r="BO128" s="52"/>
      <c r="BP128" s="52"/>
      <c r="BQ128" s="52"/>
      <c r="BR128" s="52"/>
      <c r="BS128" s="52"/>
      <c r="BT128" s="52"/>
      <c r="BU128" s="52"/>
      <c r="BV128" s="52"/>
      <c r="BW128" s="52"/>
      <c r="BX128" s="52"/>
      <c r="BY128" s="52"/>
      <c r="BZ128" s="52"/>
      <c r="CA128" s="52"/>
      <c r="CB128" s="52"/>
      <c r="CC128" s="52"/>
      <c r="CD128" s="52"/>
      <c r="CE128" s="52"/>
      <c r="CF128" s="52"/>
      <c r="CG128" s="52"/>
      <c r="CH128" s="52"/>
      <c r="CI128" s="52"/>
      <c r="CJ128" s="52"/>
      <c r="CK128" s="52"/>
      <c r="CL128" s="52"/>
      <c r="CM128" s="52"/>
      <c r="CN128" s="52"/>
      <c r="CO128" s="52"/>
      <c r="CP128" s="52"/>
      <c r="CQ128" s="52"/>
      <c r="CR128" s="52"/>
      <c r="CS128" s="52"/>
      <c r="CT128" s="52"/>
      <c r="CU128" s="52"/>
      <c r="CV128" s="52"/>
      <c r="CW128" s="52"/>
      <c r="CX128" s="52"/>
      <c r="CY128" s="52"/>
      <c r="CZ128" s="52"/>
      <c r="DA128" s="52"/>
      <c r="DB128" s="52"/>
      <c r="DC128" s="52"/>
      <c r="DD128" s="52"/>
      <c r="DE128" s="52"/>
      <c r="DF128" s="52"/>
      <c r="DG128" s="52"/>
      <c r="DH128" s="52"/>
      <c r="DI128" s="52"/>
      <c r="DJ128" s="52"/>
      <c r="DK128" s="52"/>
      <c r="DL128" s="52"/>
      <c r="DM128" s="52"/>
      <c r="DN128" s="52"/>
      <c r="DO128" s="52"/>
      <c r="DP128" s="52"/>
      <c r="DQ128" s="52"/>
      <c r="DR128" s="52"/>
      <c r="DS128" s="52"/>
      <c r="DT128" s="52"/>
      <c r="DU128" s="52"/>
      <c r="DV128" s="52"/>
      <c r="DW128" s="52"/>
      <c r="DX128" s="52"/>
      <c r="DY128" s="52"/>
      <c r="DZ128" s="52"/>
      <c r="EA128" s="52"/>
      <c r="EB128" s="52"/>
      <c r="EC128" s="52"/>
      <c r="ED128" s="52"/>
      <c r="EE128" s="52"/>
      <c r="EF128" s="52"/>
      <c r="EG128" s="52"/>
      <c r="EH128" s="52"/>
      <c r="EI128" s="52"/>
      <c r="EJ128" s="52"/>
      <c r="EK128" s="52"/>
      <c r="EL128" s="52"/>
      <c r="EM128" s="52"/>
      <c r="EN128" s="52"/>
      <c r="EO128" s="52"/>
      <c r="EP128" s="52"/>
      <c r="EQ128" s="52"/>
      <c r="ER128" s="52"/>
      <c r="ES128" s="52"/>
      <c r="ET128" s="52"/>
      <c r="EU128" s="52"/>
      <c r="EV128" s="52"/>
      <c r="EW128" s="52"/>
      <c r="EX128" s="52"/>
      <c r="EY128" s="52"/>
      <c r="EZ128" s="52"/>
      <c r="FA128" s="52"/>
      <c r="FB128" s="52"/>
      <c r="FC128" s="52"/>
      <c r="FD128" s="52"/>
      <c r="FE128" s="52"/>
      <c r="FF128" s="52"/>
      <c r="FG128" s="52"/>
      <c r="FH128" s="52"/>
      <c r="FI128" s="52"/>
      <c r="FJ128" s="52"/>
      <c r="FK128" s="52"/>
      <c r="FL128" s="52"/>
      <c r="FM128" s="52"/>
      <c r="FN128" s="52"/>
      <c r="FO128" s="52"/>
      <c r="FP128" s="52"/>
      <c r="FQ128" s="52"/>
      <c r="FR128" s="52"/>
      <c r="FS128" s="52"/>
      <c r="FT128" s="52"/>
      <c r="FU128" s="52"/>
      <c r="FV128" s="52"/>
      <c r="FW128" s="52"/>
      <c r="FX128" s="52"/>
      <c r="FY128" s="52"/>
      <c r="FZ128" s="52"/>
      <c r="GA128" s="52"/>
      <c r="GB128" s="52"/>
      <c r="GC128" s="52"/>
      <c r="GD128" s="52"/>
      <c r="GE128" s="52"/>
      <c r="GF128" s="52"/>
      <c r="GG128" s="52"/>
      <c r="GH128" s="52"/>
      <c r="GI128" s="52"/>
      <c r="GJ128" s="52"/>
      <c r="GK128" s="52"/>
      <c r="GL128" s="52"/>
      <c r="GM128" s="52"/>
      <c r="GN128" s="52"/>
      <c r="GO128" s="52"/>
      <c r="GP128" s="52"/>
      <c r="GQ128" s="52"/>
      <c r="GR128" s="52"/>
      <c r="GS128" s="52"/>
      <c r="GT128" s="52"/>
      <c r="GU128" s="52"/>
      <c r="GV128" s="52"/>
      <c r="GW128" s="52"/>
      <c r="GX128" s="52"/>
      <c r="GY128" s="52"/>
      <c r="GZ128" s="52"/>
      <c r="HA128" s="52"/>
      <c r="HB128" s="52"/>
      <c r="HC128" s="52"/>
      <c r="HD128" s="52"/>
      <c r="HE128" s="52"/>
      <c r="HF128" s="52"/>
      <c r="HG128" s="52"/>
      <c r="HH128" s="52"/>
      <c r="HI128" s="52"/>
      <c r="HJ128" s="52"/>
      <c r="HK128" s="52"/>
      <c r="HL128" s="52"/>
      <c r="HM128" s="52"/>
      <c r="HN128" s="52"/>
      <c r="HO128" s="52"/>
      <c r="HP128" s="52"/>
      <c r="HQ128" s="52"/>
      <c r="HR128" s="52"/>
      <c r="HS128" s="52"/>
      <c r="HT128" s="52"/>
      <c r="HU128" s="52"/>
      <c r="HV128" s="52"/>
      <c r="HW128" s="52"/>
      <c r="HX128" s="52"/>
      <c r="HY128" s="52"/>
      <c r="HZ128" s="52"/>
      <c r="IA128" s="52"/>
      <c r="IB128" s="52"/>
      <c r="IC128" s="52"/>
      <c r="ID128" s="52"/>
      <c r="IE128" s="52"/>
      <c r="IF128" s="52"/>
      <c r="IG128" s="52"/>
      <c r="IH128" s="52"/>
      <c r="II128" s="52"/>
      <c r="IJ128" s="52"/>
      <c r="IK128" s="52"/>
      <c r="IL128" s="52"/>
      <c r="IM128" s="52"/>
      <c r="IN128" s="52"/>
      <c r="IO128" s="52"/>
      <c r="IP128" s="52"/>
      <c r="IQ128" s="52"/>
      <c r="IR128" s="52"/>
      <c r="IS128" s="52"/>
      <c r="IT128" s="52"/>
      <c r="IU128" s="52"/>
      <c r="IV128" s="52"/>
      <c r="IW128" s="52"/>
      <c r="IX128" s="52"/>
    </row>
    <row r="129" spans="1:56" s="42" customFormat="1" ht="69.900000000000006" customHeight="1">
      <c r="A129" s="603" t="s">
        <v>120</v>
      </c>
      <c r="B129" s="604"/>
      <c r="C129" s="604"/>
      <c r="D129" s="604"/>
      <c r="E129" s="604"/>
      <c r="F129" s="604"/>
      <c r="G129" s="604"/>
      <c r="H129" s="604"/>
      <c r="I129" s="604"/>
      <c r="J129" s="604"/>
      <c r="K129" s="604"/>
      <c r="L129" s="604"/>
      <c r="M129" s="604"/>
      <c r="N129" s="604"/>
      <c r="O129" s="604"/>
      <c r="P129" s="605"/>
      <c r="Q129" s="134"/>
      <c r="R129" s="133"/>
      <c r="S129" s="39"/>
      <c r="T129" s="40"/>
      <c r="U129" s="41"/>
      <c r="V129" s="41"/>
      <c r="W129" s="41"/>
      <c r="X129" s="41"/>
      <c r="Y129" s="41"/>
      <c r="Z129" s="41"/>
      <c r="AA129" s="41"/>
      <c r="AB129" s="41"/>
      <c r="AC129" s="41"/>
      <c r="AD129" s="41"/>
      <c r="AE129" s="41"/>
      <c r="AF129" s="41"/>
      <c r="AG129" s="41"/>
      <c r="AH129" s="41"/>
      <c r="AI129" s="41"/>
      <c r="AJ129" s="41"/>
      <c r="AK129" s="41"/>
      <c r="AL129" s="41"/>
      <c r="AM129" s="41"/>
      <c r="AN129" s="41"/>
      <c r="AO129" s="41"/>
      <c r="AP129" s="41"/>
      <c r="AQ129" s="41"/>
      <c r="AR129" s="41"/>
      <c r="AS129" s="41"/>
      <c r="AT129" s="41"/>
      <c r="AU129" s="41"/>
      <c r="AV129" s="41"/>
      <c r="AW129" s="41"/>
      <c r="AX129" s="41"/>
      <c r="AY129" s="41"/>
      <c r="AZ129" s="41"/>
      <c r="BA129" s="41"/>
      <c r="BB129" s="41"/>
      <c r="BC129" s="41"/>
      <c r="BD129" s="41"/>
    </row>
    <row r="130" spans="1:56" s="64" customFormat="1" ht="69.900000000000006" customHeight="1">
      <c r="A130" s="468" t="s">
        <v>25</v>
      </c>
      <c r="B130" s="574"/>
      <c r="C130" s="574"/>
      <c r="D130" s="574"/>
      <c r="E130" s="574"/>
      <c r="F130" s="574"/>
      <c r="G130" s="574"/>
      <c r="H130" s="574"/>
      <c r="I130" s="574"/>
      <c r="J130" s="574"/>
      <c r="K130" s="606"/>
      <c r="L130" s="376"/>
      <c r="M130" s="574"/>
      <c r="N130" s="574"/>
      <c r="O130" s="574"/>
      <c r="P130" s="575"/>
      <c r="Q130" s="122"/>
      <c r="R130" s="138"/>
      <c r="S130" s="162"/>
    </row>
    <row r="131" spans="1:56" s="67" customFormat="1" ht="75" customHeight="1">
      <c r="A131" s="456"/>
      <c r="B131" s="457"/>
      <c r="C131" s="457"/>
      <c r="D131" s="457"/>
      <c r="E131" s="457"/>
      <c r="F131" s="457"/>
      <c r="G131" s="457"/>
      <c r="H131" s="457"/>
      <c r="I131" s="457"/>
      <c r="J131" s="457"/>
      <c r="K131" s="457"/>
      <c r="L131" s="458"/>
      <c r="M131" s="457"/>
      <c r="N131" s="457"/>
      <c r="O131" s="457"/>
      <c r="P131" s="459"/>
      <c r="Q131" s="139"/>
      <c r="R131" s="138"/>
      <c r="S131" s="141"/>
      <c r="T131" s="64"/>
    </row>
    <row r="132" spans="1:56" s="67" customFormat="1" ht="75" customHeight="1" thickBot="1">
      <c r="A132" s="471"/>
      <c r="B132" s="472"/>
      <c r="C132" s="472"/>
      <c r="D132" s="472"/>
      <c r="E132" s="472"/>
      <c r="F132" s="472"/>
      <c r="G132" s="472"/>
      <c r="H132" s="472"/>
      <c r="I132" s="472"/>
      <c r="J132" s="472"/>
      <c r="K132" s="472"/>
      <c r="L132" s="473"/>
      <c r="M132" s="472"/>
      <c r="N132" s="472"/>
      <c r="O132" s="472"/>
      <c r="P132" s="474"/>
      <c r="Q132" s="139"/>
      <c r="R132" s="138"/>
      <c r="S132" s="141"/>
      <c r="T132" s="64"/>
    </row>
    <row r="133" spans="1:56" s="64" customFormat="1" ht="69.900000000000006" customHeight="1" thickBot="1">
      <c r="A133" s="443" t="s">
        <v>539</v>
      </c>
      <c r="B133" s="475"/>
      <c r="C133" s="475"/>
      <c r="D133" s="475"/>
      <c r="E133" s="475"/>
      <c r="F133" s="475"/>
      <c r="G133" s="475"/>
      <c r="H133" s="475"/>
      <c r="I133" s="475"/>
      <c r="J133" s="475"/>
      <c r="K133" s="475"/>
      <c r="L133" s="445"/>
      <c r="M133" s="475"/>
      <c r="N133" s="475"/>
      <c r="O133" s="475"/>
      <c r="P133" s="476"/>
      <c r="Q133" s="139"/>
      <c r="R133" s="138"/>
      <c r="S133" s="78"/>
      <c r="T133" s="76"/>
      <c r="U133" s="76"/>
      <c r="V133" s="76"/>
      <c r="W133" s="76"/>
      <c r="X133" s="76"/>
      <c r="Y133" s="76"/>
      <c r="Z133" s="76"/>
      <c r="AA133" s="76"/>
      <c r="AB133" s="76"/>
      <c r="AC133" s="76"/>
      <c r="AD133" s="76"/>
      <c r="AE133" s="76"/>
      <c r="AF133" s="76"/>
      <c r="AG133" s="76"/>
      <c r="AH133" s="76"/>
      <c r="AI133" s="76"/>
      <c r="AJ133" s="76"/>
      <c r="AK133" s="76"/>
      <c r="AL133" s="76"/>
      <c r="AM133" s="76"/>
      <c r="AN133" s="76"/>
      <c r="AO133" s="76"/>
      <c r="AP133" s="76"/>
      <c r="AQ133" s="76"/>
      <c r="AR133" s="76"/>
      <c r="AS133" s="76"/>
      <c r="AT133" s="76"/>
      <c r="AU133" s="76"/>
      <c r="AV133" s="76"/>
      <c r="AW133" s="76"/>
      <c r="AX133" s="76"/>
      <c r="AY133" s="76"/>
      <c r="AZ133" s="76"/>
      <c r="BA133" s="76"/>
      <c r="BB133" s="76"/>
      <c r="BC133" s="76"/>
      <c r="BD133" s="76"/>
    </row>
    <row r="134" spans="1:56" s="67" customFormat="1" ht="199.95" customHeight="1" thickTop="1" thickBot="1">
      <c r="A134" s="485" t="s">
        <v>540</v>
      </c>
      <c r="B134" s="598"/>
      <c r="C134" s="598"/>
      <c r="D134" s="598"/>
      <c r="E134" s="598"/>
      <c r="F134" s="598"/>
      <c r="G134" s="598"/>
      <c r="H134" s="598"/>
      <c r="I134" s="598"/>
      <c r="J134" s="598"/>
      <c r="K134" s="598"/>
      <c r="L134" s="352"/>
      <c r="M134" s="638"/>
      <c r="N134" s="80" t="s">
        <v>24</v>
      </c>
      <c r="O134" s="68" t="s">
        <v>20</v>
      </c>
      <c r="P134" s="69" t="s">
        <v>21</v>
      </c>
      <c r="Q134" s="139"/>
      <c r="R134" s="138"/>
      <c r="S134" s="137"/>
      <c r="T134" s="76"/>
      <c r="U134" s="77"/>
      <c r="V134" s="77"/>
      <c r="W134" s="77"/>
      <c r="X134" s="76"/>
      <c r="Y134" s="76"/>
      <c r="Z134" s="76"/>
      <c r="AA134" s="76"/>
      <c r="AB134" s="76"/>
      <c r="AC134" s="76"/>
      <c r="AD134" s="76"/>
      <c r="AE134" s="76"/>
      <c r="AF134" s="76"/>
      <c r="AG134" s="76"/>
      <c r="AH134" s="76"/>
      <c r="AI134" s="76"/>
      <c r="AJ134" s="76"/>
      <c r="AK134" s="76"/>
      <c r="AL134" s="76"/>
      <c r="AM134" s="76"/>
      <c r="AN134" s="77"/>
      <c r="AO134" s="77"/>
      <c r="AP134" s="77"/>
      <c r="AQ134" s="77"/>
      <c r="AR134" s="77"/>
      <c r="AS134" s="77"/>
      <c r="AT134" s="77"/>
      <c r="AU134" s="77"/>
      <c r="AV134" s="77"/>
      <c r="AW134" s="77"/>
      <c r="AX134" s="77"/>
      <c r="AY134" s="77"/>
      <c r="AZ134" s="77"/>
      <c r="BA134" s="77"/>
      <c r="BB134" s="77"/>
      <c r="BC134" s="77"/>
      <c r="BD134" s="77"/>
    </row>
    <row r="135" spans="1:56" s="67" customFormat="1" ht="241.95" customHeight="1" thickTop="1" thickBot="1">
      <c r="A135" s="467" t="s">
        <v>541</v>
      </c>
      <c r="B135" s="610"/>
      <c r="C135" s="610"/>
      <c r="D135" s="610"/>
      <c r="E135" s="610"/>
      <c r="F135" s="610"/>
      <c r="G135" s="610"/>
      <c r="H135" s="610"/>
      <c r="I135" s="610"/>
      <c r="J135" s="610"/>
      <c r="K135" s="610"/>
      <c r="L135" s="349"/>
      <c r="M135" s="661"/>
      <c r="N135" s="87" t="s">
        <v>24</v>
      </c>
      <c r="O135" s="75" t="s">
        <v>20</v>
      </c>
      <c r="P135" s="136" t="s">
        <v>21</v>
      </c>
      <c r="Q135" s="139"/>
      <c r="R135" s="138"/>
      <c r="S135" s="137"/>
      <c r="T135" s="76"/>
      <c r="U135" s="77"/>
      <c r="V135" s="77"/>
      <c r="W135" s="77"/>
      <c r="X135" s="76"/>
      <c r="Y135" s="76"/>
      <c r="Z135" s="76"/>
      <c r="AA135" s="76"/>
      <c r="AB135" s="76"/>
      <c r="AC135" s="76"/>
      <c r="AD135" s="76"/>
      <c r="AE135" s="76"/>
      <c r="AF135" s="76"/>
      <c r="AG135" s="76"/>
      <c r="AH135" s="76"/>
      <c r="AI135" s="76"/>
      <c r="AJ135" s="76"/>
      <c r="AK135" s="76"/>
      <c r="AL135" s="76"/>
      <c r="AM135" s="76"/>
      <c r="AN135" s="77"/>
      <c r="AO135" s="77"/>
      <c r="AP135" s="77"/>
      <c r="AQ135" s="77"/>
      <c r="AR135" s="77"/>
      <c r="AS135" s="77"/>
      <c r="AT135" s="77"/>
      <c r="AU135" s="77"/>
      <c r="AV135" s="77"/>
      <c r="AW135" s="77"/>
      <c r="AX135" s="77"/>
      <c r="AY135" s="77"/>
      <c r="AZ135" s="77"/>
      <c r="BA135" s="77"/>
      <c r="BB135" s="77"/>
      <c r="BC135" s="77"/>
      <c r="BD135" s="77"/>
    </row>
    <row r="136" spans="1:56" s="64" customFormat="1" ht="69.900000000000006" customHeight="1" thickTop="1">
      <c r="A136" s="468" t="s">
        <v>25</v>
      </c>
      <c r="B136" s="574"/>
      <c r="C136" s="574"/>
      <c r="D136" s="574"/>
      <c r="E136" s="574"/>
      <c r="F136" s="574"/>
      <c r="G136" s="574"/>
      <c r="H136" s="574"/>
      <c r="I136" s="574"/>
      <c r="J136" s="574"/>
      <c r="K136" s="574"/>
      <c r="L136" s="454"/>
      <c r="M136" s="574"/>
      <c r="N136" s="574"/>
      <c r="O136" s="574"/>
      <c r="P136" s="575"/>
      <c r="Q136" s="122"/>
      <c r="R136" s="138"/>
      <c r="S136" s="162"/>
    </row>
    <row r="137" spans="1:56" s="67" customFormat="1" ht="75" customHeight="1">
      <c r="A137" s="456"/>
      <c r="B137" s="457"/>
      <c r="C137" s="457"/>
      <c r="D137" s="457"/>
      <c r="E137" s="457"/>
      <c r="F137" s="457"/>
      <c r="G137" s="457"/>
      <c r="H137" s="457"/>
      <c r="I137" s="457"/>
      <c r="J137" s="457"/>
      <c r="K137" s="457"/>
      <c r="L137" s="458"/>
      <c r="M137" s="457"/>
      <c r="N137" s="457"/>
      <c r="O137" s="457"/>
      <c r="P137" s="459"/>
      <c r="Q137" s="139"/>
      <c r="R137" s="138"/>
      <c r="S137" s="141"/>
      <c r="T137" s="64"/>
    </row>
    <row r="138" spans="1:56" s="67" customFormat="1" ht="75" customHeight="1" thickBot="1">
      <c r="A138" s="471"/>
      <c r="B138" s="472"/>
      <c r="C138" s="472"/>
      <c r="D138" s="472"/>
      <c r="E138" s="472"/>
      <c r="F138" s="472"/>
      <c r="G138" s="472"/>
      <c r="H138" s="472"/>
      <c r="I138" s="472"/>
      <c r="J138" s="472"/>
      <c r="K138" s="472"/>
      <c r="L138" s="473"/>
      <c r="M138" s="472"/>
      <c r="N138" s="472"/>
      <c r="O138" s="472"/>
      <c r="P138" s="474"/>
      <c r="Q138" s="139"/>
      <c r="R138" s="138"/>
      <c r="S138" s="141"/>
      <c r="T138" s="64"/>
    </row>
    <row r="139" spans="1:56" s="64" customFormat="1" ht="69.900000000000006" customHeight="1" thickBot="1">
      <c r="A139" s="436" t="s">
        <v>308</v>
      </c>
      <c r="B139" s="437"/>
      <c r="C139" s="437"/>
      <c r="D139" s="437"/>
      <c r="E139" s="437"/>
      <c r="F139" s="437"/>
      <c r="G139" s="437"/>
      <c r="H139" s="437"/>
      <c r="I139" s="437"/>
      <c r="J139" s="437"/>
      <c r="K139" s="437"/>
      <c r="L139" s="437"/>
      <c r="M139" s="437"/>
      <c r="N139" s="437"/>
      <c r="O139" s="437"/>
      <c r="P139" s="438"/>
      <c r="Q139" s="139"/>
      <c r="R139" s="138"/>
      <c r="S139" s="78"/>
      <c r="T139" s="76"/>
      <c r="U139" s="76"/>
      <c r="V139" s="76"/>
      <c r="W139" s="76"/>
      <c r="X139" s="77"/>
      <c r="Y139" s="77"/>
      <c r="Z139" s="77"/>
      <c r="AA139" s="77"/>
      <c r="AB139" s="77"/>
      <c r="AC139" s="77"/>
      <c r="AD139" s="77"/>
      <c r="AE139" s="77"/>
      <c r="AF139" s="77"/>
      <c r="AG139" s="77"/>
      <c r="AH139" s="77"/>
      <c r="AI139" s="77"/>
      <c r="AJ139" s="77"/>
      <c r="AK139" s="77"/>
      <c r="AL139" s="77"/>
      <c r="AM139" s="77"/>
      <c r="AN139" s="76"/>
      <c r="AO139" s="76"/>
      <c r="AP139" s="76"/>
      <c r="AQ139" s="76"/>
      <c r="AR139" s="76"/>
      <c r="AS139" s="76"/>
      <c r="AT139" s="76"/>
      <c r="AU139" s="76"/>
      <c r="AV139" s="76"/>
      <c r="AW139" s="76"/>
      <c r="AX139" s="76"/>
      <c r="AY139" s="76"/>
      <c r="AZ139" s="76"/>
      <c r="BA139" s="76"/>
      <c r="BB139" s="76"/>
      <c r="BC139" s="76"/>
      <c r="BD139" s="76"/>
    </row>
    <row r="140" spans="1:56" s="64" customFormat="1" ht="69.900000000000006" customHeight="1" thickBot="1">
      <c r="A140" s="651" t="s">
        <v>542</v>
      </c>
      <c r="B140" s="652"/>
      <c r="C140" s="652"/>
      <c r="D140" s="652"/>
      <c r="E140" s="652"/>
      <c r="F140" s="652"/>
      <c r="G140" s="652"/>
      <c r="H140" s="652"/>
      <c r="I140" s="652"/>
      <c r="J140" s="652"/>
      <c r="K140" s="652"/>
      <c r="L140" s="653"/>
      <c r="M140" s="652"/>
      <c r="N140" s="652"/>
      <c r="O140" s="652"/>
      <c r="P140" s="654"/>
      <c r="Q140" s="139"/>
      <c r="R140" s="138"/>
      <c r="S140" s="78"/>
      <c r="T140" s="76"/>
      <c r="U140" s="76"/>
      <c r="V140" s="76"/>
      <c r="W140" s="76"/>
      <c r="X140" s="76"/>
      <c r="Y140" s="76"/>
      <c r="Z140" s="76"/>
      <c r="AA140" s="76"/>
      <c r="AB140" s="76"/>
      <c r="AC140" s="76"/>
      <c r="AD140" s="76"/>
      <c r="AE140" s="76"/>
      <c r="AF140" s="76"/>
      <c r="AG140" s="76"/>
      <c r="AH140" s="76"/>
      <c r="AI140" s="76"/>
      <c r="AJ140" s="76"/>
      <c r="AK140" s="76"/>
      <c r="AL140" s="76"/>
      <c r="AM140" s="76"/>
      <c r="AN140" s="76"/>
      <c r="AO140" s="76"/>
      <c r="AP140" s="76"/>
      <c r="AQ140" s="76"/>
      <c r="AR140" s="76"/>
      <c r="AS140" s="76"/>
      <c r="AT140" s="76"/>
      <c r="AU140" s="76"/>
      <c r="AV140" s="76"/>
      <c r="AW140" s="76"/>
      <c r="AX140" s="76"/>
      <c r="AY140" s="76"/>
      <c r="AZ140" s="76"/>
      <c r="BA140" s="76"/>
      <c r="BB140" s="76"/>
      <c r="BC140" s="76"/>
      <c r="BD140" s="76"/>
    </row>
    <row r="141" spans="1:56" s="67" customFormat="1" ht="242.4" customHeight="1" thickTop="1" thickBot="1">
      <c r="A141" s="767" t="s">
        <v>543</v>
      </c>
      <c r="B141" s="768"/>
      <c r="C141" s="768"/>
      <c r="D141" s="768"/>
      <c r="E141" s="768"/>
      <c r="F141" s="768"/>
      <c r="G141" s="768"/>
      <c r="H141" s="768"/>
      <c r="I141" s="768"/>
      <c r="J141" s="768"/>
      <c r="K141" s="768"/>
      <c r="L141" s="769"/>
      <c r="M141" s="768"/>
      <c r="N141" s="770"/>
      <c r="O141" s="125" t="s">
        <v>20</v>
      </c>
      <c r="P141" s="126" t="s">
        <v>21</v>
      </c>
      <c r="Q141" s="139"/>
      <c r="R141" s="138"/>
      <c r="S141" s="137"/>
      <c r="T141" s="76"/>
      <c r="U141" s="77"/>
      <c r="V141" s="77"/>
      <c r="W141" s="77"/>
      <c r="X141" s="76"/>
      <c r="Y141" s="76"/>
      <c r="Z141" s="76"/>
      <c r="AA141" s="76"/>
      <c r="AB141" s="76"/>
      <c r="AC141" s="76"/>
      <c r="AD141" s="76"/>
      <c r="AE141" s="76"/>
      <c r="AF141" s="76"/>
      <c r="AG141" s="76"/>
      <c r="AH141" s="76"/>
      <c r="AI141" s="76"/>
      <c r="AJ141" s="76"/>
      <c r="AK141" s="76"/>
      <c r="AL141" s="76"/>
      <c r="AM141" s="76"/>
      <c r="AN141" s="77"/>
      <c r="AO141" s="77"/>
      <c r="AP141" s="77"/>
      <c r="AQ141" s="77"/>
      <c r="AR141" s="77"/>
      <c r="AS141" s="77"/>
      <c r="AT141" s="77"/>
      <c r="AU141" s="77"/>
      <c r="AV141" s="77"/>
      <c r="AW141" s="77"/>
      <c r="AX141" s="77"/>
      <c r="AY141" s="77"/>
      <c r="AZ141" s="77"/>
      <c r="BA141" s="77"/>
      <c r="BB141" s="77"/>
      <c r="BC141" s="77"/>
      <c r="BD141" s="77"/>
    </row>
    <row r="142" spans="1:56" s="64" customFormat="1" ht="69.900000000000006" customHeight="1" thickTop="1">
      <c r="A142" s="559" t="s">
        <v>25</v>
      </c>
      <c r="B142" s="606"/>
      <c r="C142" s="606"/>
      <c r="D142" s="606"/>
      <c r="E142" s="606"/>
      <c r="F142" s="606"/>
      <c r="G142" s="606"/>
      <c r="H142" s="606"/>
      <c r="I142" s="606"/>
      <c r="J142" s="606"/>
      <c r="K142" s="606"/>
      <c r="L142" s="376"/>
      <c r="M142" s="606"/>
      <c r="N142" s="606"/>
      <c r="O142" s="606"/>
      <c r="P142" s="637"/>
      <c r="Q142" s="122"/>
      <c r="R142" s="138"/>
      <c r="S142" s="162"/>
    </row>
    <row r="143" spans="1:56" s="67" customFormat="1" ht="75" customHeight="1">
      <c r="A143" s="456"/>
      <c r="B143" s="457"/>
      <c r="C143" s="457"/>
      <c r="D143" s="457"/>
      <c r="E143" s="457"/>
      <c r="F143" s="457"/>
      <c r="G143" s="457"/>
      <c r="H143" s="457"/>
      <c r="I143" s="457"/>
      <c r="J143" s="457"/>
      <c r="K143" s="457"/>
      <c r="L143" s="458"/>
      <c r="M143" s="457"/>
      <c r="N143" s="457"/>
      <c r="O143" s="457"/>
      <c r="P143" s="459"/>
      <c r="Q143" s="139"/>
      <c r="R143" s="138"/>
      <c r="S143" s="141"/>
      <c r="T143" s="64"/>
    </row>
    <row r="144" spans="1:56" s="67" customFormat="1" ht="75" customHeight="1" thickBot="1">
      <c r="A144" s="471"/>
      <c r="B144" s="472"/>
      <c r="C144" s="472"/>
      <c r="D144" s="472"/>
      <c r="E144" s="472"/>
      <c r="F144" s="472"/>
      <c r="G144" s="472"/>
      <c r="H144" s="472"/>
      <c r="I144" s="472"/>
      <c r="J144" s="472"/>
      <c r="K144" s="472"/>
      <c r="L144" s="473"/>
      <c r="M144" s="472"/>
      <c r="N144" s="472"/>
      <c r="O144" s="472"/>
      <c r="P144" s="474"/>
      <c r="Q144" s="139"/>
      <c r="R144" s="138"/>
      <c r="S144" s="141"/>
      <c r="T144" s="64"/>
    </row>
    <row r="145" spans="1:56" s="64" customFormat="1" ht="69.900000000000006" customHeight="1" thickBot="1">
      <c r="A145" s="651" t="s">
        <v>544</v>
      </c>
      <c r="B145" s="652"/>
      <c r="C145" s="652"/>
      <c r="D145" s="652"/>
      <c r="E145" s="652"/>
      <c r="F145" s="652"/>
      <c r="G145" s="652"/>
      <c r="H145" s="652"/>
      <c r="I145" s="652"/>
      <c r="J145" s="652"/>
      <c r="K145" s="652"/>
      <c r="L145" s="653"/>
      <c r="M145" s="652"/>
      <c r="N145" s="652"/>
      <c r="O145" s="652"/>
      <c r="P145" s="654"/>
      <c r="Q145" s="139"/>
      <c r="R145" s="138"/>
      <c r="S145" s="78"/>
      <c r="T145" s="76"/>
      <c r="U145" s="76"/>
      <c r="V145" s="76"/>
      <c r="W145" s="76"/>
      <c r="X145" s="77"/>
      <c r="Y145" s="77"/>
      <c r="Z145" s="77"/>
      <c r="AA145" s="77"/>
      <c r="AB145" s="77"/>
      <c r="AC145" s="77"/>
      <c r="AD145" s="77"/>
      <c r="AE145" s="77"/>
      <c r="AF145" s="77"/>
      <c r="AG145" s="77"/>
      <c r="AH145" s="77"/>
      <c r="AI145" s="77"/>
      <c r="AJ145" s="77"/>
      <c r="AK145" s="77"/>
      <c r="AL145" s="77"/>
      <c r="AM145" s="77"/>
      <c r="AN145" s="76"/>
      <c r="AO145" s="76"/>
      <c r="AP145" s="76"/>
      <c r="AQ145" s="76"/>
      <c r="AR145" s="76"/>
      <c r="AS145" s="76"/>
      <c r="AT145" s="76"/>
      <c r="AU145" s="76"/>
      <c r="AV145" s="76"/>
      <c r="AW145" s="76"/>
      <c r="AX145" s="76"/>
      <c r="AY145" s="76"/>
      <c r="AZ145" s="76"/>
      <c r="BA145" s="76"/>
      <c r="BB145" s="76"/>
      <c r="BC145" s="76"/>
      <c r="BD145" s="76"/>
    </row>
    <row r="146" spans="1:56" s="67" customFormat="1" ht="263.39999999999998" customHeight="1" thickTop="1" thickBot="1">
      <c r="A146" s="645" t="s">
        <v>545</v>
      </c>
      <c r="B146" s="646"/>
      <c r="C146" s="646"/>
      <c r="D146" s="646"/>
      <c r="E146" s="646"/>
      <c r="F146" s="646"/>
      <c r="G146" s="646"/>
      <c r="H146" s="646"/>
      <c r="I146" s="646"/>
      <c r="J146" s="646"/>
      <c r="K146" s="646"/>
      <c r="L146" s="646"/>
      <c r="M146" s="646"/>
      <c r="N146" s="647"/>
      <c r="O146" s="105" t="s">
        <v>20</v>
      </c>
      <c r="P146" s="140" t="s">
        <v>21</v>
      </c>
      <c r="Q146" s="139"/>
      <c r="R146" s="138"/>
      <c r="S146" s="137"/>
      <c r="T146" s="159"/>
      <c r="U146" s="77"/>
      <c r="V146" s="77"/>
      <c r="W146" s="77"/>
      <c r="X146" s="77"/>
      <c r="Y146" s="77"/>
      <c r="Z146" s="77"/>
      <c r="AA146" s="77"/>
      <c r="AB146" s="77"/>
      <c r="AC146" s="77"/>
      <c r="AD146" s="77"/>
      <c r="AE146" s="77"/>
      <c r="AF146" s="77"/>
      <c r="AG146" s="77"/>
      <c r="AH146" s="77"/>
      <c r="AI146" s="77"/>
      <c r="AJ146" s="77"/>
      <c r="AK146" s="77"/>
      <c r="AL146" s="77"/>
      <c r="AM146" s="77"/>
      <c r="AN146" s="77"/>
      <c r="AO146" s="77"/>
      <c r="AP146" s="77"/>
      <c r="AQ146" s="77"/>
      <c r="AR146" s="77"/>
      <c r="AS146" s="77"/>
      <c r="AT146" s="77"/>
      <c r="AU146" s="77"/>
      <c r="AV146" s="77"/>
      <c r="AW146" s="77"/>
      <c r="AX146" s="77"/>
      <c r="AY146" s="77"/>
      <c r="AZ146" s="77"/>
      <c r="BA146" s="77"/>
      <c r="BB146" s="77"/>
      <c r="BC146" s="77"/>
      <c r="BD146" s="77"/>
    </row>
    <row r="147" spans="1:56" s="67" customFormat="1" ht="132" customHeight="1" thickTop="1" thickBot="1">
      <c r="A147" s="742" t="s">
        <v>546</v>
      </c>
      <c r="B147" s="307"/>
      <c r="C147" s="307"/>
      <c r="D147" s="307"/>
      <c r="E147" s="307"/>
      <c r="F147" s="307"/>
      <c r="G147" s="307"/>
      <c r="H147" s="307"/>
      <c r="I147" s="307"/>
      <c r="J147" s="307"/>
      <c r="K147" s="307"/>
      <c r="L147" s="307"/>
      <c r="M147" s="307"/>
      <c r="N147" s="743"/>
      <c r="O147" s="120" t="s">
        <v>20</v>
      </c>
      <c r="P147" s="121" t="s">
        <v>21</v>
      </c>
      <c r="Q147" s="139"/>
      <c r="R147" s="138"/>
      <c r="S147" s="137"/>
      <c r="T147" s="76"/>
      <c r="U147" s="77"/>
      <c r="V147" s="77"/>
      <c r="W147" s="77"/>
      <c r="X147" s="77"/>
      <c r="Y147" s="77"/>
      <c r="Z147" s="77"/>
      <c r="AA147" s="77"/>
      <c r="AB147" s="77"/>
      <c r="AC147" s="77"/>
      <c r="AD147" s="77"/>
      <c r="AE147" s="77"/>
      <c r="AF147" s="77"/>
      <c r="AG147" s="77"/>
      <c r="AH147" s="77"/>
      <c r="AI147" s="77"/>
      <c r="AJ147" s="77"/>
      <c r="AK147" s="77"/>
      <c r="AL147" s="77"/>
      <c r="AM147" s="77"/>
      <c r="AN147" s="77"/>
      <c r="AO147" s="77"/>
      <c r="AP147" s="77"/>
      <c r="AQ147" s="77"/>
      <c r="AR147" s="77"/>
      <c r="AS147" s="77"/>
      <c r="AT147" s="77"/>
      <c r="AU147" s="77"/>
      <c r="AV147" s="77"/>
      <c r="AW147" s="77"/>
      <c r="AX147" s="77"/>
      <c r="AY147" s="77"/>
      <c r="AZ147" s="77"/>
      <c r="BA147" s="77"/>
      <c r="BB147" s="77"/>
      <c r="BC147" s="77"/>
      <c r="BD147" s="77"/>
    </row>
    <row r="148" spans="1:56" s="64" customFormat="1" ht="69.900000000000006" customHeight="1" thickTop="1">
      <c r="A148" s="468" t="s">
        <v>25</v>
      </c>
      <c r="B148" s="574"/>
      <c r="C148" s="574"/>
      <c r="D148" s="574"/>
      <c r="E148" s="574"/>
      <c r="F148" s="574"/>
      <c r="G148" s="574"/>
      <c r="H148" s="574"/>
      <c r="I148" s="574"/>
      <c r="J148" s="574"/>
      <c r="K148" s="574"/>
      <c r="L148" s="454"/>
      <c r="M148" s="574"/>
      <c r="N148" s="574"/>
      <c r="O148" s="574"/>
      <c r="P148" s="575"/>
      <c r="Q148" s="122"/>
      <c r="R148" s="138"/>
      <c r="S148" s="162"/>
    </row>
    <row r="149" spans="1:56" s="67" customFormat="1" ht="75" customHeight="1">
      <c r="A149" s="456"/>
      <c r="B149" s="457"/>
      <c r="C149" s="457"/>
      <c r="D149" s="457"/>
      <c r="E149" s="457"/>
      <c r="F149" s="457"/>
      <c r="G149" s="457"/>
      <c r="H149" s="457"/>
      <c r="I149" s="457"/>
      <c r="J149" s="457"/>
      <c r="K149" s="457"/>
      <c r="L149" s="458"/>
      <c r="M149" s="457"/>
      <c r="N149" s="457"/>
      <c r="O149" s="457"/>
      <c r="P149" s="459"/>
      <c r="Q149" s="139"/>
      <c r="R149" s="138"/>
      <c r="S149" s="141"/>
      <c r="T149" s="64"/>
    </row>
    <row r="150" spans="1:56" s="67" customFormat="1" ht="75" customHeight="1" thickBot="1">
      <c r="A150" s="471"/>
      <c r="B150" s="472"/>
      <c r="C150" s="472"/>
      <c r="D150" s="472"/>
      <c r="E150" s="472"/>
      <c r="F150" s="472"/>
      <c r="G150" s="472"/>
      <c r="H150" s="472"/>
      <c r="I150" s="472"/>
      <c r="J150" s="472"/>
      <c r="K150" s="472"/>
      <c r="L150" s="473"/>
      <c r="M150" s="472"/>
      <c r="N150" s="472"/>
      <c r="O150" s="472"/>
      <c r="P150" s="474"/>
      <c r="Q150" s="139"/>
      <c r="R150" s="138"/>
      <c r="S150" s="141"/>
      <c r="T150" s="64"/>
    </row>
    <row r="151" spans="1:56" s="64" customFormat="1" ht="69.900000000000006" customHeight="1" thickBot="1">
      <c r="A151" s="443" t="s">
        <v>547</v>
      </c>
      <c r="B151" s="475"/>
      <c r="C151" s="475"/>
      <c r="D151" s="475"/>
      <c r="E151" s="475"/>
      <c r="F151" s="475"/>
      <c r="G151" s="475"/>
      <c r="H151" s="475"/>
      <c r="I151" s="475"/>
      <c r="J151" s="475"/>
      <c r="K151" s="475"/>
      <c r="L151" s="445"/>
      <c r="M151" s="475"/>
      <c r="N151" s="475"/>
      <c r="O151" s="475"/>
      <c r="P151" s="476"/>
      <c r="Q151" s="139"/>
      <c r="R151" s="138"/>
      <c r="S151" s="209" t="s">
        <v>548</v>
      </c>
      <c r="T151" s="76"/>
      <c r="U151" s="76"/>
      <c r="V151" s="76"/>
      <c r="W151" s="76"/>
      <c r="X151" s="77"/>
      <c r="Y151" s="77"/>
      <c r="Z151" s="77"/>
      <c r="AA151" s="77"/>
      <c r="AB151" s="77"/>
      <c r="AC151" s="77"/>
      <c r="AD151" s="77"/>
      <c r="AE151" s="77"/>
      <c r="AF151" s="77"/>
      <c r="AG151" s="77"/>
      <c r="AH151" s="77"/>
      <c r="AI151" s="77"/>
      <c r="AJ151" s="77"/>
      <c r="AK151" s="77"/>
      <c r="AL151" s="77"/>
      <c r="AM151" s="77"/>
      <c r="AN151" s="76"/>
      <c r="AO151" s="76"/>
      <c r="AP151" s="76"/>
      <c r="AQ151" s="76"/>
      <c r="AR151" s="76"/>
      <c r="AS151" s="76"/>
      <c r="AT151" s="76"/>
      <c r="AU151" s="76"/>
      <c r="AV151" s="76"/>
      <c r="AW151" s="76"/>
      <c r="AX151" s="76"/>
      <c r="AY151" s="76"/>
      <c r="AZ151" s="76"/>
      <c r="BA151" s="76"/>
      <c r="BB151" s="76"/>
      <c r="BC151" s="76"/>
      <c r="BD151" s="76"/>
    </row>
    <row r="152" spans="1:56" s="67" customFormat="1" ht="140.1" customHeight="1" thickTop="1" thickBot="1">
      <c r="A152" s="485" t="s">
        <v>455</v>
      </c>
      <c r="B152" s="598"/>
      <c r="C152" s="598"/>
      <c r="D152" s="598"/>
      <c r="E152" s="598"/>
      <c r="F152" s="598"/>
      <c r="G152" s="598"/>
      <c r="H152" s="598"/>
      <c r="I152" s="598"/>
      <c r="J152" s="598"/>
      <c r="K152" s="598"/>
      <c r="L152" s="352"/>
      <c r="M152" s="598"/>
      <c r="N152" s="638"/>
      <c r="O152" s="68" t="s">
        <v>20</v>
      </c>
      <c r="P152" s="69" t="s">
        <v>21</v>
      </c>
      <c r="Q152" s="139"/>
      <c r="R152" s="138"/>
      <c r="S152" s="137"/>
      <c r="T152" s="76"/>
      <c r="U152" s="77"/>
      <c r="V152" s="77"/>
      <c r="W152" s="77"/>
      <c r="X152" s="76"/>
      <c r="Y152" s="76"/>
      <c r="Z152" s="76"/>
      <c r="AA152" s="76"/>
      <c r="AB152" s="76"/>
      <c r="AC152" s="76"/>
      <c r="AD152" s="76"/>
      <c r="AE152" s="76"/>
      <c r="AF152" s="76"/>
      <c r="AG152" s="76"/>
      <c r="AH152" s="76"/>
      <c r="AI152" s="76"/>
      <c r="AJ152" s="76"/>
      <c r="AK152" s="76"/>
      <c r="AL152" s="76"/>
      <c r="AM152" s="76"/>
      <c r="AN152" s="77"/>
      <c r="AO152" s="77"/>
      <c r="AP152" s="77"/>
      <c r="AQ152" s="77"/>
      <c r="AR152" s="77"/>
      <c r="AS152" s="77"/>
      <c r="AT152" s="77"/>
      <c r="AU152" s="77"/>
      <c r="AV152" s="77"/>
      <c r="AW152" s="77"/>
      <c r="AX152" s="77"/>
      <c r="AY152" s="77"/>
      <c r="AZ152" s="77"/>
      <c r="BA152" s="77"/>
      <c r="BB152" s="77"/>
      <c r="BC152" s="77"/>
      <c r="BD152" s="77"/>
    </row>
    <row r="153" spans="1:56" s="64" customFormat="1" ht="69.900000000000006" customHeight="1" thickTop="1">
      <c r="A153" s="468" t="s">
        <v>25</v>
      </c>
      <c r="B153" s="574"/>
      <c r="C153" s="574"/>
      <c r="D153" s="574"/>
      <c r="E153" s="574"/>
      <c r="F153" s="574"/>
      <c r="G153" s="574"/>
      <c r="H153" s="574"/>
      <c r="I153" s="574"/>
      <c r="J153" s="574"/>
      <c r="K153" s="574"/>
      <c r="L153" s="454"/>
      <c r="M153" s="574"/>
      <c r="N153" s="574"/>
      <c r="O153" s="574"/>
      <c r="P153" s="575"/>
      <c r="Q153" s="122"/>
      <c r="R153" s="138"/>
      <c r="S153" s="162"/>
    </row>
    <row r="154" spans="1:56" s="67" customFormat="1" ht="75" customHeight="1">
      <c r="A154" s="456"/>
      <c r="B154" s="457"/>
      <c r="C154" s="457"/>
      <c r="D154" s="457"/>
      <c r="E154" s="457"/>
      <c r="F154" s="457"/>
      <c r="G154" s="457"/>
      <c r="H154" s="457"/>
      <c r="I154" s="457"/>
      <c r="J154" s="457"/>
      <c r="K154" s="457"/>
      <c r="L154" s="458"/>
      <c r="M154" s="457"/>
      <c r="N154" s="457"/>
      <c r="O154" s="457"/>
      <c r="P154" s="459"/>
      <c r="Q154" s="139"/>
      <c r="R154" s="138"/>
      <c r="S154" s="141"/>
      <c r="T154" s="64"/>
    </row>
    <row r="155" spans="1:56" s="67" customFormat="1" ht="75" customHeight="1" thickBot="1">
      <c r="A155" s="471"/>
      <c r="B155" s="472"/>
      <c r="C155" s="472"/>
      <c r="D155" s="472"/>
      <c r="E155" s="472"/>
      <c r="F155" s="472"/>
      <c r="G155" s="472"/>
      <c r="H155" s="472"/>
      <c r="I155" s="472"/>
      <c r="J155" s="472"/>
      <c r="K155" s="472"/>
      <c r="L155" s="473"/>
      <c r="M155" s="472"/>
      <c r="N155" s="472"/>
      <c r="O155" s="472"/>
      <c r="P155" s="474"/>
      <c r="Q155" s="139"/>
      <c r="R155" s="138"/>
      <c r="S155" s="141"/>
      <c r="T155" s="64"/>
    </row>
    <row r="156" spans="1:56" s="64" customFormat="1" ht="69.900000000000006" customHeight="1" thickBot="1">
      <c r="A156" s="443" t="s">
        <v>549</v>
      </c>
      <c r="B156" s="475"/>
      <c r="C156" s="475"/>
      <c r="D156" s="475"/>
      <c r="E156" s="475"/>
      <c r="F156" s="475"/>
      <c r="G156" s="475"/>
      <c r="H156" s="475"/>
      <c r="I156" s="475"/>
      <c r="J156" s="475"/>
      <c r="K156" s="475"/>
      <c r="L156" s="445"/>
      <c r="M156" s="475"/>
      <c r="N156" s="475"/>
      <c r="O156" s="475"/>
      <c r="P156" s="476"/>
      <c r="Q156" s="139"/>
      <c r="R156" s="138"/>
      <c r="S156" s="78"/>
      <c r="T156" s="76"/>
      <c r="U156" s="76"/>
      <c r="V156" s="76"/>
      <c r="W156" s="76"/>
      <c r="X156" s="77"/>
      <c r="Y156" s="77"/>
      <c r="Z156" s="77"/>
      <c r="AA156" s="77"/>
      <c r="AB156" s="77"/>
      <c r="AC156" s="77"/>
      <c r="AD156" s="77"/>
      <c r="AE156" s="77"/>
      <c r="AF156" s="77"/>
      <c r="AG156" s="77"/>
      <c r="AH156" s="77"/>
      <c r="AI156" s="77"/>
      <c r="AJ156" s="77"/>
      <c r="AK156" s="77"/>
      <c r="AL156" s="77"/>
      <c r="AM156" s="77"/>
      <c r="AN156" s="76"/>
      <c r="AO156" s="76"/>
      <c r="AP156" s="76"/>
      <c r="AQ156" s="76"/>
      <c r="AR156" s="76"/>
      <c r="AS156" s="76"/>
      <c r="AT156" s="76"/>
      <c r="AU156" s="76"/>
      <c r="AV156" s="76"/>
      <c r="AW156" s="76"/>
      <c r="AX156" s="76"/>
      <c r="AY156" s="76"/>
      <c r="AZ156" s="76"/>
      <c r="BA156" s="76"/>
      <c r="BB156" s="76"/>
      <c r="BC156" s="76"/>
      <c r="BD156" s="76"/>
    </row>
    <row r="157" spans="1:56" s="67" customFormat="1" ht="132" customHeight="1" thickTop="1" thickBot="1">
      <c r="A157" s="477" t="s">
        <v>550</v>
      </c>
      <c r="B157" s="379"/>
      <c r="C157" s="379"/>
      <c r="D157" s="379"/>
      <c r="E157" s="379"/>
      <c r="F157" s="379"/>
      <c r="G157" s="379"/>
      <c r="H157" s="379"/>
      <c r="I157" s="379"/>
      <c r="J157" s="379"/>
      <c r="K157" s="379"/>
      <c r="L157" s="379"/>
      <c r="M157" s="379"/>
      <c r="N157" s="576"/>
      <c r="O157" s="75" t="s">
        <v>20</v>
      </c>
      <c r="P157" s="136" t="s">
        <v>21</v>
      </c>
      <c r="Q157" s="139"/>
      <c r="R157" s="138"/>
      <c r="S157" s="137"/>
      <c r="T157" s="76"/>
      <c r="U157" s="77"/>
      <c r="V157" s="77"/>
      <c r="W157" s="77"/>
      <c r="X157" s="77"/>
      <c r="Y157" s="77"/>
      <c r="Z157" s="77"/>
      <c r="AA157" s="77"/>
      <c r="AB157" s="77"/>
      <c r="AC157" s="77"/>
      <c r="AD157" s="77"/>
      <c r="AE157" s="77"/>
      <c r="AF157" s="77"/>
      <c r="AG157" s="77"/>
      <c r="AH157" s="77"/>
      <c r="AI157" s="77"/>
      <c r="AJ157" s="77"/>
      <c r="AK157" s="77"/>
      <c r="AL157" s="77"/>
      <c r="AM157" s="77"/>
      <c r="AN157" s="77"/>
      <c r="AO157" s="77"/>
      <c r="AP157" s="77"/>
      <c r="AQ157" s="77"/>
      <c r="AR157" s="77"/>
      <c r="AS157" s="77"/>
      <c r="AT157" s="77"/>
      <c r="AU157" s="77"/>
      <c r="AV157" s="77"/>
      <c r="AW157" s="77"/>
      <c r="AX157" s="77"/>
      <c r="AY157" s="77"/>
      <c r="AZ157" s="77"/>
      <c r="BA157" s="77"/>
      <c r="BB157" s="77"/>
      <c r="BC157" s="77"/>
      <c r="BD157" s="77"/>
    </row>
    <row r="158" spans="1:56" s="64" customFormat="1" ht="69.900000000000006" customHeight="1" thickTop="1">
      <c r="A158" s="468" t="s">
        <v>25</v>
      </c>
      <c r="B158" s="574"/>
      <c r="C158" s="574"/>
      <c r="D158" s="574"/>
      <c r="E158" s="574"/>
      <c r="F158" s="574"/>
      <c r="G158" s="574"/>
      <c r="H158" s="574"/>
      <c r="I158" s="574"/>
      <c r="J158" s="574"/>
      <c r="K158" s="574"/>
      <c r="L158" s="454"/>
      <c r="M158" s="574"/>
      <c r="N158" s="574"/>
      <c r="O158" s="574"/>
      <c r="P158" s="575"/>
      <c r="Q158" s="122"/>
      <c r="R158" s="138"/>
      <c r="S158" s="162"/>
    </row>
    <row r="159" spans="1:56" s="67" customFormat="1" ht="75" customHeight="1">
      <c r="A159" s="456"/>
      <c r="B159" s="457"/>
      <c r="C159" s="457"/>
      <c r="D159" s="457"/>
      <c r="E159" s="457"/>
      <c r="F159" s="457"/>
      <c r="G159" s="457"/>
      <c r="H159" s="457"/>
      <c r="I159" s="457"/>
      <c r="J159" s="457"/>
      <c r="K159" s="457"/>
      <c r="L159" s="458"/>
      <c r="M159" s="457"/>
      <c r="N159" s="457"/>
      <c r="O159" s="457"/>
      <c r="P159" s="459"/>
      <c r="Q159" s="139"/>
      <c r="R159" s="138"/>
      <c r="S159" s="141"/>
      <c r="T159" s="64"/>
    </row>
    <row r="160" spans="1:56" s="67" customFormat="1" ht="75" customHeight="1" thickBot="1">
      <c r="A160" s="471"/>
      <c r="B160" s="472"/>
      <c r="C160" s="472"/>
      <c r="D160" s="472"/>
      <c r="E160" s="472"/>
      <c r="F160" s="472"/>
      <c r="G160" s="472"/>
      <c r="H160" s="472"/>
      <c r="I160" s="472"/>
      <c r="J160" s="472"/>
      <c r="K160" s="472"/>
      <c r="L160" s="473"/>
      <c r="M160" s="472"/>
      <c r="N160" s="472"/>
      <c r="O160" s="472"/>
      <c r="P160" s="474"/>
      <c r="Q160" s="139"/>
      <c r="R160" s="138"/>
      <c r="S160" s="141"/>
      <c r="T160" s="64"/>
    </row>
    <row r="161" spans="1:258" s="64" customFormat="1" ht="69.900000000000006" customHeight="1" thickBot="1">
      <c r="A161" s="443" t="s">
        <v>551</v>
      </c>
      <c r="B161" s="475"/>
      <c r="C161" s="475"/>
      <c r="D161" s="475"/>
      <c r="E161" s="475"/>
      <c r="F161" s="475"/>
      <c r="G161" s="475"/>
      <c r="H161" s="475"/>
      <c r="I161" s="475"/>
      <c r="J161" s="475"/>
      <c r="K161" s="475"/>
      <c r="L161" s="445"/>
      <c r="M161" s="475"/>
      <c r="N161" s="475"/>
      <c r="O161" s="475"/>
      <c r="P161" s="476"/>
      <c r="Q161" s="139"/>
      <c r="R161" s="138"/>
      <c r="S161" s="78"/>
      <c r="T161" s="76"/>
      <c r="U161" s="76"/>
      <c r="V161" s="76"/>
      <c r="W161" s="76"/>
      <c r="X161" s="77"/>
      <c r="Y161" s="77"/>
      <c r="Z161" s="77"/>
      <c r="AA161" s="77"/>
      <c r="AB161" s="77"/>
      <c r="AC161" s="77"/>
      <c r="AD161" s="77"/>
      <c r="AE161" s="77"/>
      <c r="AF161" s="77"/>
      <c r="AG161" s="77"/>
      <c r="AH161" s="77"/>
      <c r="AI161" s="77"/>
      <c r="AJ161" s="77"/>
      <c r="AK161" s="77"/>
      <c r="AL161" s="77"/>
      <c r="AM161" s="77"/>
      <c r="AN161" s="76"/>
      <c r="AO161" s="76"/>
      <c r="AP161" s="76"/>
      <c r="AQ161" s="76"/>
      <c r="AR161" s="76"/>
      <c r="AS161" s="76"/>
      <c r="AT161" s="76"/>
      <c r="AU161" s="76"/>
      <c r="AV161" s="76"/>
      <c r="AW161" s="76"/>
      <c r="AX161" s="76"/>
      <c r="AY161" s="76"/>
      <c r="AZ161" s="76"/>
      <c r="BA161" s="76"/>
      <c r="BB161" s="76"/>
      <c r="BC161" s="76"/>
      <c r="BD161" s="76"/>
    </row>
    <row r="162" spans="1:258" s="67" customFormat="1" ht="132" customHeight="1" thickTop="1" thickBot="1">
      <c r="A162" s="477" t="s">
        <v>552</v>
      </c>
      <c r="B162" s="379"/>
      <c r="C162" s="379"/>
      <c r="D162" s="379"/>
      <c r="E162" s="379"/>
      <c r="F162" s="379"/>
      <c r="G162" s="379"/>
      <c r="H162" s="379"/>
      <c r="I162" s="379"/>
      <c r="J162" s="379"/>
      <c r="K162" s="379"/>
      <c r="L162" s="379"/>
      <c r="M162" s="576"/>
      <c r="N162" s="135" t="s">
        <v>24</v>
      </c>
      <c r="O162" s="75" t="s">
        <v>20</v>
      </c>
      <c r="P162" s="136" t="s">
        <v>21</v>
      </c>
      <c r="Q162" s="139"/>
      <c r="R162" s="138"/>
      <c r="S162" s="137"/>
      <c r="T162" s="76"/>
      <c r="U162" s="77"/>
      <c r="V162" s="77"/>
      <c r="W162" s="77"/>
      <c r="X162" s="77"/>
      <c r="Y162" s="77"/>
      <c r="Z162" s="77"/>
      <c r="AA162" s="77"/>
      <c r="AB162" s="77"/>
      <c r="AC162" s="77"/>
      <c r="AD162" s="77"/>
      <c r="AE162" s="77"/>
      <c r="AF162" s="77"/>
      <c r="AG162" s="77"/>
      <c r="AH162" s="77"/>
      <c r="AI162" s="77"/>
      <c r="AJ162" s="77"/>
      <c r="AK162" s="77"/>
      <c r="AL162" s="77"/>
      <c r="AM162" s="77"/>
      <c r="AN162" s="77"/>
      <c r="AO162" s="77"/>
      <c r="AP162" s="77"/>
      <c r="AQ162" s="77"/>
      <c r="AR162" s="77"/>
      <c r="AS162" s="77"/>
      <c r="AT162" s="77"/>
      <c r="AU162" s="77"/>
      <c r="AV162" s="77"/>
      <c r="AW162" s="77"/>
      <c r="AX162" s="77"/>
      <c r="AY162" s="77"/>
      <c r="AZ162" s="77"/>
      <c r="BA162" s="77"/>
      <c r="BB162" s="77"/>
      <c r="BC162" s="77"/>
      <c r="BD162" s="77"/>
    </row>
    <row r="163" spans="1:258" s="64" customFormat="1" ht="69.900000000000006" customHeight="1" thickTop="1">
      <c r="A163" s="503" t="s">
        <v>108</v>
      </c>
      <c r="B163" s="577"/>
      <c r="C163" s="577"/>
      <c r="D163" s="577"/>
      <c r="E163" s="577"/>
      <c r="F163" s="577"/>
      <c r="G163" s="577"/>
      <c r="H163" s="577"/>
      <c r="I163" s="577"/>
      <c r="J163" s="577"/>
      <c r="K163" s="577"/>
      <c r="L163" s="505"/>
      <c r="M163" s="577"/>
      <c r="N163" s="577"/>
      <c r="O163" s="577"/>
      <c r="P163" s="578"/>
      <c r="Q163" s="122"/>
      <c r="R163" s="138"/>
      <c r="S163" s="162"/>
      <c r="T163" s="159"/>
    </row>
    <row r="164" spans="1:258" s="64" customFormat="1" ht="69.900000000000006" customHeight="1">
      <c r="A164" s="507" t="s">
        <v>145</v>
      </c>
      <c r="B164" s="508"/>
      <c r="C164" s="508"/>
      <c r="D164" s="508"/>
      <c r="E164" s="508"/>
      <c r="F164" s="508"/>
      <c r="G164" s="508"/>
      <c r="H164" s="508"/>
      <c r="I164" s="508"/>
      <c r="J164" s="508"/>
      <c r="K164" s="508"/>
      <c r="L164" s="508"/>
      <c r="M164" s="508"/>
      <c r="N164" s="508"/>
      <c r="O164" s="508"/>
      <c r="P164" s="509"/>
      <c r="Q164" s="122"/>
      <c r="R164" s="138"/>
      <c r="S164" s="162"/>
    </row>
    <row r="165" spans="1:258" s="64" customFormat="1" ht="69.900000000000006" customHeight="1">
      <c r="A165" s="600" t="s">
        <v>146</v>
      </c>
      <c r="B165" s="601"/>
      <c r="C165" s="601"/>
      <c r="D165" s="601"/>
      <c r="E165" s="601"/>
      <c r="F165" s="601"/>
      <c r="G165" s="601"/>
      <c r="H165" s="601"/>
      <c r="I165" s="601"/>
      <c r="J165" s="601"/>
      <c r="K165" s="601"/>
      <c r="L165" s="601"/>
      <c r="M165" s="601"/>
      <c r="N165" s="601"/>
      <c r="O165" s="601"/>
      <c r="P165" s="602"/>
      <c r="Q165" s="122"/>
      <c r="R165" s="138"/>
      <c r="S165" s="162"/>
    </row>
    <row r="166" spans="1:258" s="67" customFormat="1" ht="69.599999999999994" customHeight="1">
      <c r="A166" s="658" t="s">
        <v>147</v>
      </c>
      <c r="B166" s="659"/>
      <c r="C166" s="659"/>
      <c r="D166" s="659"/>
      <c r="E166" s="659"/>
      <c r="F166" s="659"/>
      <c r="G166" s="659"/>
      <c r="H166" s="659"/>
      <c r="I166" s="659"/>
      <c r="J166" s="659"/>
      <c r="K166" s="659"/>
      <c r="L166" s="659"/>
      <c r="M166" s="659"/>
      <c r="N166" s="659"/>
      <c r="O166" s="659"/>
      <c r="P166" s="660"/>
      <c r="Q166" s="139"/>
      <c r="R166" s="138"/>
      <c r="S166" s="78"/>
      <c r="T166" s="104"/>
      <c r="U166" s="77"/>
      <c r="V166" s="77"/>
      <c r="W166" s="77"/>
      <c r="X166" s="77"/>
      <c r="Y166" s="77"/>
      <c r="Z166" s="77"/>
      <c r="AA166" s="77"/>
      <c r="AB166" s="77"/>
      <c r="AC166" s="77"/>
      <c r="AD166" s="77"/>
      <c r="AE166" s="77"/>
      <c r="AF166" s="77"/>
      <c r="AG166" s="77"/>
      <c r="AH166" s="77"/>
      <c r="AI166" s="77"/>
      <c r="AJ166" s="77"/>
      <c r="AK166" s="77"/>
      <c r="AL166" s="77"/>
      <c r="AM166" s="77"/>
      <c r="AN166" s="77"/>
      <c r="AO166" s="77"/>
      <c r="AP166" s="77"/>
      <c r="AQ166" s="77"/>
      <c r="AR166" s="77"/>
      <c r="AS166" s="77"/>
      <c r="AT166" s="77"/>
      <c r="AU166" s="77"/>
      <c r="AV166" s="77"/>
      <c r="AW166" s="77"/>
      <c r="AX166" s="77"/>
      <c r="AY166" s="77"/>
      <c r="AZ166" s="77"/>
      <c r="BA166" s="77"/>
      <c r="BB166" s="77"/>
      <c r="BC166" s="77"/>
      <c r="BD166" s="77"/>
    </row>
    <row r="167" spans="1:258" s="67" customFormat="1" ht="69.599999999999994" customHeight="1">
      <c r="A167" s="556" t="s">
        <v>148</v>
      </c>
      <c r="B167" s="557"/>
      <c r="C167" s="557"/>
      <c r="D167" s="557"/>
      <c r="E167" s="557"/>
      <c r="F167" s="557"/>
      <c r="G167" s="557"/>
      <c r="H167" s="557"/>
      <c r="I167" s="557"/>
      <c r="J167" s="557"/>
      <c r="K167" s="557"/>
      <c r="L167" s="557"/>
      <c r="M167" s="557"/>
      <c r="N167" s="557"/>
      <c r="O167" s="557"/>
      <c r="P167" s="558"/>
      <c r="Q167" s="139"/>
      <c r="R167" s="138"/>
      <c r="S167" s="78"/>
      <c r="T167" s="104"/>
      <c r="U167" s="77"/>
      <c r="V167" s="77"/>
      <c r="W167" s="77"/>
      <c r="X167" s="77"/>
      <c r="Y167" s="77"/>
      <c r="Z167" s="77"/>
      <c r="AA167" s="77"/>
      <c r="AB167" s="77"/>
      <c r="AC167" s="77"/>
      <c r="AD167" s="77"/>
      <c r="AE167" s="77"/>
      <c r="AF167" s="77"/>
      <c r="AG167" s="77"/>
      <c r="AH167" s="77"/>
      <c r="AI167" s="77"/>
      <c r="AJ167" s="77"/>
      <c r="AK167" s="77"/>
      <c r="AL167" s="77"/>
      <c r="AM167" s="77"/>
      <c r="AN167" s="77"/>
      <c r="AO167" s="77"/>
      <c r="AP167" s="77"/>
      <c r="AQ167" s="77"/>
      <c r="AR167" s="77"/>
      <c r="AS167" s="77"/>
      <c r="AT167" s="77"/>
      <c r="AU167" s="77"/>
      <c r="AV167" s="77"/>
      <c r="AW167" s="77"/>
      <c r="AX167" s="77"/>
      <c r="AY167" s="77"/>
      <c r="AZ167" s="77"/>
      <c r="BA167" s="77"/>
      <c r="BB167" s="77"/>
      <c r="BC167" s="77"/>
      <c r="BD167" s="77"/>
    </row>
    <row r="168" spans="1:258" s="64" customFormat="1" ht="69.900000000000006" customHeight="1">
      <c r="A168" s="600" t="s">
        <v>149</v>
      </c>
      <c r="B168" s="601"/>
      <c r="C168" s="601"/>
      <c r="D168" s="601"/>
      <c r="E168" s="601"/>
      <c r="F168" s="601"/>
      <c r="G168" s="601"/>
      <c r="H168" s="601"/>
      <c r="I168" s="601"/>
      <c r="J168" s="601"/>
      <c r="K168" s="601"/>
      <c r="L168" s="601"/>
      <c r="M168" s="601"/>
      <c r="N168" s="601"/>
      <c r="O168" s="601"/>
      <c r="P168" s="602"/>
      <c r="Q168" s="122"/>
      <c r="R168" s="138"/>
      <c r="S168" s="162"/>
    </row>
    <row r="169" spans="1:258" s="67" customFormat="1" ht="70.2" customHeight="1">
      <c r="A169" s="510" t="s">
        <v>150</v>
      </c>
      <c r="B169" s="511"/>
      <c r="C169" s="511"/>
      <c r="D169" s="511"/>
      <c r="E169" s="511"/>
      <c r="F169" s="511"/>
      <c r="G169" s="511"/>
      <c r="H169" s="511"/>
      <c r="I169" s="512"/>
      <c r="J169" s="596"/>
      <c r="K169" s="596"/>
      <c r="L169" s="596"/>
      <c r="M169" s="596"/>
      <c r="N169" s="596"/>
      <c r="O169" s="596"/>
      <c r="P169" s="662"/>
      <c r="Q169" s="139"/>
      <c r="R169" s="138"/>
      <c r="S169" s="78"/>
      <c r="T169" s="76"/>
      <c r="U169" s="77"/>
      <c r="V169" s="77"/>
      <c r="W169" s="77"/>
      <c r="X169" s="77"/>
      <c r="Y169" s="77"/>
      <c r="Z169" s="77"/>
      <c r="AA169" s="77"/>
      <c r="AB169" s="77"/>
      <c r="AC169" s="77"/>
      <c r="AD169" s="77"/>
      <c r="AE169" s="77"/>
      <c r="AF169" s="77"/>
      <c r="AG169" s="77"/>
      <c r="AH169" s="77"/>
      <c r="AI169" s="77"/>
      <c r="AJ169" s="77"/>
      <c r="AK169" s="77"/>
      <c r="AL169" s="77"/>
      <c r="AM169" s="77"/>
      <c r="AN169" s="77"/>
      <c r="AO169" s="77"/>
      <c r="AP169" s="77"/>
      <c r="AQ169" s="77"/>
      <c r="AR169" s="77"/>
      <c r="AS169" s="77"/>
      <c r="AT169" s="77"/>
      <c r="AU169" s="77"/>
      <c r="AV169" s="77"/>
      <c r="AW169" s="77"/>
      <c r="AX169" s="77"/>
      <c r="AY169" s="77"/>
      <c r="AZ169" s="77"/>
      <c r="BA169" s="77"/>
      <c r="BB169" s="77"/>
      <c r="BC169" s="77"/>
      <c r="BD169" s="77"/>
    </row>
    <row r="170" spans="1:258" s="67" customFormat="1" ht="70.2" customHeight="1">
      <c r="A170" s="528" t="s">
        <v>151</v>
      </c>
      <c r="B170" s="529"/>
      <c r="C170" s="529"/>
      <c r="D170" s="529"/>
      <c r="E170" s="529"/>
      <c r="F170" s="529"/>
      <c r="G170" s="529"/>
      <c r="H170" s="529"/>
      <c r="I170" s="530"/>
      <c r="J170" s="449" t="s">
        <v>152</v>
      </c>
      <c r="K170" s="537"/>
      <c r="L170" s="537"/>
      <c r="M170" s="537"/>
      <c r="N170" s="537"/>
      <c r="O170" s="537"/>
      <c r="P170" s="538"/>
      <c r="Q170" s="139"/>
      <c r="R170" s="138"/>
      <c r="S170" s="78"/>
      <c r="T170" s="76"/>
      <c r="U170" s="77"/>
      <c r="V170" s="77"/>
      <c r="W170" s="77"/>
      <c r="X170" s="77"/>
      <c r="Y170" s="77"/>
      <c r="Z170" s="77"/>
      <c r="AA170" s="77"/>
      <c r="AB170" s="77"/>
      <c r="AC170" s="77"/>
      <c r="AD170" s="77"/>
      <c r="AE170" s="77"/>
      <c r="AF170" s="77"/>
      <c r="AG170" s="77"/>
      <c r="AH170" s="77"/>
      <c r="AI170" s="77"/>
      <c r="AJ170" s="77"/>
      <c r="AK170" s="77"/>
      <c r="AL170" s="77"/>
      <c r="AM170" s="77"/>
      <c r="AN170" s="77"/>
      <c r="AO170" s="77"/>
      <c r="AP170" s="77"/>
      <c r="AQ170" s="77"/>
      <c r="AR170" s="77"/>
      <c r="AS170" s="77"/>
      <c r="AT170" s="77"/>
      <c r="AU170" s="77"/>
      <c r="AV170" s="77"/>
      <c r="AW170" s="77"/>
      <c r="AX170" s="77"/>
      <c r="AY170" s="77"/>
      <c r="AZ170" s="77"/>
      <c r="BA170" s="77"/>
      <c r="BB170" s="77"/>
      <c r="BC170" s="77"/>
      <c r="BD170" s="77"/>
    </row>
    <row r="171" spans="1:258" s="67" customFormat="1" ht="70.2" customHeight="1">
      <c r="A171" s="534"/>
      <c r="B171" s="535"/>
      <c r="C171" s="535"/>
      <c r="D171" s="535"/>
      <c r="E171" s="535"/>
      <c r="F171" s="535"/>
      <c r="G171" s="535"/>
      <c r="H171" s="535"/>
      <c r="I171" s="536"/>
      <c r="J171" s="598" t="s">
        <v>153</v>
      </c>
      <c r="K171" s="638"/>
      <c r="L171" s="108" t="s">
        <v>154</v>
      </c>
      <c r="M171" s="449"/>
      <c r="N171" s="537"/>
      <c r="O171" s="537"/>
      <c r="P171" s="538"/>
      <c r="Q171" s="139"/>
      <c r="R171" s="138"/>
      <c r="S171" s="78"/>
      <c r="T171" s="76"/>
      <c r="U171" s="77"/>
      <c r="V171" s="77"/>
      <c r="W171" s="77"/>
      <c r="X171" s="77"/>
      <c r="Y171" s="77"/>
      <c r="Z171" s="77"/>
      <c r="AA171" s="77"/>
      <c r="AB171" s="77"/>
      <c r="AC171" s="77"/>
      <c r="AD171" s="77"/>
      <c r="AE171" s="77"/>
      <c r="AF171" s="77"/>
      <c r="AG171" s="77"/>
      <c r="AH171" s="77"/>
      <c r="AI171" s="77"/>
      <c r="AJ171" s="77"/>
      <c r="AK171" s="77"/>
      <c r="AL171" s="77"/>
      <c r="AM171" s="77"/>
      <c r="AN171" s="77"/>
      <c r="AO171" s="77"/>
      <c r="AP171" s="77"/>
      <c r="AQ171" s="77"/>
      <c r="AR171" s="77"/>
      <c r="AS171" s="77"/>
      <c r="AT171" s="77"/>
      <c r="AU171" s="77"/>
      <c r="AV171" s="77"/>
      <c r="AW171" s="77"/>
      <c r="AX171" s="77"/>
      <c r="AY171" s="77"/>
      <c r="AZ171" s="77"/>
      <c r="BA171" s="77"/>
      <c r="BB171" s="77"/>
      <c r="BC171" s="77"/>
      <c r="BD171" s="77"/>
    </row>
    <row r="172" spans="1:258" s="67" customFormat="1" ht="70.2" customHeight="1">
      <c r="A172" s="674" t="s">
        <v>155</v>
      </c>
      <c r="B172" s="675"/>
      <c r="C172" s="675"/>
      <c r="D172" s="675"/>
      <c r="E172" s="675"/>
      <c r="F172" s="675"/>
      <c r="G172" s="675"/>
      <c r="H172" s="675"/>
      <c r="I172" s="676"/>
      <c r="J172" s="613"/>
      <c r="K172" s="613"/>
      <c r="L172" s="613"/>
      <c r="M172" s="613"/>
      <c r="N172" s="613"/>
      <c r="O172" s="613"/>
      <c r="P172" s="677"/>
      <c r="Q172" s="139"/>
      <c r="R172" s="138"/>
      <c r="S172" s="78"/>
      <c r="T172" s="76"/>
      <c r="U172" s="77"/>
      <c r="V172" s="77"/>
      <c r="W172" s="77"/>
      <c r="X172" s="77"/>
      <c r="Y172" s="77"/>
      <c r="Z172" s="77"/>
      <c r="AA172" s="77"/>
      <c r="AB172" s="77"/>
      <c r="AC172" s="77"/>
      <c r="AD172" s="77"/>
      <c r="AE172" s="77"/>
      <c r="AF172" s="77"/>
      <c r="AG172" s="77"/>
      <c r="AH172" s="77"/>
      <c r="AI172" s="77"/>
      <c r="AJ172" s="77"/>
      <c r="AK172" s="77"/>
      <c r="AL172" s="77"/>
      <c r="AM172" s="77"/>
      <c r="AN172" s="77"/>
      <c r="AO172" s="77"/>
      <c r="AP172" s="77"/>
      <c r="AQ172" s="77"/>
      <c r="AR172" s="77"/>
      <c r="AS172" s="77"/>
      <c r="AT172" s="77"/>
      <c r="AU172" s="77"/>
      <c r="AV172" s="77"/>
      <c r="AW172" s="77"/>
      <c r="AX172" s="77"/>
      <c r="AY172" s="77"/>
      <c r="AZ172" s="77"/>
      <c r="BA172" s="77"/>
      <c r="BB172" s="77"/>
      <c r="BC172" s="77"/>
      <c r="BD172" s="77"/>
    </row>
    <row r="173" spans="1:258" s="67" customFormat="1" ht="70.2" customHeight="1">
      <c r="A173" s="674" t="s">
        <v>156</v>
      </c>
      <c r="B173" s="675"/>
      <c r="C173" s="675"/>
      <c r="D173" s="675"/>
      <c r="E173" s="675"/>
      <c r="F173" s="675"/>
      <c r="G173" s="675"/>
      <c r="H173" s="675"/>
      <c r="I173" s="676"/>
      <c r="J173" s="613"/>
      <c r="K173" s="613"/>
      <c r="L173" s="613"/>
      <c r="M173" s="613"/>
      <c r="N173" s="613"/>
      <c r="O173" s="613"/>
      <c r="P173" s="677"/>
      <c r="Q173" s="134"/>
      <c r="R173" s="133"/>
      <c r="S173" s="39"/>
      <c r="T173" s="40"/>
      <c r="U173" s="41"/>
      <c r="V173" s="41"/>
      <c r="W173" s="41"/>
      <c r="X173" s="41"/>
      <c r="Y173" s="41"/>
      <c r="Z173" s="41"/>
      <c r="AA173" s="41"/>
      <c r="AB173" s="41"/>
      <c r="AC173" s="41"/>
      <c r="AD173" s="41"/>
      <c r="AE173" s="41"/>
      <c r="AF173" s="41"/>
      <c r="AG173" s="41"/>
      <c r="AH173" s="41"/>
      <c r="AI173" s="41"/>
      <c r="AJ173" s="41"/>
      <c r="AK173" s="41"/>
      <c r="AL173" s="41"/>
      <c r="AM173" s="41"/>
      <c r="AN173" s="41"/>
      <c r="AO173" s="41"/>
      <c r="AP173" s="41"/>
      <c r="AQ173" s="41"/>
      <c r="AR173" s="41"/>
      <c r="AS173" s="41"/>
      <c r="AT173" s="41"/>
      <c r="AU173" s="41"/>
      <c r="AV173" s="41"/>
      <c r="AW173" s="41"/>
      <c r="AX173" s="41"/>
      <c r="AY173" s="41"/>
      <c r="AZ173" s="41"/>
      <c r="BA173" s="41"/>
      <c r="BB173" s="41"/>
      <c r="BC173" s="41"/>
      <c r="BD173" s="41"/>
      <c r="BE173" s="42"/>
      <c r="BF173" s="42"/>
      <c r="BG173" s="42"/>
      <c r="BH173" s="42"/>
      <c r="BI173" s="42"/>
      <c r="BJ173" s="42"/>
      <c r="BK173" s="42"/>
      <c r="BL173" s="42"/>
      <c r="BM173" s="42"/>
      <c r="BN173" s="42"/>
      <c r="BO173" s="42"/>
      <c r="BP173" s="42"/>
      <c r="BQ173" s="42"/>
      <c r="BR173" s="42"/>
      <c r="BS173" s="42"/>
      <c r="BT173" s="42"/>
      <c r="BU173" s="42"/>
      <c r="BV173" s="42"/>
      <c r="BW173" s="42"/>
      <c r="BX173" s="42"/>
      <c r="BY173" s="42"/>
      <c r="BZ173" s="42"/>
      <c r="CA173" s="42"/>
      <c r="CB173" s="42"/>
      <c r="CC173" s="42"/>
      <c r="CD173" s="42"/>
      <c r="CE173" s="42"/>
      <c r="CF173" s="42"/>
      <c r="CG173" s="42"/>
      <c r="CH173" s="42"/>
      <c r="CI173" s="42"/>
      <c r="CJ173" s="42"/>
      <c r="CK173" s="42"/>
      <c r="CL173" s="42"/>
      <c r="CM173" s="42"/>
      <c r="CN173" s="42"/>
      <c r="CO173" s="42"/>
      <c r="CP173" s="42"/>
      <c r="CQ173" s="42"/>
      <c r="CR173" s="42"/>
      <c r="CS173" s="42"/>
      <c r="CT173" s="42"/>
      <c r="CU173" s="42"/>
      <c r="CV173" s="42"/>
      <c r="CW173" s="42"/>
      <c r="CX173" s="42"/>
      <c r="CY173" s="42"/>
      <c r="CZ173" s="42"/>
      <c r="DA173" s="42"/>
      <c r="DB173" s="42"/>
      <c r="DC173" s="42"/>
      <c r="DD173" s="42"/>
      <c r="DE173" s="42"/>
      <c r="DF173" s="42"/>
      <c r="DG173" s="42"/>
      <c r="DH173" s="42"/>
      <c r="DI173" s="42"/>
      <c r="DJ173" s="42"/>
      <c r="DK173" s="42"/>
      <c r="DL173" s="42"/>
      <c r="DM173" s="42"/>
      <c r="DN173" s="42"/>
      <c r="DO173" s="42"/>
      <c r="DP173" s="42"/>
      <c r="DQ173" s="42"/>
      <c r="DR173" s="42"/>
      <c r="DS173" s="42"/>
      <c r="DT173" s="42"/>
      <c r="DU173" s="42"/>
      <c r="DV173" s="42"/>
      <c r="DW173" s="42"/>
      <c r="DX173" s="42"/>
      <c r="DY173" s="42"/>
      <c r="DZ173" s="42"/>
      <c r="EA173" s="42"/>
      <c r="EB173" s="42"/>
      <c r="EC173" s="42"/>
      <c r="ED173" s="42"/>
      <c r="EE173" s="42"/>
      <c r="EF173" s="42"/>
      <c r="EG173" s="42"/>
      <c r="EH173" s="42"/>
      <c r="EI173" s="42"/>
      <c r="EJ173" s="42"/>
      <c r="EK173" s="42"/>
      <c r="EL173" s="42"/>
      <c r="EM173" s="42"/>
      <c r="EN173" s="42"/>
      <c r="EO173" s="42"/>
      <c r="EP173" s="42"/>
      <c r="EQ173" s="42"/>
      <c r="ER173" s="42"/>
      <c r="ES173" s="42"/>
      <c r="ET173" s="42"/>
      <c r="EU173" s="42"/>
      <c r="EV173" s="42"/>
      <c r="EW173" s="42"/>
      <c r="EX173" s="42"/>
      <c r="EY173" s="42"/>
      <c r="EZ173" s="42"/>
      <c r="FA173" s="42"/>
      <c r="FB173" s="42"/>
      <c r="FC173" s="42"/>
      <c r="FD173" s="42"/>
      <c r="FE173" s="42"/>
      <c r="FF173" s="42"/>
      <c r="FG173" s="42"/>
      <c r="FH173" s="42"/>
      <c r="FI173" s="42"/>
      <c r="FJ173" s="42"/>
      <c r="FK173" s="42"/>
      <c r="FL173" s="42"/>
      <c r="FM173" s="42"/>
      <c r="FN173" s="42"/>
      <c r="FO173" s="42"/>
      <c r="FP173" s="42"/>
      <c r="FQ173" s="42"/>
      <c r="FR173" s="42"/>
      <c r="FS173" s="42"/>
      <c r="FT173" s="42"/>
      <c r="FU173" s="42"/>
      <c r="FV173" s="42"/>
      <c r="FW173" s="42"/>
      <c r="FX173" s="42"/>
      <c r="FY173" s="42"/>
      <c r="FZ173" s="42"/>
      <c r="GA173" s="42"/>
      <c r="GB173" s="42"/>
      <c r="GC173" s="42"/>
      <c r="GD173" s="42"/>
      <c r="GE173" s="42"/>
      <c r="GF173" s="42"/>
      <c r="GG173" s="42"/>
      <c r="GH173" s="42"/>
      <c r="GI173" s="42"/>
      <c r="GJ173" s="42"/>
      <c r="GK173" s="42"/>
      <c r="GL173" s="42"/>
      <c r="GM173" s="42"/>
      <c r="GN173" s="42"/>
      <c r="GO173" s="42"/>
      <c r="GP173" s="42"/>
      <c r="GQ173" s="42"/>
      <c r="GR173" s="42"/>
      <c r="GS173" s="42"/>
      <c r="GT173" s="42"/>
      <c r="GU173" s="42"/>
      <c r="GV173" s="42"/>
      <c r="GW173" s="42"/>
      <c r="GX173" s="42"/>
      <c r="GY173" s="42"/>
      <c r="GZ173" s="42"/>
      <c r="HA173" s="42"/>
      <c r="HB173" s="42"/>
      <c r="HC173" s="42"/>
      <c r="HD173" s="42"/>
      <c r="HE173" s="42"/>
      <c r="HF173" s="42"/>
      <c r="HG173" s="42"/>
      <c r="HH173" s="42"/>
      <c r="HI173" s="42"/>
      <c r="HJ173" s="42"/>
      <c r="HK173" s="42"/>
      <c r="HL173" s="42"/>
      <c r="HM173" s="42"/>
      <c r="HN173" s="42"/>
      <c r="HO173" s="42"/>
      <c r="HP173" s="42"/>
      <c r="HQ173" s="42"/>
      <c r="HR173" s="42"/>
      <c r="HS173" s="42"/>
      <c r="HT173" s="42"/>
      <c r="HU173" s="42"/>
      <c r="HV173" s="42"/>
      <c r="HW173" s="42"/>
      <c r="HX173" s="42"/>
      <c r="HY173" s="42"/>
      <c r="HZ173" s="42"/>
      <c r="IA173" s="42"/>
      <c r="IB173" s="42"/>
      <c r="IC173" s="42"/>
      <c r="ID173" s="42"/>
      <c r="IE173" s="42"/>
      <c r="IF173" s="42"/>
      <c r="IG173" s="42"/>
      <c r="IH173" s="42"/>
      <c r="II173" s="42"/>
      <c r="IJ173" s="42"/>
      <c r="IK173" s="42"/>
      <c r="IL173" s="42"/>
      <c r="IM173" s="42"/>
      <c r="IN173" s="42"/>
      <c r="IO173" s="42"/>
      <c r="IP173" s="42"/>
      <c r="IQ173" s="42"/>
      <c r="IR173" s="42"/>
      <c r="IS173" s="42"/>
      <c r="IT173" s="42"/>
      <c r="IU173" s="42"/>
      <c r="IV173" s="42"/>
      <c r="IW173" s="42"/>
      <c r="IX173" s="42"/>
    </row>
    <row r="174" spans="1:258" s="67" customFormat="1" ht="70.2" customHeight="1">
      <c r="A174" s="528" t="s">
        <v>157</v>
      </c>
      <c r="B174" s="529"/>
      <c r="C174" s="529"/>
      <c r="D174" s="529"/>
      <c r="E174" s="529"/>
      <c r="F174" s="529"/>
      <c r="G174" s="529"/>
      <c r="H174" s="529"/>
      <c r="I174" s="530"/>
      <c r="J174" s="109" t="s">
        <v>158</v>
      </c>
      <c r="K174" s="449" t="s">
        <v>159</v>
      </c>
      <c r="L174" s="537"/>
      <c r="M174" s="537"/>
      <c r="N174" s="537"/>
      <c r="O174" s="537"/>
      <c r="P174" s="538"/>
      <c r="Q174" s="134"/>
      <c r="R174" s="133"/>
      <c r="S174" s="39"/>
      <c r="T174" s="40"/>
      <c r="U174" s="41"/>
      <c r="V174" s="41"/>
      <c r="W174" s="41"/>
      <c r="X174" s="41"/>
      <c r="Y174" s="41"/>
      <c r="Z174" s="41"/>
      <c r="AA174" s="41"/>
      <c r="AB174" s="41"/>
      <c r="AC174" s="41"/>
      <c r="AD174" s="41"/>
      <c r="AE174" s="41"/>
      <c r="AF174" s="41"/>
      <c r="AG174" s="41"/>
      <c r="AH174" s="41"/>
      <c r="AI174" s="41"/>
      <c r="AJ174" s="41"/>
      <c r="AK174" s="41"/>
      <c r="AL174" s="41"/>
      <c r="AM174" s="41"/>
      <c r="AN174" s="41"/>
      <c r="AO174" s="41"/>
      <c r="AP174" s="41"/>
      <c r="AQ174" s="41"/>
      <c r="AR174" s="41"/>
      <c r="AS174" s="41"/>
      <c r="AT174" s="41"/>
      <c r="AU174" s="41"/>
      <c r="AV174" s="41"/>
      <c r="AW174" s="41"/>
      <c r="AX174" s="41"/>
      <c r="AY174" s="41"/>
      <c r="AZ174" s="41"/>
      <c r="BA174" s="41"/>
      <c r="BB174" s="41"/>
      <c r="BC174" s="41"/>
      <c r="BD174" s="41"/>
      <c r="BE174" s="42"/>
      <c r="BF174" s="42"/>
      <c r="BG174" s="42"/>
      <c r="BH174" s="42"/>
      <c r="BI174" s="42"/>
      <c r="BJ174" s="42"/>
      <c r="BK174" s="42"/>
      <c r="BL174" s="42"/>
      <c r="BM174" s="42"/>
      <c r="BN174" s="42"/>
      <c r="BO174" s="42"/>
      <c r="BP174" s="42"/>
      <c r="BQ174" s="42"/>
      <c r="BR174" s="42"/>
      <c r="BS174" s="42"/>
      <c r="BT174" s="42"/>
      <c r="BU174" s="42"/>
      <c r="BV174" s="42"/>
      <c r="BW174" s="42"/>
      <c r="BX174" s="42"/>
      <c r="BY174" s="42"/>
      <c r="BZ174" s="42"/>
      <c r="CA174" s="42"/>
      <c r="CB174" s="42"/>
      <c r="CC174" s="42"/>
      <c r="CD174" s="42"/>
      <c r="CE174" s="42"/>
      <c r="CF174" s="42"/>
      <c r="CG174" s="42"/>
      <c r="CH174" s="42"/>
      <c r="CI174" s="42"/>
      <c r="CJ174" s="42"/>
      <c r="CK174" s="42"/>
      <c r="CL174" s="42"/>
      <c r="CM174" s="42"/>
      <c r="CN174" s="42"/>
      <c r="CO174" s="42"/>
      <c r="CP174" s="42"/>
      <c r="CQ174" s="42"/>
      <c r="CR174" s="42"/>
      <c r="CS174" s="42"/>
      <c r="CT174" s="42"/>
      <c r="CU174" s="42"/>
      <c r="CV174" s="42"/>
      <c r="CW174" s="42"/>
      <c r="CX174" s="42"/>
      <c r="CY174" s="42"/>
      <c r="CZ174" s="42"/>
      <c r="DA174" s="42"/>
      <c r="DB174" s="42"/>
      <c r="DC174" s="42"/>
      <c r="DD174" s="42"/>
      <c r="DE174" s="42"/>
      <c r="DF174" s="42"/>
      <c r="DG174" s="42"/>
      <c r="DH174" s="42"/>
      <c r="DI174" s="42"/>
      <c r="DJ174" s="42"/>
      <c r="DK174" s="42"/>
      <c r="DL174" s="42"/>
      <c r="DM174" s="42"/>
      <c r="DN174" s="42"/>
      <c r="DO174" s="42"/>
      <c r="DP174" s="42"/>
      <c r="DQ174" s="42"/>
      <c r="DR174" s="42"/>
      <c r="DS174" s="42"/>
      <c r="DT174" s="42"/>
      <c r="DU174" s="42"/>
      <c r="DV174" s="42"/>
      <c r="DW174" s="42"/>
      <c r="DX174" s="42"/>
      <c r="DY174" s="42"/>
      <c r="DZ174" s="42"/>
      <c r="EA174" s="42"/>
      <c r="EB174" s="42"/>
      <c r="EC174" s="42"/>
      <c r="ED174" s="42"/>
      <c r="EE174" s="42"/>
      <c r="EF174" s="42"/>
      <c r="EG174" s="42"/>
      <c r="EH174" s="42"/>
      <c r="EI174" s="42"/>
      <c r="EJ174" s="42"/>
      <c r="EK174" s="42"/>
      <c r="EL174" s="42"/>
      <c r="EM174" s="42"/>
      <c r="EN174" s="42"/>
      <c r="EO174" s="42"/>
      <c r="EP174" s="42"/>
      <c r="EQ174" s="42"/>
      <c r="ER174" s="42"/>
      <c r="ES174" s="42"/>
      <c r="ET174" s="42"/>
      <c r="EU174" s="42"/>
      <c r="EV174" s="42"/>
      <c r="EW174" s="42"/>
      <c r="EX174" s="42"/>
      <c r="EY174" s="42"/>
      <c r="EZ174" s="42"/>
      <c r="FA174" s="42"/>
      <c r="FB174" s="42"/>
      <c r="FC174" s="42"/>
      <c r="FD174" s="42"/>
      <c r="FE174" s="42"/>
      <c r="FF174" s="42"/>
      <c r="FG174" s="42"/>
      <c r="FH174" s="42"/>
      <c r="FI174" s="42"/>
      <c r="FJ174" s="42"/>
      <c r="FK174" s="42"/>
      <c r="FL174" s="42"/>
      <c r="FM174" s="42"/>
      <c r="FN174" s="42"/>
      <c r="FO174" s="42"/>
      <c r="FP174" s="42"/>
      <c r="FQ174" s="42"/>
      <c r="FR174" s="42"/>
      <c r="FS174" s="42"/>
      <c r="FT174" s="42"/>
      <c r="FU174" s="42"/>
      <c r="FV174" s="42"/>
      <c r="FW174" s="42"/>
      <c r="FX174" s="42"/>
      <c r="FY174" s="42"/>
      <c r="FZ174" s="42"/>
      <c r="GA174" s="42"/>
      <c r="GB174" s="42"/>
      <c r="GC174" s="42"/>
      <c r="GD174" s="42"/>
      <c r="GE174" s="42"/>
      <c r="GF174" s="42"/>
      <c r="GG174" s="42"/>
      <c r="GH174" s="42"/>
      <c r="GI174" s="42"/>
      <c r="GJ174" s="42"/>
      <c r="GK174" s="42"/>
      <c r="GL174" s="42"/>
      <c r="GM174" s="42"/>
      <c r="GN174" s="42"/>
      <c r="GO174" s="42"/>
      <c r="GP174" s="42"/>
      <c r="GQ174" s="42"/>
      <c r="GR174" s="42"/>
      <c r="GS174" s="42"/>
      <c r="GT174" s="42"/>
      <c r="GU174" s="42"/>
      <c r="GV174" s="42"/>
      <c r="GW174" s="42"/>
      <c r="GX174" s="42"/>
      <c r="GY174" s="42"/>
      <c r="GZ174" s="42"/>
      <c r="HA174" s="42"/>
      <c r="HB174" s="42"/>
      <c r="HC174" s="42"/>
      <c r="HD174" s="42"/>
      <c r="HE174" s="42"/>
      <c r="HF174" s="42"/>
      <c r="HG174" s="42"/>
      <c r="HH174" s="42"/>
      <c r="HI174" s="42"/>
      <c r="HJ174" s="42"/>
      <c r="HK174" s="42"/>
      <c r="HL174" s="42"/>
      <c r="HM174" s="42"/>
      <c r="HN174" s="42"/>
      <c r="HO174" s="42"/>
      <c r="HP174" s="42"/>
      <c r="HQ174" s="42"/>
      <c r="HR174" s="42"/>
      <c r="HS174" s="42"/>
      <c r="HT174" s="42"/>
      <c r="HU174" s="42"/>
      <c r="HV174" s="42"/>
      <c r="HW174" s="42"/>
      <c r="HX174" s="42"/>
      <c r="HY174" s="42"/>
      <c r="HZ174" s="42"/>
      <c r="IA174" s="42"/>
      <c r="IB174" s="42"/>
      <c r="IC174" s="42"/>
      <c r="ID174" s="42"/>
      <c r="IE174" s="42"/>
      <c r="IF174" s="42"/>
      <c r="IG174" s="42"/>
      <c r="IH174" s="42"/>
      <c r="II174" s="42"/>
      <c r="IJ174" s="42"/>
      <c r="IK174" s="42"/>
      <c r="IL174" s="42"/>
      <c r="IM174" s="42"/>
      <c r="IN174" s="42"/>
      <c r="IO174" s="42"/>
      <c r="IP174" s="42"/>
      <c r="IQ174" s="42"/>
      <c r="IR174" s="42"/>
      <c r="IS174" s="42"/>
      <c r="IT174" s="42"/>
      <c r="IU174" s="42"/>
      <c r="IV174" s="42"/>
      <c r="IW174" s="42"/>
      <c r="IX174" s="42"/>
    </row>
    <row r="175" spans="1:258" s="67" customFormat="1" ht="70.2" customHeight="1">
      <c r="A175" s="531"/>
      <c r="B175" s="532"/>
      <c r="C175" s="532"/>
      <c r="D175" s="532"/>
      <c r="E175" s="532"/>
      <c r="F175" s="532"/>
      <c r="G175" s="532"/>
      <c r="H175" s="532"/>
      <c r="I175" s="533"/>
      <c r="J175" s="449" t="s">
        <v>160</v>
      </c>
      <c r="K175" s="537"/>
      <c r="L175" s="537"/>
      <c r="M175" s="537"/>
      <c r="N175" s="537"/>
      <c r="O175" s="537"/>
      <c r="P175" s="538"/>
      <c r="Q175" s="134"/>
      <c r="R175" s="133"/>
      <c r="S175" s="39"/>
      <c r="T175" s="40"/>
      <c r="U175" s="41"/>
      <c r="V175" s="41"/>
      <c r="W175" s="41"/>
      <c r="X175" s="41"/>
      <c r="Y175" s="41"/>
      <c r="Z175" s="41"/>
      <c r="AA175" s="41"/>
      <c r="AB175" s="41"/>
      <c r="AC175" s="41"/>
      <c r="AD175" s="41"/>
      <c r="AE175" s="41"/>
      <c r="AF175" s="41"/>
      <c r="AG175" s="41"/>
      <c r="AH175" s="41"/>
      <c r="AI175" s="41"/>
      <c r="AJ175" s="41"/>
      <c r="AK175" s="41"/>
      <c r="AL175" s="41"/>
      <c r="AM175" s="41"/>
      <c r="AN175" s="41"/>
      <c r="AO175" s="41"/>
      <c r="AP175" s="41"/>
      <c r="AQ175" s="41"/>
      <c r="AR175" s="41"/>
      <c r="AS175" s="41"/>
      <c r="AT175" s="41"/>
      <c r="AU175" s="41"/>
      <c r="AV175" s="41"/>
      <c r="AW175" s="41"/>
      <c r="AX175" s="41"/>
      <c r="AY175" s="41"/>
      <c r="AZ175" s="41"/>
      <c r="BA175" s="41"/>
      <c r="BB175" s="41"/>
      <c r="BC175" s="41"/>
      <c r="BD175" s="41"/>
      <c r="BE175" s="42"/>
      <c r="BF175" s="42"/>
      <c r="BG175" s="42"/>
      <c r="BH175" s="42"/>
      <c r="BI175" s="42"/>
      <c r="BJ175" s="42"/>
      <c r="BK175" s="42"/>
      <c r="BL175" s="42"/>
      <c r="BM175" s="42"/>
      <c r="BN175" s="42"/>
      <c r="BO175" s="42"/>
      <c r="BP175" s="42"/>
      <c r="BQ175" s="42"/>
      <c r="BR175" s="42"/>
      <c r="BS175" s="42"/>
      <c r="BT175" s="42"/>
      <c r="BU175" s="42"/>
      <c r="BV175" s="42"/>
      <c r="BW175" s="42"/>
      <c r="BX175" s="42"/>
      <c r="BY175" s="42"/>
      <c r="BZ175" s="42"/>
      <c r="CA175" s="42"/>
      <c r="CB175" s="42"/>
      <c r="CC175" s="42"/>
      <c r="CD175" s="42"/>
      <c r="CE175" s="42"/>
      <c r="CF175" s="42"/>
      <c r="CG175" s="42"/>
      <c r="CH175" s="42"/>
      <c r="CI175" s="42"/>
      <c r="CJ175" s="42"/>
      <c r="CK175" s="42"/>
      <c r="CL175" s="42"/>
      <c r="CM175" s="42"/>
      <c r="CN175" s="42"/>
      <c r="CO175" s="42"/>
      <c r="CP175" s="42"/>
      <c r="CQ175" s="42"/>
      <c r="CR175" s="42"/>
      <c r="CS175" s="42"/>
      <c r="CT175" s="42"/>
      <c r="CU175" s="42"/>
      <c r="CV175" s="42"/>
      <c r="CW175" s="42"/>
      <c r="CX175" s="42"/>
      <c r="CY175" s="42"/>
      <c r="CZ175" s="42"/>
      <c r="DA175" s="42"/>
      <c r="DB175" s="42"/>
      <c r="DC175" s="42"/>
      <c r="DD175" s="42"/>
      <c r="DE175" s="42"/>
      <c r="DF175" s="42"/>
      <c r="DG175" s="42"/>
      <c r="DH175" s="42"/>
      <c r="DI175" s="42"/>
      <c r="DJ175" s="42"/>
      <c r="DK175" s="42"/>
      <c r="DL175" s="42"/>
      <c r="DM175" s="42"/>
      <c r="DN175" s="42"/>
      <c r="DO175" s="42"/>
      <c r="DP175" s="42"/>
      <c r="DQ175" s="42"/>
      <c r="DR175" s="42"/>
      <c r="DS175" s="42"/>
      <c r="DT175" s="42"/>
      <c r="DU175" s="42"/>
      <c r="DV175" s="42"/>
      <c r="DW175" s="42"/>
      <c r="DX175" s="42"/>
      <c r="DY175" s="42"/>
      <c r="DZ175" s="42"/>
      <c r="EA175" s="42"/>
      <c r="EB175" s="42"/>
      <c r="EC175" s="42"/>
      <c r="ED175" s="42"/>
      <c r="EE175" s="42"/>
      <c r="EF175" s="42"/>
      <c r="EG175" s="42"/>
      <c r="EH175" s="42"/>
      <c r="EI175" s="42"/>
      <c r="EJ175" s="42"/>
      <c r="EK175" s="42"/>
      <c r="EL175" s="42"/>
      <c r="EM175" s="42"/>
      <c r="EN175" s="42"/>
      <c r="EO175" s="42"/>
      <c r="EP175" s="42"/>
      <c r="EQ175" s="42"/>
      <c r="ER175" s="42"/>
      <c r="ES175" s="42"/>
      <c r="ET175" s="42"/>
      <c r="EU175" s="42"/>
      <c r="EV175" s="42"/>
      <c r="EW175" s="42"/>
      <c r="EX175" s="42"/>
      <c r="EY175" s="42"/>
      <c r="EZ175" s="42"/>
      <c r="FA175" s="42"/>
      <c r="FB175" s="42"/>
      <c r="FC175" s="42"/>
      <c r="FD175" s="42"/>
      <c r="FE175" s="42"/>
      <c r="FF175" s="42"/>
      <c r="FG175" s="42"/>
      <c r="FH175" s="42"/>
      <c r="FI175" s="42"/>
      <c r="FJ175" s="42"/>
      <c r="FK175" s="42"/>
      <c r="FL175" s="42"/>
      <c r="FM175" s="42"/>
      <c r="FN175" s="42"/>
      <c r="FO175" s="42"/>
      <c r="FP175" s="42"/>
      <c r="FQ175" s="42"/>
      <c r="FR175" s="42"/>
      <c r="FS175" s="42"/>
      <c r="FT175" s="42"/>
      <c r="FU175" s="42"/>
      <c r="FV175" s="42"/>
      <c r="FW175" s="42"/>
      <c r="FX175" s="42"/>
      <c r="FY175" s="42"/>
      <c r="FZ175" s="42"/>
      <c r="GA175" s="42"/>
      <c r="GB175" s="42"/>
      <c r="GC175" s="42"/>
      <c r="GD175" s="42"/>
      <c r="GE175" s="42"/>
      <c r="GF175" s="42"/>
      <c r="GG175" s="42"/>
      <c r="GH175" s="42"/>
      <c r="GI175" s="42"/>
      <c r="GJ175" s="42"/>
      <c r="GK175" s="42"/>
      <c r="GL175" s="42"/>
      <c r="GM175" s="42"/>
      <c r="GN175" s="42"/>
      <c r="GO175" s="42"/>
      <c r="GP175" s="42"/>
      <c r="GQ175" s="42"/>
      <c r="GR175" s="42"/>
      <c r="GS175" s="42"/>
      <c r="GT175" s="42"/>
      <c r="GU175" s="42"/>
      <c r="GV175" s="42"/>
      <c r="GW175" s="42"/>
      <c r="GX175" s="42"/>
      <c r="GY175" s="42"/>
      <c r="GZ175" s="42"/>
      <c r="HA175" s="42"/>
      <c r="HB175" s="42"/>
      <c r="HC175" s="42"/>
      <c r="HD175" s="42"/>
      <c r="HE175" s="42"/>
      <c r="HF175" s="42"/>
      <c r="HG175" s="42"/>
      <c r="HH175" s="42"/>
      <c r="HI175" s="42"/>
      <c r="HJ175" s="42"/>
      <c r="HK175" s="42"/>
      <c r="HL175" s="42"/>
      <c r="HM175" s="42"/>
      <c r="HN175" s="42"/>
      <c r="HO175" s="42"/>
      <c r="HP175" s="42"/>
      <c r="HQ175" s="42"/>
      <c r="HR175" s="42"/>
      <c r="HS175" s="42"/>
      <c r="HT175" s="42"/>
      <c r="HU175" s="42"/>
      <c r="HV175" s="42"/>
      <c r="HW175" s="42"/>
      <c r="HX175" s="42"/>
      <c r="HY175" s="42"/>
      <c r="HZ175" s="42"/>
      <c r="IA175" s="42"/>
      <c r="IB175" s="42"/>
      <c r="IC175" s="42"/>
      <c r="ID175" s="42"/>
      <c r="IE175" s="42"/>
      <c r="IF175" s="42"/>
      <c r="IG175" s="42"/>
      <c r="IH175" s="42"/>
      <c r="II175" s="42"/>
      <c r="IJ175" s="42"/>
      <c r="IK175" s="42"/>
      <c r="IL175" s="42"/>
      <c r="IM175" s="42"/>
      <c r="IN175" s="42"/>
      <c r="IO175" s="42"/>
      <c r="IP175" s="42"/>
      <c r="IQ175" s="42"/>
      <c r="IR175" s="42"/>
      <c r="IS175" s="42"/>
      <c r="IT175" s="42"/>
      <c r="IU175" s="42"/>
      <c r="IV175" s="42"/>
      <c r="IW175" s="42"/>
      <c r="IX175" s="42"/>
    </row>
    <row r="176" spans="1:258" s="67" customFormat="1" ht="70.2" customHeight="1">
      <c r="A176" s="534"/>
      <c r="B176" s="535"/>
      <c r="C176" s="535"/>
      <c r="D176" s="535"/>
      <c r="E176" s="535"/>
      <c r="F176" s="535"/>
      <c r="G176" s="535"/>
      <c r="H176" s="535"/>
      <c r="I176" s="536"/>
      <c r="J176" s="598" t="s">
        <v>161</v>
      </c>
      <c r="K176" s="638"/>
      <c r="L176" s="108" t="s">
        <v>154</v>
      </c>
      <c r="M176" s="449"/>
      <c r="N176" s="537"/>
      <c r="O176" s="537"/>
      <c r="P176" s="538"/>
      <c r="Q176" s="134"/>
      <c r="R176" s="133"/>
      <c r="S176" s="39"/>
      <c r="T176" s="40"/>
      <c r="U176" s="41"/>
      <c r="V176" s="41"/>
      <c r="W176" s="41"/>
      <c r="X176" s="41"/>
      <c r="Y176" s="41"/>
      <c r="Z176" s="41"/>
      <c r="AA176" s="41"/>
      <c r="AB176" s="41"/>
      <c r="AC176" s="41"/>
      <c r="AD176" s="41"/>
      <c r="AE176" s="41"/>
      <c r="AF176" s="41"/>
      <c r="AG176" s="41"/>
      <c r="AH176" s="41"/>
      <c r="AI176" s="41"/>
      <c r="AJ176" s="41"/>
      <c r="AK176" s="41"/>
      <c r="AL176" s="41"/>
      <c r="AM176" s="41"/>
      <c r="AN176" s="41"/>
      <c r="AO176" s="41"/>
      <c r="AP176" s="41"/>
      <c r="AQ176" s="41"/>
      <c r="AR176" s="41"/>
      <c r="AS176" s="41"/>
      <c r="AT176" s="41"/>
      <c r="AU176" s="41"/>
      <c r="AV176" s="41"/>
      <c r="AW176" s="41"/>
      <c r="AX176" s="41"/>
      <c r="AY176" s="41"/>
      <c r="AZ176" s="41"/>
      <c r="BA176" s="41"/>
      <c r="BB176" s="41"/>
      <c r="BC176" s="41"/>
      <c r="BD176" s="41"/>
      <c r="BE176" s="42"/>
      <c r="BF176" s="42"/>
      <c r="BG176" s="42"/>
      <c r="BH176" s="42"/>
      <c r="BI176" s="42"/>
      <c r="BJ176" s="42"/>
      <c r="BK176" s="42"/>
      <c r="BL176" s="42"/>
      <c r="BM176" s="42"/>
      <c r="BN176" s="42"/>
      <c r="BO176" s="42"/>
      <c r="BP176" s="42"/>
      <c r="BQ176" s="42"/>
      <c r="BR176" s="42"/>
      <c r="BS176" s="42"/>
      <c r="BT176" s="42"/>
      <c r="BU176" s="42"/>
      <c r="BV176" s="42"/>
      <c r="BW176" s="42"/>
      <c r="BX176" s="42"/>
      <c r="BY176" s="42"/>
      <c r="BZ176" s="42"/>
      <c r="CA176" s="42"/>
      <c r="CB176" s="42"/>
      <c r="CC176" s="42"/>
      <c r="CD176" s="42"/>
      <c r="CE176" s="42"/>
      <c r="CF176" s="42"/>
      <c r="CG176" s="42"/>
      <c r="CH176" s="42"/>
      <c r="CI176" s="42"/>
      <c r="CJ176" s="42"/>
      <c r="CK176" s="42"/>
      <c r="CL176" s="42"/>
      <c r="CM176" s="42"/>
      <c r="CN176" s="42"/>
      <c r="CO176" s="42"/>
      <c r="CP176" s="42"/>
      <c r="CQ176" s="42"/>
      <c r="CR176" s="42"/>
      <c r="CS176" s="42"/>
      <c r="CT176" s="42"/>
      <c r="CU176" s="42"/>
      <c r="CV176" s="42"/>
      <c r="CW176" s="42"/>
      <c r="CX176" s="42"/>
      <c r="CY176" s="42"/>
      <c r="CZ176" s="42"/>
      <c r="DA176" s="42"/>
      <c r="DB176" s="42"/>
      <c r="DC176" s="42"/>
      <c r="DD176" s="42"/>
      <c r="DE176" s="42"/>
      <c r="DF176" s="42"/>
      <c r="DG176" s="42"/>
      <c r="DH176" s="42"/>
      <c r="DI176" s="42"/>
      <c r="DJ176" s="42"/>
      <c r="DK176" s="42"/>
      <c r="DL176" s="42"/>
      <c r="DM176" s="42"/>
      <c r="DN176" s="42"/>
      <c r="DO176" s="42"/>
      <c r="DP176" s="42"/>
      <c r="DQ176" s="42"/>
      <c r="DR176" s="42"/>
      <c r="DS176" s="42"/>
      <c r="DT176" s="42"/>
      <c r="DU176" s="42"/>
      <c r="DV176" s="42"/>
      <c r="DW176" s="42"/>
      <c r="DX176" s="42"/>
      <c r="DY176" s="42"/>
      <c r="DZ176" s="42"/>
      <c r="EA176" s="42"/>
      <c r="EB176" s="42"/>
      <c r="EC176" s="42"/>
      <c r="ED176" s="42"/>
      <c r="EE176" s="42"/>
      <c r="EF176" s="42"/>
      <c r="EG176" s="42"/>
      <c r="EH176" s="42"/>
      <c r="EI176" s="42"/>
      <c r="EJ176" s="42"/>
      <c r="EK176" s="42"/>
      <c r="EL176" s="42"/>
      <c r="EM176" s="42"/>
      <c r="EN176" s="42"/>
      <c r="EO176" s="42"/>
      <c r="EP176" s="42"/>
      <c r="EQ176" s="42"/>
      <c r="ER176" s="42"/>
      <c r="ES176" s="42"/>
      <c r="ET176" s="42"/>
      <c r="EU176" s="42"/>
      <c r="EV176" s="42"/>
      <c r="EW176" s="42"/>
      <c r="EX176" s="42"/>
      <c r="EY176" s="42"/>
      <c r="EZ176" s="42"/>
      <c r="FA176" s="42"/>
      <c r="FB176" s="42"/>
      <c r="FC176" s="42"/>
      <c r="FD176" s="42"/>
      <c r="FE176" s="42"/>
      <c r="FF176" s="42"/>
      <c r="FG176" s="42"/>
      <c r="FH176" s="42"/>
      <c r="FI176" s="42"/>
      <c r="FJ176" s="42"/>
      <c r="FK176" s="42"/>
      <c r="FL176" s="42"/>
      <c r="FM176" s="42"/>
      <c r="FN176" s="42"/>
      <c r="FO176" s="42"/>
      <c r="FP176" s="42"/>
      <c r="FQ176" s="42"/>
      <c r="FR176" s="42"/>
      <c r="FS176" s="42"/>
      <c r="FT176" s="42"/>
      <c r="FU176" s="42"/>
      <c r="FV176" s="42"/>
      <c r="FW176" s="42"/>
      <c r="FX176" s="42"/>
      <c r="FY176" s="42"/>
      <c r="FZ176" s="42"/>
      <c r="GA176" s="42"/>
      <c r="GB176" s="42"/>
      <c r="GC176" s="42"/>
      <c r="GD176" s="42"/>
      <c r="GE176" s="42"/>
      <c r="GF176" s="42"/>
      <c r="GG176" s="42"/>
      <c r="GH176" s="42"/>
      <c r="GI176" s="42"/>
      <c r="GJ176" s="42"/>
      <c r="GK176" s="42"/>
      <c r="GL176" s="42"/>
      <c r="GM176" s="42"/>
      <c r="GN176" s="42"/>
      <c r="GO176" s="42"/>
      <c r="GP176" s="42"/>
      <c r="GQ176" s="42"/>
      <c r="GR176" s="42"/>
      <c r="GS176" s="42"/>
      <c r="GT176" s="42"/>
      <c r="GU176" s="42"/>
      <c r="GV176" s="42"/>
      <c r="GW176" s="42"/>
      <c r="GX176" s="42"/>
      <c r="GY176" s="42"/>
      <c r="GZ176" s="42"/>
      <c r="HA176" s="42"/>
      <c r="HB176" s="42"/>
      <c r="HC176" s="42"/>
      <c r="HD176" s="42"/>
      <c r="HE176" s="42"/>
      <c r="HF176" s="42"/>
      <c r="HG176" s="42"/>
      <c r="HH176" s="42"/>
      <c r="HI176" s="42"/>
      <c r="HJ176" s="42"/>
      <c r="HK176" s="42"/>
      <c r="HL176" s="42"/>
      <c r="HM176" s="42"/>
      <c r="HN176" s="42"/>
      <c r="HO176" s="42"/>
      <c r="HP176" s="42"/>
      <c r="HQ176" s="42"/>
      <c r="HR176" s="42"/>
      <c r="HS176" s="42"/>
      <c r="HT176" s="42"/>
      <c r="HU176" s="42"/>
      <c r="HV176" s="42"/>
      <c r="HW176" s="42"/>
      <c r="HX176" s="42"/>
      <c r="HY176" s="42"/>
      <c r="HZ176" s="42"/>
      <c r="IA176" s="42"/>
      <c r="IB176" s="42"/>
      <c r="IC176" s="42"/>
      <c r="ID176" s="42"/>
      <c r="IE176" s="42"/>
      <c r="IF176" s="42"/>
      <c r="IG176" s="42"/>
      <c r="IH176" s="42"/>
      <c r="II176" s="42"/>
      <c r="IJ176" s="42"/>
      <c r="IK176" s="42"/>
      <c r="IL176" s="42"/>
      <c r="IM176" s="42"/>
      <c r="IN176" s="42"/>
      <c r="IO176" s="42"/>
      <c r="IP176" s="42"/>
      <c r="IQ176" s="42"/>
      <c r="IR176" s="42"/>
      <c r="IS176" s="42"/>
      <c r="IT176" s="42"/>
      <c r="IU176" s="42"/>
      <c r="IV176" s="42"/>
      <c r="IW176" s="42"/>
      <c r="IX176" s="42"/>
    </row>
    <row r="177" spans="1:258" s="67" customFormat="1" ht="70.2" customHeight="1">
      <c r="A177" s="674" t="s">
        <v>162</v>
      </c>
      <c r="B177" s="675"/>
      <c r="C177" s="675"/>
      <c r="D177" s="675"/>
      <c r="E177" s="675"/>
      <c r="F177" s="675"/>
      <c r="G177" s="675"/>
      <c r="H177" s="675"/>
      <c r="I177" s="676"/>
      <c r="J177" s="613"/>
      <c r="K177" s="613"/>
      <c r="L177" s="613"/>
      <c r="M177" s="613"/>
      <c r="N177" s="613"/>
      <c r="O177" s="613"/>
      <c r="P177" s="677"/>
      <c r="Q177" s="134"/>
      <c r="R177" s="133"/>
      <c r="S177" s="39"/>
      <c r="T177" s="40"/>
      <c r="U177" s="41"/>
      <c r="V177" s="41"/>
      <c r="W177" s="41"/>
      <c r="X177" s="41"/>
      <c r="Y177" s="41"/>
      <c r="Z177" s="41"/>
      <c r="AA177" s="41"/>
      <c r="AB177" s="41"/>
      <c r="AC177" s="41"/>
      <c r="AD177" s="41"/>
      <c r="AE177" s="41"/>
      <c r="AF177" s="41"/>
      <c r="AG177" s="41"/>
      <c r="AH177" s="41"/>
      <c r="AI177" s="41"/>
      <c r="AJ177" s="41"/>
      <c r="AK177" s="41"/>
      <c r="AL177" s="41"/>
      <c r="AM177" s="41"/>
      <c r="AN177" s="41"/>
      <c r="AO177" s="41"/>
      <c r="AP177" s="41"/>
      <c r="AQ177" s="41"/>
      <c r="AR177" s="41"/>
      <c r="AS177" s="41"/>
      <c r="AT177" s="41"/>
      <c r="AU177" s="41"/>
      <c r="AV177" s="41"/>
      <c r="AW177" s="41"/>
      <c r="AX177" s="41"/>
      <c r="AY177" s="41"/>
      <c r="AZ177" s="41"/>
      <c r="BA177" s="41"/>
      <c r="BB177" s="41"/>
      <c r="BC177" s="41"/>
      <c r="BD177" s="41"/>
      <c r="BE177" s="42"/>
      <c r="BF177" s="42"/>
      <c r="BG177" s="42"/>
      <c r="BH177" s="42"/>
      <c r="BI177" s="42"/>
      <c r="BJ177" s="42"/>
      <c r="BK177" s="42"/>
      <c r="BL177" s="42"/>
      <c r="BM177" s="42"/>
      <c r="BN177" s="42"/>
      <c r="BO177" s="42"/>
      <c r="BP177" s="42"/>
      <c r="BQ177" s="42"/>
      <c r="BR177" s="42"/>
      <c r="BS177" s="42"/>
      <c r="BT177" s="42"/>
      <c r="BU177" s="42"/>
      <c r="BV177" s="42"/>
      <c r="BW177" s="42"/>
      <c r="BX177" s="42"/>
      <c r="BY177" s="42"/>
      <c r="BZ177" s="42"/>
      <c r="CA177" s="42"/>
      <c r="CB177" s="42"/>
      <c r="CC177" s="42"/>
      <c r="CD177" s="42"/>
      <c r="CE177" s="42"/>
      <c r="CF177" s="42"/>
      <c r="CG177" s="42"/>
      <c r="CH177" s="42"/>
      <c r="CI177" s="42"/>
      <c r="CJ177" s="42"/>
      <c r="CK177" s="42"/>
      <c r="CL177" s="42"/>
      <c r="CM177" s="42"/>
      <c r="CN177" s="42"/>
      <c r="CO177" s="42"/>
      <c r="CP177" s="42"/>
      <c r="CQ177" s="42"/>
      <c r="CR177" s="42"/>
      <c r="CS177" s="42"/>
      <c r="CT177" s="42"/>
      <c r="CU177" s="42"/>
      <c r="CV177" s="42"/>
      <c r="CW177" s="42"/>
      <c r="CX177" s="42"/>
      <c r="CY177" s="42"/>
      <c r="CZ177" s="42"/>
      <c r="DA177" s="42"/>
      <c r="DB177" s="42"/>
      <c r="DC177" s="42"/>
      <c r="DD177" s="42"/>
      <c r="DE177" s="42"/>
      <c r="DF177" s="42"/>
      <c r="DG177" s="42"/>
      <c r="DH177" s="42"/>
      <c r="DI177" s="42"/>
      <c r="DJ177" s="42"/>
      <c r="DK177" s="42"/>
      <c r="DL177" s="42"/>
      <c r="DM177" s="42"/>
      <c r="DN177" s="42"/>
      <c r="DO177" s="42"/>
      <c r="DP177" s="42"/>
      <c r="DQ177" s="42"/>
      <c r="DR177" s="42"/>
      <c r="DS177" s="42"/>
      <c r="DT177" s="42"/>
      <c r="DU177" s="42"/>
      <c r="DV177" s="42"/>
      <c r="DW177" s="42"/>
      <c r="DX177" s="42"/>
      <c r="DY177" s="42"/>
      <c r="DZ177" s="42"/>
      <c r="EA177" s="42"/>
      <c r="EB177" s="42"/>
      <c r="EC177" s="42"/>
      <c r="ED177" s="42"/>
      <c r="EE177" s="42"/>
      <c r="EF177" s="42"/>
      <c r="EG177" s="42"/>
      <c r="EH177" s="42"/>
      <c r="EI177" s="42"/>
      <c r="EJ177" s="42"/>
      <c r="EK177" s="42"/>
      <c r="EL177" s="42"/>
      <c r="EM177" s="42"/>
      <c r="EN177" s="42"/>
      <c r="EO177" s="42"/>
      <c r="EP177" s="42"/>
      <c r="EQ177" s="42"/>
      <c r="ER177" s="42"/>
      <c r="ES177" s="42"/>
      <c r="ET177" s="42"/>
      <c r="EU177" s="42"/>
      <c r="EV177" s="42"/>
      <c r="EW177" s="42"/>
      <c r="EX177" s="42"/>
      <c r="EY177" s="42"/>
      <c r="EZ177" s="42"/>
      <c r="FA177" s="42"/>
      <c r="FB177" s="42"/>
      <c r="FC177" s="42"/>
      <c r="FD177" s="42"/>
      <c r="FE177" s="42"/>
      <c r="FF177" s="42"/>
      <c r="FG177" s="42"/>
      <c r="FH177" s="42"/>
      <c r="FI177" s="42"/>
      <c r="FJ177" s="42"/>
      <c r="FK177" s="42"/>
      <c r="FL177" s="42"/>
      <c r="FM177" s="42"/>
      <c r="FN177" s="42"/>
      <c r="FO177" s="42"/>
      <c r="FP177" s="42"/>
      <c r="FQ177" s="42"/>
      <c r="FR177" s="42"/>
      <c r="FS177" s="42"/>
      <c r="FT177" s="42"/>
      <c r="FU177" s="42"/>
      <c r="FV177" s="42"/>
      <c r="FW177" s="42"/>
      <c r="FX177" s="42"/>
      <c r="FY177" s="42"/>
      <c r="FZ177" s="42"/>
      <c r="GA177" s="42"/>
      <c r="GB177" s="42"/>
      <c r="GC177" s="42"/>
      <c r="GD177" s="42"/>
      <c r="GE177" s="42"/>
      <c r="GF177" s="42"/>
      <c r="GG177" s="42"/>
      <c r="GH177" s="42"/>
      <c r="GI177" s="42"/>
      <c r="GJ177" s="42"/>
      <c r="GK177" s="42"/>
      <c r="GL177" s="42"/>
      <c r="GM177" s="42"/>
      <c r="GN177" s="42"/>
      <c r="GO177" s="42"/>
      <c r="GP177" s="42"/>
      <c r="GQ177" s="42"/>
      <c r="GR177" s="42"/>
      <c r="GS177" s="42"/>
      <c r="GT177" s="42"/>
      <c r="GU177" s="42"/>
      <c r="GV177" s="42"/>
      <c r="GW177" s="42"/>
      <c r="GX177" s="42"/>
      <c r="GY177" s="42"/>
      <c r="GZ177" s="42"/>
      <c r="HA177" s="42"/>
      <c r="HB177" s="42"/>
      <c r="HC177" s="42"/>
      <c r="HD177" s="42"/>
      <c r="HE177" s="42"/>
      <c r="HF177" s="42"/>
      <c r="HG177" s="42"/>
      <c r="HH177" s="42"/>
      <c r="HI177" s="42"/>
      <c r="HJ177" s="42"/>
      <c r="HK177" s="42"/>
      <c r="HL177" s="42"/>
      <c r="HM177" s="42"/>
      <c r="HN177" s="42"/>
      <c r="HO177" s="42"/>
      <c r="HP177" s="42"/>
      <c r="HQ177" s="42"/>
      <c r="HR177" s="42"/>
      <c r="HS177" s="42"/>
      <c r="HT177" s="42"/>
      <c r="HU177" s="42"/>
      <c r="HV177" s="42"/>
      <c r="HW177" s="42"/>
      <c r="HX177" s="42"/>
      <c r="HY177" s="42"/>
      <c r="HZ177" s="42"/>
      <c r="IA177" s="42"/>
      <c r="IB177" s="42"/>
      <c r="IC177" s="42"/>
      <c r="ID177" s="42"/>
      <c r="IE177" s="42"/>
      <c r="IF177" s="42"/>
      <c r="IG177" s="42"/>
      <c r="IH177" s="42"/>
      <c r="II177" s="42"/>
      <c r="IJ177" s="42"/>
      <c r="IK177" s="42"/>
      <c r="IL177" s="42"/>
      <c r="IM177" s="42"/>
      <c r="IN177" s="42"/>
      <c r="IO177" s="42"/>
      <c r="IP177" s="42"/>
      <c r="IQ177" s="42"/>
      <c r="IR177" s="42"/>
      <c r="IS177" s="42"/>
      <c r="IT177" s="42"/>
      <c r="IU177" s="42"/>
      <c r="IV177" s="42"/>
      <c r="IW177" s="42"/>
      <c r="IX177" s="42"/>
    </row>
    <row r="178" spans="1:258" s="67" customFormat="1" ht="70.2" customHeight="1">
      <c r="A178" s="528" t="s">
        <v>163</v>
      </c>
      <c r="B178" s="529"/>
      <c r="C178" s="529"/>
      <c r="D178" s="529"/>
      <c r="E178" s="529"/>
      <c r="F178" s="529"/>
      <c r="G178" s="529"/>
      <c r="H178" s="529"/>
      <c r="I178" s="530"/>
      <c r="J178" s="690"/>
      <c r="K178" s="529"/>
      <c r="L178" s="529"/>
      <c r="M178" s="529"/>
      <c r="N178" s="529"/>
      <c r="O178" s="529"/>
      <c r="P178" s="691"/>
      <c r="Q178" s="139"/>
      <c r="R178" s="138"/>
      <c r="S178" s="78"/>
      <c r="T178" s="76"/>
      <c r="U178" s="77"/>
      <c r="V178" s="77"/>
      <c r="W178" s="77"/>
      <c r="X178" s="77"/>
      <c r="Y178" s="77"/>
      <c r="Z178" s="77"/>
      <c r="AA178" s="77"/>
      <c r="AB178" s="77"/>
      <c r="AC178" s="77"/>
      <c r="AD178" s="77"/>
      <c r="AE178" s="77"/>
      <c r="AF178" s="77"/>
      <c r="AG178" s="77"/>
      <c r="AH178" s="77"/>
      <c r="AI178" s="77"/>
      <c r="AJ178" s="77"/>
      <c r="AK178" s="77"/>
      <c r="AL178" s="77"/>
      <c r="AM178" s="77"/>
      <c r="AN178" s="77"/>
      <c r="AO178" s="77"/>
      <c r="AP178" s="77"/>
      <c r="AQ178" s="77"/>
      <c r="AR178" s="77"/>
      <c r="AS178" s="77"/>
      <c r="AT178" s="77"/>
      <c r="AU178" s="77"/>
      <c r="AV178" s="77"/>
      <c r="AW178" s="77"/>
      <c r="AX178" s="77"/>
      <c r="AY178" s="77"/>
      <c r="AZ178" s="77"/>
      <c r="BA178" s="77"/>
      <c r="BB178" s="77"/>
      <c r="BC178" s="77"/>
      <c r="BD178" s="77"/>
    </row>
    <row r="179" spans="1:258" s="64" customFormat="1" ht="69.900000000000006" customHeight="1">
      <c r="A179" s="468" t="s">
        <v>25</v>
      </c>
      <c r="B179" s="574"/>
      <c r="C179" s="574"/>
      <c r="D179" s="574"/>
      <c r="E179" s="574"/>
      <c r="F179" s="574"/>
      <c r="G179" s="574"/>
      <c r="H179" s="574"/>
      <c r="I179" s="574"/>
      <c r="J179" s="574"/>
      <c r="K179" s="574"/>
      <c r="L179" s="454"/>
      <c r="M179" s="574"/>
      <c r="N179" s="574"/>
      <c r="O179" s="574"/>
      <c r="P179" s="575"/>
      <c r="Q179" s="122"/>
      <c r="R179" s="138"/>
      <c r="S179" s="162"/>
    </row>
    <row r="180" spans="1:258" s="67" customFormat="1" ht="75" customHeight="1">
      <c r="A180" s="456"/>
      <c r="B180" s="457"/>
      <c r="C180" s="457"/>
      <c r="D180" s="457"/>
      <c r="E180" s="457"/>
      <c r="F180" s="457"/>
      <c r="G180" s="457"/>
      <c r="H180" s="457"/>
      <c r="I180" s="457"/>
      <c r="J180" s="457"/>
      <c r="K180" s="457"/>
      <c r="L180" s="458"/>
      <c r="M180" s="457"/>
      <c r="N180" s="457"/>
      <c r="O180" s="457"/>
      <c r="P180" s="459"/>
      <c r="Q180" s="139"/>
      <c r="R180" s="138"/>
      <c r="S180" s="141"/>
      <c r="T180" s="64"/>
    </row>
    <row r="181" spans="1:258" s="67" customFormat="1" ht="75" customHeight="1" thickBot="1">
      <c r="A181" s="471"/>
      <c r="B181" s="472"/>
      <c r="C181" s="472"/>
      <c r="D181" s="472"/>
      <c r="E181" s="472"/>
      <c r="F181" s="472"/>
      <c r="G181" s="472"/>
      <c r="H181" s="472"/>
      <c r="I181" s="472"/>
      <c r="J181" s="472"/>
      <c r="K181" s="472"/>
      <c r="L181" s="473"/>
      <c r="M181" s="472"/>
      <c r="N181" s="472"/>
      <c r="O181" s="472"/>
      <c r="P181" s="474"/>
      <c r="Q181" s="139"/>
      <c r="R181" s="138"/>
      <c r="S181" s="141"/>
      <c r="T181" s="64"/>
    </row>
    <row r="182" spans="1:258" s="64" customFormat="1" ht="69.900000000000006" customHeight="1" thickBot="1">
      <c r="A182" s="443" t="s">
        <v>553</v>
      </c>
      <c r="B182" s="475"/>
      <c r="C182" s="475"/>
      <c r="D182" s="475"/>
      <c r="E182" s="475"/>
      <c r="F182" s="475"/>
      <c r="G182" s="475"/>
      <c r="H182" s="475"/>
      <c r="I182" s="475"/>
      <c r="J182" s="475"/>
      <c r="K182" s="475"/>
      <c r="L182" s="445"/>
      <c r="M182" s="475"/>
      <c r="N182" s="475"/>
      <c r="O182" s="475"/>
      <c r="P182" s="476"/>
      <c r="Q182" s="139"/>
      <c r="R182" s="138"/>
      <c r="S182" s="78"/>
      <c r="T182" s="76"/>
      <c r="U182" s="76"/>
      <c r="V182" s="76"/>
      <c r="W182" s="76"/>
      <c r="X182" s="77"/>
      <c r="Y182" s="77"/>
      <c r="Z182" s="77"/>
      <c r="AA182" s="77"/>
      <c r="AB182" s="77"/>
      <c r="AC182" s="77"/>
      <c r="AD182" s="77"/>
      <c r="AE182" s="77"/>
      <c r="AF182" s="77"/>
      <c r="AG182" s="77"/>
      <c r="AH182" s="77"/>
      <c r="AI182" s="77"/>
      <c r="AJ182" s="77"/>
      <c r="AK182" s="77"/>
      <c r="AL182" s="77"/>
      <c r="AM182" s="77"/>
      <c r="AN182" s="76"/>
      <c r="AO182" s="76"/>
      <c r="AP182" s="76"/>
      <c r="AQ182" s="76"/>
      <c r="AR182" s="76"/>
      <c r="AS182" s="76"/>
      <c r="AT182" s="76"/>
      <c r="AU182" s="76"/>
      <c r="AV182" s="76"/>
      <c r="AW182" s="76"/>
      <c r="AX182" s="76"/>
      <c r="AY182" s="76"/>
      <c r="AZ182" s="76"/>
      <c r="BA182" s="76"/>
      <c r="BB182" s="76"/>
      <c r="BC182" s="76"/>
      <c r="BD182" s="76"/>
    </row>
    <row r="183" spans="1:258" s="67" customFormat="1" ht="140.1" customHeight="1" thickTop="1" thickBot="1">
      <c r="A183" s="477" t="s">
        <v>554</v>
      </c>
      <c r="B183" s="379"/>
      <c r="C183" s="379"/>
      <c r="D183" s="379"/>
      <c r="E183" s="379"/>
      <c r="F183" s="379"/>
      <c r="G183" s="379"/>
      <c r="H183" s="379"/>
      <c r="I183" s="379"/>
      <c r="J183" s="379"/>
      <c r="K183" s="379"/>
      <c r="L183" s="379"/>
      <c r="M183" s="379"/>
      <c r="N183" s="576"/>
      <c r="O183" s="75" t="s">
        <v>20</v>
      </c>
      <c r="P183" s="136" t="s">
        <v>21</v>
      </c>
      <c r="Q183" s="139"/>
      <c r="R183" s="138"/>
      <c r="S183" s="137"/>
      <c r="T183" s="76"/>
      <c r="U183" s="77"/>
      <c r="V183" s="77"/>
      <c r="W183" s="77"/>
      <c r="X183" s="77"/>
      <c r="Y183" s="77"/>
      <c r="Z183" s="77"/>
      <c r="AA183" s="77"/>
      <c r="AB183" s="77"/>
      <c r="AC183" s="77"/>
      <c r="AD183" s="77"/>
      <c r="AE183" s="77"/>
      <c r="AF183" s="77"/>
      <c r="AG183" s="77"/>
      <c r="AH183" s="77"/>
      <c r="AI183" s="77"/>
      <c r="AJ183" s="77"/>
      <c r="AK183" s="77"/>
      <c r="AL183" s="77"/>
      <c r="AM183" s="77"/>
      <c r="AN183" s="77"/>
      <c r="AO183" s="77"/>
      <c r="AP183" s="77"/>
      <c r="AQ183" s="77"/>
      <c r="AR183" s="77"/>
      <c r="AS183" s="77"/>
      <c r="AT183" s="77"/>
      <c r="AU183" s="77"/>
      <c r="AV183" s="77"/>
      <c r="AW183" s="77"/>
      <c r="AX183" s="77"/>
      <c r="AY183" s="77"/>
      <c r="AZ183" s="77"/>
      <c r="BA183" s="77"/>
      <c r="BB183" s="77"/>
      <c r="BC183" s="77"/>
      <c r="BD183" s="77"/>
    </row>
    <row r="184" spans="1:258" s="64" customFormat="1" ht="69.900000000000006" customHeight="1" thickTop="1">
      <c r="A184" s="468" t="s">
        <v>25</v>
      </c>
      <c r="B184" s="574"/>
      <c r="C184" s="574"/>
      <c r="D184" s="574"/>
      <c r="E184" s="574"/>
      <c r="F184" s="574"/>
      <c r="G184" s="574"/>
      <c r="H184" s="574"/>
      <c r="I184" s="574"/>
      <c r="J184" s="574"/>
      <c r="K184" s="574"/>
      <c r="L184" s="454"/>
      <c r="M184" s="574"/>
      <c r="N184" s="574"/>
      <c r="O184" s="574"/>
      <c r="P184" s="575"/>
      <c r="Q184" s="122"/>
      <c r="R184" s="138"/>
      <c r="S184" s="162"/>
    </row>
    <row r="185" spans="1:258" s="67" customFormat="1" ht="75" customHeight="1">
      <c r="A185" s="456"/>
      <c r="B185" s="457"/>
      <c r="C185" s="457"/>
      <c r="D185" s="457"/>
      <c r="E185" s="457"/>
      <c r="F185" s="457"/>
      <c r="G185" s="457"/>
      <c r="H185" s="457"/>
      <c r="I185" s="457"/>
      <c r="J185" s="457"/>
      <c r="K185" s="457"/>
      <c r="L185" s="458"/>
      <c r="M185" s="457"/>
      <c r="N185" s="457"/>
      <c r="O185" s="457"/>
      <c r="P185" s="459"/>
      <c r="Q185" s="139"/>
      <c r="R185" s="138"/>
      <c r="S185" s="141"/>
      <c r="T185" s="64"/>
    </row>
    <row r="186" spans="1:258" s="67" customFormat="1" ht="75" customHeight="1" thickBot="1">
      <c r="A186" s="471"/>
      <c r="B186" s="472"/>
      <c r="C186" s="472"/>
      <c r="D186" s="472"/>
      <c r="E186" s="472"/>
      <c r="F186" s="472"/>
      <c r="G186" s="472"/>
      <c r="H186" s="472"/>
      <c r="I186" s="472"/>
      <c r="J186" s="472"/>
      <c r="K186" s="472"/>
      <c r="L186" s="473"/>
      <c r="M186" s="472"/>
      <c r="N186" s="472"/>
      <c r="O186" s="472"/>
      <c r="P186" s="474"/>
      <c r="Q186" s="139"/>
      <c r="R186" s="138"/>
      <c r="S186" s="141"/>
      <c r="T186" s="64"/>
    </row>
    <row r="187" spans="1:258" s="64" customFormat="1" ht="69.900000000000006" customHeight="1" thickBot="1">
      <c r="A187" s="568" t="s">
        <v>555</v>
      </c>
      <c r="B187" s="445"/>
      <c r="C187" s="445"/>
      <c r="D187" s="445"/>
      <c r="E187" s="445"/>
      <c r="F187" s="445"/>
      <c r="G187" s="445"/>
      <c r="H187" s="445"/>
      <c r="I187" s="445"/>
      <c r="J187" s="445"/>
      <c r="K187" s="445"/>
      <c r="L187" s="445"/>
      <c r="M187" s="445"/>
      <c r="N187" s="445"/>
      <c r="O187" s="445"/>
      <c r="P187" s="569"/>
      <c r="Q187" s="139"/>
      <c r="R187" s="138"/>
      <c r="S187" s="78"/>
      <c r="T187" s="76"/>
      <c r="U187" s="76"/>
      <c r="V187" s="76"/>
      <c r="W187" s="76"/>
      <c r="X187" s="77"/>
      <c r="Y187" s="77"/>
      <c r="Z187" s="77"/>
      <c r="AA187" s="77"/>
      <c r="AB187" s="77"/>
      <c r="AC187" s="77"/>
      <c r="AD187" s="77"/>
      <c r="AE187" s="77"/>
      <c r="AF187" s="77"/>
      <c r="AG187" s="77"/>
      <c r="AH187" s="77"/>
      <c r="AI187" s="77"/>
      <c r="AJ187" s="77"/>
      <c r="AK187" s="77"/>
      <c r="AL187" s="77"/>
      <c r="AM187" s="77"/>
      <c r="AN187" s="76"/>
      <c r="AO187" s="76"/>
      <c r="AP187" s="76"/>
      <c r="AQ187" s="76"/>
      <c r="AR187" s="76"/>
      <c r="AS187" s="76"/>
      <c r="AT187" s="76"/>
      <c r="AU187" s="76"/>
      <c r="AV187" s="76"/>
      <c r="AW187" s="76"/>
      <c r="AX187" s="76"/>
      <c r="AY187" s="76"/>
      <c r="AZ187" s="76"/>
      <c r="BA187" s="76"/>
      <c r="BB187" s="76"/>
      <c r="BC187" s="76"/>
      <c r="BD187" s="76"/>
    </row>
    <row r="188" spans="1:258" s="67" customFormat="1" ht="132" customHeight="1" thickTop="1" thickBot="1">
      <c r="A188" s="485" t="s">
        <v>367</v>
      </c>
      <c r="B188" s="598"/>
      <c r="C188" s="598"/>
      <c r="D188" s="598"/>
      <c r="E188" s="598"/>
      <c r="F188" s="598"/>
      <c r="G188" s="598"/>
      <c r="H188" s="598"/>
      <c r="I188" s="598"/>
      <c r="J188" s="598"/>
      <c r="K188" s="598"/>
      <c r="L188" s="352"/>
      <c r="M188" s="598"/>
      <c r="N188" s="638"/>
      <c r="O188" s="68" t="s">
        <v>20</v>
      </c>
      <c r="P188" s="69" t="s">
        <v>21</v>
      </c>
      <c r="Q188" s="139"/>
      <c r="R188" s="138"/>
      <c r="S188" s="137"/>
      <c r="T188" s="76"/>
      <c r="U188" s="77"/>
      <c r="V188" s="77"/>
      <c r="W188" s="77"/>
      <c r="X188" s="76"/>
      <c r="Y188" s="76"/>
      <c r="Z188" s="76"/>
      <c r="AA188" s="76"/>
      <c r="AB188" s="76"/>
      <c r="AC188" s="76"/>
      <c r="AD188" s="76"/>
      <c r="AE188" s="76"/>
      <c r="AF188" s="76"/>
      <c r="AG188" s="76"/>
      <c r="AH188" s="76"/>
      <c r="AI188" s="76"/>
      <c r="AJ188" s="76"/>
      <c r="AK188" s="76"/>
      <c r="AL188" s="76"/>
      <c r="AM188" s="76"/>
      <c r="AN188" s="77"/>
      <c r="AO188" s="77"/>
      <c r="AP188" s="77"/>
      <c r="AQ188" s="77"/>
      <c r="AR188" s="77"/>
      <c r="AS188" s="77"/>
      <c r="AT188" s="77"/>
      <c r="AU188" s="77"/>
      <c r="AV188" s="77"/>
      <c r="AW188" s="77"/>
      <c r="AX188" s="77"/>
      <c r="AY188" s="77"/>
      <c r="AZ188" s="77"/>
      <c r="BA188" s="77"/>
      <c r="BB188" s="77"/>
      <c r="BC188" s="77"/>
      <c r="BD188" s="77"/>
    </row>
    <row r="189" spans="1:258" s="67" customFormat="1" ht="132" customHeight="1" thickTop="1" thickBot="1">
      <c r="A189" s="467" t="s">
        <v>368</v>
      </c>
      <c r="B189" s="610"/>
      <c r="C189" s="610"/>
      <c r="D189" s="610"/>
      <c r="E189" s="610"/>
      <c r="F189" s="610"/>
      <c r="G189" s="610"/>
      <c r="H189" s="610"/>
      <c r="I189" s="610"/>
      <c r="J189" s="610"/>
      <c r="K189" s="610"/>
      <c r="L189" s="349"/>
      <c r="M189" s="610"/>
      <c r="N189" s="661"/>
      <c r="O189" s="75" t="s">
        <v>20</v>
      </c>
      <c r="P189" s="136" t="s">
        <v>21</v>
      </c>
      <c r="Q189" s="139"/>
      <c r="R189" s="138"/>
      <c r="S189" s="137"/>
      <c r="T189" s="76"/>
      <c r="U189" s="77"/>
      <c r="V189" s="77"/>
      <c r="W189" s="77"/>
      <c r="X189" s="76"/>
      <c r="Y189" s="76"/>
      <c r="Z189" s="76"/>
      <c r="AA189" s="76"/>
      <c r="AB189" s="76"/>
      <c r="AC189" s="76"/>
      <c r="AD189" s="76"/>
      <c r="AE189" s="76"/>
      <c r="AF189" s="76"/>
      <c r="AG189" s="76"/>
      <c r="AH189" s="76"/>
      <c r="AI189" s="76"/>
      <c r="AJ189" s="76"/>
      <c r="AK189" s="76"/>
      <c r="AL189" s="76"/>
      <c r="AM189" s="76"/>
      <c r="AN189" s="77"/>
      <c r="AO189" s="77"/>
      <c r="AP189" s="77"/>
      <c r="AQ189" s="77"/>
      <c r="AR189" s="77"/>
      <c r="AS189" s="77"/>
      <c r="AT189" s="77"/>
      <c r="AU189" s="77"/>
      <c r="AV189" s="77"/>
      <c r="AW189" s="77"/>
      <c r="AX189" s="77"/>
      <c r="AY189" s="77"/>
      <c r="AZ189" s="77"/>
      <c r="BA189" s="77"/>
      <c r="BB189" s="77"/>
      <c r="BC189" s="77"/>
      <c r="BD189" s="77"/>
    </row>
    <row r="190" spans="1:258" s="64" customFormat="1" ht="69.900000000000006" customHeight="1" thickTop="1">
      <c r="A190" s="468" t="s">
        <v>25</v>
      </c>
      <c r="B190" s="574"/>
      <c r="C190" s="574"/>
      <c r="D190" s="574"/>
      <c r="E190" s="574"/>
      <c r="F190" s="574"/>
      <c r="G190" s="574"/>
      <c r="H190" s="574"/>
      <c r="I190" s="574"/>
      <c r="J190" s="574"/>
      <c r="K190" s="574"/>
      <c r="L190" s="454"/>
      <c r="M190" s="574"/>
      <c r="N190" s="574"/>
      <c r="O190" s="574"/>
      <c r="P190" s="575"/>
      <c r="Q190" s="122"/>
      <c r="R190" s="138"/>
      <c r="S190" s="162"/>
    </row>
    <row r="191" spans="1:258" s="67" customFormat="1" ht="75" customHeight="1">
      <c r="A191" s="456"/>
      <c r="B191" s="457"/>
      <c r="C191" s="457"/>
      <c r="D191" s="457"/>
      <c r="E191" s="457"/>
      <c r="F191" s="457"/>
      <c r="G191" s="457"/>
      <c r="H191" s="457"/>
      <c r="I191" s="457"/>
      <c r="J191" s="457"/>
      <c r="K191" s="457"/>
      <c r="L191" s="458"/>
      <c r="M191" s="457"/>
      <c r="N191" s="457"/>
      <c r="O191" s="457"/>
      <c r="P191" s="459"/>
      <c r="Q191" s="139"/>
      <c r="R191" s="138"/>
      <c r="S191" s="141"/>
      <c r="T191" s="64"/>
    </row>
    <row r="192" spans="1:258" s="67" customFormat="1" ht="75" customHeight="1" thickBot="1">
      <c r="A192" s="471"/>
      <c r="B192" s="472"/>
      <c r="C192" s="472"/>
      <c r="D192" s="472"/>
      <c r="E192" s="472"/>
      <c r="F192" s="472"/>
      <c r="G192" s="472"/>
      <c r="H192" s="472"/>
      <c r="I192" s="472"/>
      <c r="J192" s="472"/>
      <c r="K192" s="472"/>
      <c r="L192" s="473"/>
      <c r="M192" s="472"/>
      <c r="N192" s="472"/>
      <c r="O192" s="472"/>
      <c r="P192" s="474"/>
      <c r="Q192" s="139"/>
      <c r="R192" s="138"/>
      <c r="S192" s="141"/>
      <c r="T192" s="64"/>
    </row>
    <row r="193" spans="1:56" s="64" customFormat="1" ht="69.900000000000006" customHeight="1" thickBot="1">
      <c r="A193" s="443" t="s">
        <v>556</v>
      </c>
      <c r="B193" s="475"/>
      <c r="C193" s="475"/>
      <c r="D193" s="475"/>
      <c r="E193" s="475"/>
      <c r="F193" s="475"/>
      <c r="G193" s="475"/>
      <c r="H193" s="475"/>
      <c r="I193" s="475"/>
      <c r="J193" s="475"/>
      <c r="K193" s="475"/>
      <c r="L193" s="445"/>
      <c r="M193" s="475"/>
      <c r="N193" s="475"/>
      <c r="O193" s="475"/>
      <c r="P193" s="476"/>
      <c r="Q193" s="139"/>
      <c r="R193" s="138"/>
      <c r="S193" s="78"/>
      <c r="T193" s="76"/>
      <c r="U193" s="76"/>
      <c r="V193" s="76"/>
      <c r="W193" s="76"/>
      <c r="X193" s="77"/>
      <c r="Y193" s="77"/>
      <c r="Z193" s="77"/>
      <c r="AA193" s="77"/>
      <c r="AB193" s="77"/>
      <c r="AC193" s="77"/>
      <c r="AD193" s="77"/>
      <c r="AE193" s="77"/>
      <c r="AF193" s="77"/>
      <c r="AG193" s="77"/>
      <c r="AH193" s="77"/>
      <c r="AI193" s="77"/>
      <c r="AJ193" s="77"/>
      <c r="AK193" s="77"/>
      <c r="AL193" s="77"/>
      <c r="AM193" s="77"/>
      <c r="AN193" s="76"/>
      <c r="AO193" s="76"/>
      <c r="AP193" s="76"/>
      <c r="AQ193" s="76"/>
      <c r="AR193" s="76"/>
      <c r="AS193" s="76"/>
      <c r="AT193" s="76"/>
      <c r="AU193" s="76"/>
      <c r="AV193" s="76"/>
      <c r="AW193" s="76"/>
      <c r="AX193" s="76"/>
      <c r="AY193" s="76"/>
      <c r="AZ193" s="76"/>
      <c r="BA193" s="76"/>
      <c r="BB193" s="76"/>
      <c r="BC193" s="76"/>
      <c r="BD193" s="76"/>
    </row>
    <row r="194" spans="1:56" s="67" customFormat="1" ht="132" customHeight="1" thickTop="1" thickBot="1">
      <c r="A194" s="477" t="s">
        <v>557</v>
      </c>
      <c r="B194" s="379"/>
      <c r="C194" s="379"/>
      <c r="D194" s="379"/>
      <c r="E194" s="379"/>
      <c r="F194" s="379"/>
      <c r="G194" s="379"/>
      <c r="H194" s="379"/>
      <c r="I194" s="379"/>
      <c r="J194" s="379"/>
      <c r="K194" s="379"/>
      <c r="L194" s="379"/>
      <c r="M194" s="379"/>
      <c r="N194" s="576"/>
      <c r="O194" s="75" t="s">
        <v>20</v>
      </c>
      <c r="P194" s="136" t="s">
        <v>21</v>
      </c>
      <c r="Q194" s="139"/>
      <c r="R194" s="138"/>
      <c r="S194" s="137"/>
      <c r="T194" s="76"/>
      <c r="U194" s="77"/>
      <c r="V194" s="77"/>
      <c r="W194" s="77"/>
      <c r="X194" s="77"/>
      <c r="Y194" s="77"/>
      <c r="Z194" s="77"/>
      <c r="AA194" s="77"/>
      <c r="AB194" s="77"/>
      <c r="AC194" s="77"/>
      <c r="AD194" s="77"/>
      <c r="AE194" s="77"/>
      <c r="AF194" s="77"/>
      <c r="AG194" s="77"/>
      <c r="AH194" s="77"/>
      <c r="AI194" s="77"/>
      <c r="AJ194" s="77"/>
      <c r="AK194" s="77"/>
      <c r="AL194" s="77"/>
      <c r="AM194" s="77"/>
      <c r="AN194" s="77"/>
      <c r="AO194" s="77"/>
      <c r="AP194" s="77"/>
      <c r="AQ194" s="77"/>
      <c r="AR194" s="77"/>
      <c r="AS194" s="77"/>
      <c r="AT194" s="77"/>
      <c r="AU194" s="77"/>
      <c r="AV194" s="77"/>
      <c r="AW194" s="77"/>
      <c r="AX194" s="77"/>
      <c r="AY194" s="77"/>
      <c r="AZ194" s="77"/>
      <c r="BA194" s="77"/>
      <c r="BB194" s="77"/>
      <c r="BC194" s="77"/>
      <c r="BD194" s="77"/>
    </row>
    <row r="195" spans="1:56" s="64" customFormat="1" ht="69.900000000000006" customHeight="1" thickTop="1">
      <c r="A195" s="468" t="s">
        <v>25</v>
      </c>
      <c r="B195" s="574"/>
      <c r="C195" s="574"/>
      <c r="D195" s="574"/>
      <c r="E195" s="574"/>
      <c r="F195" s="574"/>
      <c r="G195" s="574"/>
      <c r="H195" s="574"/>
      <c r="I195" s="574"/>
      <c r="J195" s="574"/>
      <c r="K195" s="574"/>
      <c r="L195" s="454"/>
      <c r="M195" s="574"/>
      <c r="N195" s="574"/>
      <c r="O195" s="574"/>
      <c r="P195" s="575"/>
      <c r="Q195" s="122"/>
      <c r="R195" s="138"/>
      <c r="S195" s="162"/>
    </row>
    <row r="196" spans="1:56" s="67" customFormat="1" ht="75" customHeight="1">
      <c r="A196" s="456"/>
      <c r="B196" s="457"/>
      <c r="C196" s="457"/>
      <c r="D196" s="457"/>
      <c r="E196" s="457"/>
      <c r="F196" s="457"/>
      <c r="G196" s="457"/>
      <c r="H196" s="457"/>
      <c r="I196" s="457"/>
      <c r="J196" s="457"/>
      <c r="K196" s="457"/>
      <c r="L196" s="458"/>
      <c r="M196" s="457"/>
      <c r="N196" s="457"/>
      <c r="O196" s="457"/>
      <c r="P196" s="459"/>
      <c r="Q196" s="139"/>
      <c r="R196" s="138"/>
      <c r="S196" s="141"/>
      <c r="T196" s="64"/>
    </row>
    <row r="197" spans="1:56" s="67" customFormat="1" ht="75" customHeight="1" thickBot="1">
      <c r="A197" s="471"/>
      <c r="B197" s="472"/>
      <c r="C197" s="472"/>
      <c r="D197" s="472"/>
      <c r="E197" s="472"/>
      <c r="F197" s="472"/>
      <c r="G197" s="472"/>
      <c r="H197" s="472"/>
      <c r="I197" s="472"/>
      <c r="J197" s="472"/>
      <c r="K197" s="472"/>
      <c r="L197" s="473"/>
      <c r="M197" s="472"/>
      <c r="N197" s="472"/>
      <c r="O197" s="472"/>
      <c r="P197" s="474"/>
      <c r="Q197" s="139"/>
      <c r="R197" s="138"/>
      <c r="S197" s="141"/>
      <c r="T197" s="64"/>
    </row>
    <row r="198" spans="1:56" s="64" customFormat="1" ht="69.900000000000006" customHeight="1" thickBot="1">
      <c r="A198" s="443" t="s">
        <v>558</v>
      </c>
      <c r="B198" s="475"/>
      <c r="C198" s="475"/>
      <c r="D198" s="475"/>
      <c r="E198" s="475"/>
      <c r="F198" s="475"/>
      <c r="G198" s="475"/>
      <c r="H198" s="475"/>
      <c r="I198" s="475"/>
      <c r="J198" s="475"/>
      <c r="K198" s="475"/>
      <c r="L198" s="445"/>
      <c r="M198" s="475"/>
      <c r="N198" s="475"/>
      <c r="O198" s="475"/>
      <c r="P198" s="476"/>
      <c r="Q198" s="139"/>
      <c r="R198" s="138"/>
      <c r="S198" s="209" t="s">
        <v>559</v>
      </c>
      <c r="T198" s="76"/>
      <c r="U198" s="76"/>
      <c r="V198" s="76"/>
      <c r="W198" s="76"/>
      <c r="X198" s="76"/>
      <c r="Y198" s="76"/>
      <c r="Z198" s="76"/>
      <c r="AA198" s="76"/>
      <c r="AB198" s="76"/>
      <c r="AC198" s="76"/>
      <c r="AD198" s="76"/>
      <c r="AE198" s="76"/>
      <c r="AF198" s="76"/>
      <c r="AG198" s="76"/>
      <c r="AH198" s="76"/>
      <c r="AI198" s="76"/>
      <c r="AJ198" s="76"/>
      <c r="AK198" s="76"/>
      <c r="AL198" s="76"/>
      <c r="AM198" s="76"/>
      <c r="AN198" s="76"/>
      <c r="AO198" s="76"/>
      <c r="AP198" s="76"/>
      <c r="AQ198" s="76"/>
      <c r="AR198" s="76"/>
      <c r="AS198" s="76"/>
      <c r="AT198" s="76"/>
      <c r="AU198" s="76"/>
      <c r="AV198" s="76"/>
      <c r="AW198" s="76"/>
      <c r="AX198" s="76"/>
      <c r="AY198" s="76"/>
      <c r="AZ198" s="76"/>
      <c r="BA198" s="76"/>
      <c r="BB198" s="76"/>
      <c r="BC198" s="76"/>
      <c r="BD198" s="76"/>
    </row>
    <row r="199" spans="1:56" s="67" customFormat="1" ht="132" customHeight="1" thickTop="1" thickBot="1">
      <c r="A199" s="477" t="s">
        <v>560</v>
      </c>
      <c r="B199" s="379"/>
      <c r="C199" s="379"/>
      <c r="D199" s="379"/>
      <c r="E199" s="379"/>
      <c r="F199" s="379"/>
      <c r="G199" s="379"/>
      <c r="H199" s="379"/>
      <c r="I199" s="379"/>
      <c r="J199" s="379"/>
      <c r="K199" s="379"/>
      <c r="L199" s="379"/>
      <c r="M199" s="379"/>
      <c r="N199" s="576"/>
      <c r="O199" s="75" t="s">
        <v>20</v>
      </c>
      <c r="P199" s="136" t="s">
        <v>21</v>
      </c>
      <c r="Q199" s="139"/>
      <c r="R199" s="138"/>
      <c r="S199" s="137"/>
      <c r="T199" s="76"/>
      <c r="U199" s="77"/>
      <c r="V199" s="77"/>
      <c r="W199" s="77"/>
      <c r="X199" s="77"/>
      <c r="Y199" s="77"/>
      <c r="Z199" s="77"/>
      <c r="AA199" s="77"/>
      <c r="AB199" s="77"/>
      <c r="AC199" s="77"/>
      <c r="AD199" s="77"/>
      <c r="AE199" s="77"/>
      <c r="AF199" s="77"/>
      <c r="AG199" s="77"/>
      <c r="AH199" s="77"/>
      <c r="AI199" s="77"/>
      <c r="AJ199" s="77"/>
      <c r="AK199" s="77"/>
      <c r="AL199" s="77"/>
      <c r="AM199" s="77"/>
      <c r="AN199" s="77"/>
      <c r="AO199" s="77"/>
      <c r="AP199" s="77"/>
      <c r="AQ199" s="77"/>
      <c r="AR199" s="77"/>
      <c r="AS199" s="77"/>
      <c r="AT199" s="77"/>
      <c r="AU199" s="77"/>
      <c r="AV199" s="77"/>
      <c r="AW199" s="77"/>
      <c r="AX199" s="77"/>
      <c r="AY199" s="77"/>
      <c r="AZ199" s="77"/>
      <c r="BA199" s="77"/>
      <c r="BB199" s="77"/>
      <c r="BC199" s="77"/>
      <c r="BD199" s="77"/>
    </row>
    <row r="200" spans="1:56" s="64" customFormat="1" ht="69.900000000000006" customHeight="1" thickTop="1">
      <c r="A200" s="468" t="s">
        <v>25</v>
      </c>
      <c r="B200" s="574"/>
      <c r="C200" s="574"/>
      <c r="D200" s="574"/>
      <c r="E200" s="574"/>
      <c r="F200" s="574"/>
      <c r="G200" s="574"/>
      <c r="H200" s="574"/>
      <c r="I200" s="574"/>
      <c r="J200" s="574"/>
      <c r="K200" s="574"/>
      <c r="L200" s="454"/>
      <c r="M200" s="574"/>
      <c r="N200" s="574"/>
      <c r="O200" s="574"/>
      <c r="P200" s="575"/>
      <c r="Q200" s="122"/>
      <c r="R200" s="138"/>
      <c r="S200" s="162"/>
    </row>
    <row r="201" spans="1:56" s="67" customFormat="1" ht="75" customHeight="1">
      <c r="A201" s="456"/>
      <c r="B201" s="457"/>
      <c r="C201" s="457"/>
      <c r="D201" s="457"/>
      <c r="E201" s="457"/>
      <c r="F201" s="457"/>
      <c r="G201" s="457"/>
      <c r="H201" s="457"/>
      <c r="I201" s="457"/>
      <c r="J201" s="457"/>
      <c r="K201" s="457"/>
      <c r="L201" s="458"/>
      <c r="M201" s="457"/>
      <c r="N201" s="457"/>
      <c r="O201" s="457"/>
      <c r="P201" s="459"/>
      <c r="Q201" s="139"/>
      <c r="R201" s="138"/>
      <c r="S201" s="141"/>
      <c r="T201" s="64"/>
    </row>
    <row r="202" spans="1:56" s="67" customFormat="1" ht="75" customHeight="1" thickBot="1">
      <c r="A202" s="471"/>
      <c r="B202" s="472"/>
      <c r="C202" s="472"/>
      <c r="D202" s="472"/>
      <c r="E202" s="472"/>
      <c r="F202" s="472"/>
      <c r="G202" s="472"/>
      <c r="H202" s="472"/>
      <c r="I202" s="472"/>
      <c r="J202" s="472"/>
      <c r="K202" s="472"/>
      <c r="L202" s="473"/>
      <c r="M202" s="472"/>
      <c r="N202" s="472"/>
      <c r="O202" s="472"/>
      <c r="P202" s="474"/>
      <c r="Q202" s="139"/>
      <c r="R202" s="138"/>
      <c r="S202" s="141"/>
      <c r="T202" s="64"/>
    </row>
    <row r="203" spans="1:56" s="64" customFormat="1" ht="69.900000000000006" customHeight="1" thickBot="1">
      <c r="A203" s="562" t="s">
        <v>373</v>
      </c>
      <c r="B203" s="563"/>
      <c r="C203" s="563"/>
      <c r="D203" s="563"/>
      <c r="E203" s="563"/>
      <c r="F203" s="563"/>
      <c r="G203" s="563"/>
      <c r="H203" s="563"/>
      <c r="I203" s="563"/>
      <c r="J203" s="563"/>
      <c r="K203" s="563"/>
      <c r="L203" s="563"/>
      <c r="M203" s="563"/>
      <c r="N203" s="563"/>
      <c r="O203" s="563"/>
      <c r="P203" s="564"/>
      <c r="Q203" s="122"/>
      <c r="R203" s="138"/>
      <c r="S203" s="78"/>
      <c r="T203" s="76"/>
      <c r="U203" s="76"/>
      <c r="V203" s="76"/>
      <c r="W203" s="76"/>
      <c r="X203" s="77"/>
      <c r="Y203" s="77"/>
      <c r="Z203" s="77"/>
      <c r="AA203" s="77"/>
      <c r="AB203" s="77"/>
      <c r="AC203" s="77"/>
      <c r="AD203" s="77"/>
      <c r="AE203" s="77"/>
      <c r="AF203" s="77"/>
      <c r="AG203" s="77"/>
      <c r="AH203" s="77"/>
      <c r="AI203" s="77"/>
      <c r="AJ203" s="77"/>
      <c r="AK203" s="77"/>
      <c r="AL203" s="77"/>
      <c r="AM203" s="77"/>
      <c r="AN203" s="76"/>
      <c r="AO203" s="76"/>
      <c r="AP203" s="76"/>
      <c r="AQ203" s="76"/>
      <c r="AR203" s="76"/>
      <c r="AS203" s="76"/>
      <c r="AT203" s="76"/>
      <c r="AU203" s="76"/>
      <c r="AV203" s="76"/>
      <c r="AW203" s="76"/>
      <c r="AX203" s="76"/>
      <c r="AY203" s="76"/>
      <c r="AZ203" s="76"/>
      <c r="BA203" s="76"/>
      <c r="BB203" s="76"/>
      <c r="BC203" s="76"/>
      <c r="BD203" s="76"/>
    </row>
    <row r="204" spans="1:56" s="64" customFormat="1" ht="69.900000000000006" customHeight="1" thickBot="1">
      <c r="A204" s="443" t="s">
        <v>561</v>
      </c>
      <c r="B204" s="475"/>
      <c r="C204" s="475"/>
      <c r="D204" s="475"/>
      <c r="E204" s="475"/>
      <c r="F204" s="475"/>
      <c r="G204" s="475"/>
      <c r="H204" s="475"/>
      <c r="I204" s="475"/>
      <c r="J204" s="475"/>
      <c r="K204" s="475"/>
      <c r="L204" s="445"/>
      <c r="M204" s="475"/>
      <c r="N204" s="475"/>
      <c r="O204" s="475"/>
      <c r="P204" s="476"/>
      <c r="Q204" s="139"/>
      <c r="R204" s="138"/>
      <c r="S204" s="78"/>
      <c r="T204" s="76"/>
      <c r="U204" s="76"/>
      <c r="V204" s="76"/>
      <c r="W204" s="76"/>
      <c r="X204" s="76"/>
      <c r="Y204" s="76"/>
      <c r="Z204" s="76"/>
      <c r="AA204" s="76"/>
      <c r="AB204" s="76"/>
      <c r="AC204" s="76"/>
      <c r="AD204" s="76"/>
      <c r="AE204" s="76"/>
      <c r="AF204" s="76"/>
      <c r="AG204" s="76"/>
      <c r="AH204" s="76"/>
      <c r="AI204" s="76"/>
      <c r="AJ204" s="76"/>
      <c r="AK204" s="76"/>
      <c r="AL204" s="76"/>
      <c r="AM204" s="76"/>
      <c r="AN204" s="76"/>
      <c r="AO204" s="76"/>
      <c r="AP204" s="76"/>
      <c r="AQ204" s="76"/>
      <c r="AR204" s="76"/>
      <c r="AS204" s="76"/>
      <c r="AT204" s="76"/>
      <c r="AU204" s="76"/>
      <c r="AV204" s="76"/>
      <c r="AW204" s="76"/>
      <c r="AX204" s="76"/>
      <c r="AY204" s="76"/>
      <c r="AZ204" s="76"/>
      <c r="BA204" s="76"/>
      <c r="BB204" s="76"/>
      <c r="BC204" s="76"/>
      <c r="BD204" s="76"/>
    </row>
    <row r="205" spans="1:56" s="67" customFormat="1" ht="199.95" customHeight="1" thickTop="1" thickBot="1">
      <c r="A205" s="477" t="s">
        <v>375</v>
      </c>
      <c r="B205" s="379"/>
      <c r="C205" s="379"/>
      <c r="D205" s="379"/>
      <c r="E205" s="379"/>
      <c r="F205" s="379"/>
      <c r="G205" s="379"/>
      <c r="H205" s="379"/>
      <c r="I205" s="379"/>
      <c r="J205" s="379"/>
      <c r="K205" s="379"/>
      <c r="L205" s="379"/>
      <c r="M205" s="379"/>
      <c r="N205" s="576"/>
      <c r="O205" s="75" t="s">
        <v>20</v>
      </c>
      <c r="P205" s="136" t="s">
        <v>21</v>
      </c>
      <c r="Q205" s="139"/>
      <c r="R205" s="138"/>
      <c r="S205" s="137"/>
      <c r="T205" s="76"/>
      <c r="U205" s="77"/>
      <c r="V205" s="77"/>
      <c r="W205" s="77"/>
      <c r="X205" s="76"/>
      <c r="Y205" s="76"/>
      <c r="Z205" s="76"/>
      <c r="AA205" s="76"/>
      <c r="AB205" s="76"/>
      <c r="AC205" s="76"/>
      <c r="AD205" s="76"/>
      <c r="AE205" s="76"/>
      <c r="AF205" s="76"/>
      <c r="AG205" s="76"/>
      <c r="AH205" s="76"/>
      <c r="AI205" s="76"/>
      <c r="AJ205" s="76"/>
      <c r="AK205" s="76"/>
      <c r="AL205" s="76"/>
      <c r="AM205" s="76"/>
      <c r="AN205" s="77"/>
      <c r="AO205" s="77"/>
      <c r="AP205" s="77"/>
      <c r="AQ205" s="77"/>
      <c r="AR205" s="77"/>
      <c r="AS205" s="77"/>
      <c r="AT205" s="77"/>
      <c r="AU205" s="77"/>
      <c r="AV205" s="77"/>
      <c r="AW205" s="77"/>
      <c r="AX205" s="77"/>
      <c r="AY205" s="77"/>
      <c r="AZ205" s="77"/>
      <c r="BA205" s="77"/>
      <c r="BB205" s="77"/>
      <c r="BC205" s="77"/>
      <c r="BD205" s="77"/>
    </row>
    <row r="206" spans="1:56" s="52" customFormat="1" ht="69.900000000000006" customHeight="1" thickTop="1">
      <c r="A206" s="698" t="s">
        <v>562</v>
      </c>
      <c r="B206" s="505"/>
      <c r="C206" s="505"/>
      <c r="D206" s="505"/>
      <c r="E206" s="505"/>
      <c r="F206" s="505"/>
      <c r="G206" s="505"/>
      <c r="H206" s="505"/>
      <c r="I206" s="505"/>
      <c r="J206" s="505"/>
      <c r="K206" s="505"/>
      <c r="L206" s="505"/>
      <c r="M206" s="505"/>
      <c r="N206" s="505"/>
      <c r="O206" s="505"/>
      <c r="P206" s="699"/>
      <c r="Q206" s="161"/>
      <c r="R206" s="133"/>
      <c r="S206" s="162"/>
    </row>
    <row r="207" spans="1:56" s="52" customFormat="1" ht="69.900000000000006" customHeight="1">
      <c r="A207" s="507" t="s">
        <v>90</v>
      </c>
      <c r="B207" s="508"/>
      <c r="C207" s="508"/>
      <c r="D207" s="508"/>
      <c r="E207" s="508"/>
      <c r="F207" s="508"/>
      <c r="G207" s="508"/>
      <c r="H207" s="508"/>
      <c r="I207" s="508"/>
      <c r="J207" s="508"/>
      <c r="K207" s="508"/>
      <c r="L207" s="508"/>
      <c r="M207" s="508"/>
      <c r="N207" s="508"/>
      <c r="O207" s="508"/>
      <c r="P207" s="509"/>
      <c r="Q207" s="161"/>
      <c r="R207" s="133"/>
      <c r="S207" s="162"/>
    </row>
    <row r="208" spans="1:56" s="67" customFormat="1" ht="69.599999999999994" customHeight="1">
      <c r="A208" s="658" t="s">
        <v>563</v>
      </c>
      <c r="B208" s="659"/>
      <c r="C208" s="659"/>
      <c r="D208" s="659"/>
      <c r="E208" s="659"/>
      <c r="F208" s="659"/>
      <c r="G208" s="659"/>
      <c r="H208" s="659"/>
      <c r="I208" s="659"/>
      <c r="J208" s="659"/>
      <c r="K208" s="659"/>
      <c r="L208" s="659"/>
      <c r="M208" s="659"/>
      <c r="N208" s="659"/>
      <c r="O208" s="659"/>
      <c r="P208" s="660"/>
      <c r="Q208" s="139"/>
      <c r="R208" s="138"/>
      <c r="S208" s="78"/>
      <c r="T208" s="76"/>
      <c r="U208" s="77"/>
      <c r="V208" s="77"/>
      <c r="W208" s="77"/>
      <c r="X208" s="77"/>
      <c r="Y208" s="77"/>
      <c r="Z208" s="77"/>
      <c r="AA208" s="77"/>
      <c r="AB208" s="77"/>
      <c r="AC208" s="77"/>
      <c r="AD208" s="77"/>
      <c r="AE208" s="77"/>
      <c r="AF208" s="77"/>
      <c r="AG208" s="77"/>
      <c r="AH208" s="77"/>
      <c r="AI208" s="77"/>
      <c r="AJ208" s="77"/>
      <c r="AK208" s="77"/>
      <c r="AL208" s="77"/>
      <c r="AM208" s="77"/>
      <c r="AN208" s="77"/>
      <c r="AO208" s="77"/>
      <c r="AP208" s="77"/>
      <c r="AQ208" s="77"/>
      <c r="AR208" s="77"/>
      <c r="AS208" s="77"/>
      <c r="AT208" s="77"/>
      <c r="AU208" s="77"/>
      <c r="AV208" s="77"/>
      <c r="AW208" s="77"/>
      <c r="AX208" s="77"/>
      <c r="AY208" s="77"/>
      <c r="AZ208" s="77"/>
      <c r="BA208" s="77"/>
      <c r="BB208" s="77"/>
      <c r="BC208" s="77"/>
      <c r="BD208" s="77"/>
    </row>
    <row r="209" spans="1:258" s="67" customFormat="1" ht="69.599999999999994" customHeight="1">
      <c r="A209" s="556" t="s">
        <v>85</v>
      </c>
      <c r="B209" s="557"/>
      <c r="C209" s="557"/>
      <c r="D209" s="557"/>
      <c r="E209" s="557"/>
      <c r="F209" s="557"/>
      <c r="G209" s="557"/>
      <c r="H209" s="557"/>
      <c r="I209" s="557"/>
      <c r="J209" s="557"/>
      <c r="K209" s="557"/>
      <c r="L209" s="557"/>
      <c r="M209" s="557"/>
      <c r="N209" s="557"/>
      <c r="O209" s="557"/>
      <c r="P209" s="558"/>
      <c r="Q209" s="139"/>
      <c r="R209" s="138"/>
      <c r="S209" s="78"/>
      <c r="T209" s="76"/>
      <c r="U209" s="77"/>
      <c r="V209" s="77"/>
      <c r="W209" s="77"/>
      <c r="X209" s="77"/>
      <c r="Y209" s="77"/>
      <c r="Z209" s="77"/>
      <c r="AA209" s="77"/>
      <c r="AB209" s="77"/>
      <c r="AC209" s="77"/>
      <c r="AD209" s="77"/>
      <c r="AE209" s="77"/>
      <c r="AF209" s="77"/>
      <c r="AG209" s="77"/>
      <c r="AH209" s="77"/>
      <c r="AI209" s="77"/>
      <c r="AJ209" s="77"/>
      <c r="AK209" s="77"/>
      <c r="AL209" s="77"/>
      <c r="AM209" s="77"/>
      <c r="AN209" s="77"/>
      <c r="AO209" s="77"/>
      <c r="AP209" s="77"/>
      <c r="AQ209" s="77"/>
      <c r="AR209" s="77"/>
      <c r="AS209" s="77"/>
      <c r="AT209" s="77"/>
      <c r="AU209" s="77"/>
      <c r="AV209" s="77"/>
      <c r="AW209" s="77"/>
      <c r="AX209" s="77"/>
      <c r="AY209" s="77"/>
      <c r="AZ209" s="77"/>
      <c r="BA209" s="77"/>
      <c r="BB209" s="77"/>
      <c r="BC209" s="77"/>
      <c r="BD209" s="77"/>
    </row>
    <row r="210" spans="1:258" s="64" customFormat="1" ht="69.900000000000006" customHeight="1">
      <c r="A210" s="468" t="s">
        <v>25</v>
      </c>
      <c r="B210" s="574"/>
      <c r="C210" s="574"/>
      <c r="D210" s="574"/>
      <c r="E210" s="574"/>
      <c r="F210" s="574"/>
      <c r="G210" s="574"/>
      <c r="H210" s="574"/>
      <c r="I210" s="574"/>
      <c r="J210" s="574"/>
      <c r="K210" s="574"/>
      <c r="L210" s="454"/>
      <c r="M210" s="574"/>
      <c r="N210" s="574"/>
      <c r="O210" s="574"/>
      <c r="P210" s="575"/>
      <c r="Q210" s="122"/>
      <c r="R210" s="138"/>
      <c r="S210" s="162"/>
    </row>
    <row r="211" spans="1:258" s="67" customFormat="1" ht="75" customHeight="1">
      <c r="A211" s="456"/>
      <c r="B211" s="457"/>
      <c r="C211" s="457"/>
      <c r="D211" s="457"/>
      <c r="E211" s="457"/>
      <c r="F211" s="457"/>
      <c r="G211" s="457"/>
      <c r="H211" s="457"/>
      <c r="I211" s="457"/>
      <c r="J211" s="457"/>
      <c r="K211" s="457"/>
      <c r="L211" s="458"/>
      <c r="M211" s="457"/>
      <c r="N211" s="457"/>
      <c r="O211" s="457"/>
      <c r="P211" s="459"/>
      <c r="Q211" s="139"/>
      <c r="R211" s="138"/>
      <c r="S211" s="141"/>
      <c r="T211" s="64"/>
    </row>
    <row r="212" spans="1:258" s="67" customFormat="1" ht="75" customHeight="1" thickBot="1">
      <c r="A212" s="471"/>
      <c r="B212" s="472"/>
      <c r="C212" s="472"/>
      <c r="D212" s="472"/>
      <c r="E212" s="472"/>
      <c r="F212" s="472"/>
      <c r="G212" s="472"/>
      <c r="H212" s="472"/>
      <c r="I212" s="472"/>
      <c r="J212" s="472"/>
      <c r="K212" s="472"/>
      <c r="L212" s="473"/>
      <c r="M212" s="472"/>
      <c r="N212" s="472"/>
      <c r="O212" s="472"/>
      <c r="P212" s="474"/>
      <c r="Q212" s="139"/>
      <c r="R212" s="138"/>
      <c r="S212" s="141"/>
      <c r="T212" s="64"/>
    </row>
    <row r="213" spans="1:258" s="64" customFormat="1" ht="69.900000000000006" customHeight="1" thickBot="1">
      <c r="A213" s="443" t="s">
        <v>564</v>
      </c>
      <c r="B213" s="475"/>
      <c r="C213" s="475"/>
      <c r="D213" s="475"/>
      <c r="E213" s="475"/>
      <c r="F213" s="475"/>
      <c r="G213" s="475"/>
      <c r="H213" s="475"/>
      <c r="I213" s="475"/>
      <c r="J213" s="475"/>
      <c r="K213" s="475"/>
      <c r="L213" s="445"/>
      <c r="M213" s="475"/>
      <c r="N213" s="475"/>
      <c r="O213" s="475"/>
      <c r="P213" s="476"/>
      <c r="Q213" s="139"/>
      <c r="R213" s="138"/>
      <c r="S213" s="78"/>
      <c r="T213" s="76"/>
      <c r="U213" s="76"/>
      <c r="V213" s="76"/>
      <c r="W213" s="76"/>
      <c r="X213" s="76"/>
      <c r="Y213" s="76"/>
      <c r="Z213" s="76"/>
      <c r="AA213" s="76"/>
      <c r="AB213" s="76"/>
      <c r="AC213" s="76"/>
      <c r="AD213" s="76"/>
      <c r="AE213" s="76"/>
      <c r="AF213" s="76"/>
      <c r="AG213" s="76"/>
      <c r="AH213" s="76"/>
      <c r="AI213" s="76"/>
      <c r="AJ213" s="76"/>
      <c r="AK213" s="76"/>
      <c r="AL213" s="76"/>
      <c r="AM213" s="76"/>
      <c r="AN213" s="76"/>
      <c r="AO213" s="76"/>
      <c r="AP213" s="76"/>
      <c r="AQ213" s="76"/>
      <c r="AR213" s="76"/>
      <c r="AS213" s="76"/>
      <c r="AT213" s="76"/>
      <c r="AU213" s="76"/>
      <c r="AV213" s="76"/>
      <c r="AW213" s="76"/>
      <c r="AX213" s="76"/>
      <c r="AY213" s="76"/>
      <c r="AZ213" s="76"/>
      <c r="BA213" s="76"/>
      <c r="BB213" s="76"/>
      <c r="BC213" s="76"/>
      <c r="BD213" s="76"/>
    </row>
    <row r="214" spans="1:258" s="67" customFormat="1" ht="199.95" customHeight="1" thickTop="1" thickBot="1">
      <c r="A214" s="477" t="s">
        <v>378</v>
      </c>
      <c r="B214" s="379"/>
      <c r="C214" s="379"/>
      <c r="D214" s="379"/>
      <c r="E214" s="379"/>
      <c r="F214" s="379"/>
      <c r="G214" s="379"/>
      <c r="H214" s="379"/>
      <c r="I214" s="379"/>
      <c r="J214" s="379"/>
      <c r="K214" s="379"/>
      <c r="L214" s="379"/>
      <c r="M214" s="576"/>
      <c r="N214" s="135" t="s">
        <v>24</v>
      </c>
      <c r="O214" s="75" t="s">
        <v>20</v>
      </c>
      <c r="P214" s="136" t="s">
        <v>21</v>
      </c>
      <c r="Q214" s="139"/>
      <c r="R214" s="138"/>
      <c r="S214" s="137"/>
      <c r="T214" s="76"/>
      <c r="U214" s="77"/>
      <c r="V214" s="77"/>
      <c r="W214" s="77"/>
      <c r="X214" s="76"/>
      <c r="Y214" s="76"/>
      <c r="Z214" s="76"/>
      <c r="AA214" s="76"/>
      <c r="AB214" s="76"/>
      <c r="AC214" s="76"/>
      <c r="AD214" s="76"/>
      <c r="AE214" s="76"/>
      <c r="AF214" s="76"/>
      <c r="AG214" s="76"/>
      <c r="AH214" s="76"/>
      <c r="AI214" s="76"/>
      <c r="AJ214" s="76"/>
      <c r="AK214" s="76"/>
      <c r="AL214" s="76"/>
      <c r="AM214" s="76"/>
      <c r="AN214" s="77"/>
      <c r="AO214" s="77"/>
      <c r="AP214" s="77"/>
      <c r="AQ214" s="77"/>
      <c r="AR214" s="77"/>
      <c r="AS214" s="77"/>
      <c r="AT214" s="77"/>
      <c r="AU214" s="77"/>
      <c r="AV214" s="77"/>
      <c r="AW214" s="77"/>
      <c r="AX214" s="77"/>
      <c r="AY214" s="77"/>
      <c r="AZ214" s="77"/>
      <c r="BA214" s="77"/>
      <c r="BB214" s="77"/>
      <c r="BC214" s="77"/>
      <c r="BD214" s="77"/>
    </row>
    <row r="215" spans="1:258" s="64" customFormat="1" ht="69.900000000000006" customHeight="1" thickTop="1">
      <c r="A215" s="503" t="s">
        <v>565</v>
      </c>
      <c r="B215" s="577"/>
      <c r="C215" s="577"/>
      <c r="D215" s="577"/>
      <c r="E215" s="577"/>
      <c r="F215" s="577"/>
      <c r="G215" s="577"/>
      <c r="H215" s="577"/>
      <c r="I215" s="577"/>
      <c r="J215" s="577"/>
      <c r="K215" s="577"/>
      <c r="L215" s="505"/>
      <c r="M215" s="577"/>
      <c r="N215" s="577"/>
      <c r="O215" s="577"/>
      <c r="P215" s="578"/>
      <c r="Q215" s="122"/>
      <c r="R215" s="138"/>
      <c r="S215" s="162"/>
    </row>
    <row r="216" spans="1:258" s="64" customFormat="1" ht="69.900000000000006" customHeight="1">
      <c r="A216" s="507" t="s">
        <v>90</v>
      </c>
      <c r="B216" s="508"/>
      <c r="C216" s="508"/>
      <c r="D216" s="508"/>
      <c r="E216" s="508"/>
      <c r="F216" s="508"/>
      <c r="G216" s="508"/>
      <c r="H216" s="508"/>
      <c r="I216" s="508"/>
      <c r="J216" s="508"/>
      <c r="K216" s="508"/>
      <c r="L216" s="508"/>
      <c r="M216" s="508"/>
      <c r="N216" s="508"/>
      <c r="O216" s="508"/>
      <c r="P216" s="509"/>
      <c r="Q216" s="161"/>
      <c r="R216" s="133"/>
      <c r="S216" s="162"/>
      <c r="T216" s="52"/>
      <c r="U216" s="52"/>
      <c r="V216" s="52"/>
      <c r="W216" s="52"/>
      <c r="X216" s="52"/>
      <c r="Y216" s="52"/>
      <c r="Z216" s="52"/>
      <c r="AA216" s="52"/>
      <c r="AB216" s="52"/>
      <c r="AC216" s="52"/>
      <c r="AD216" s="52"/>
      <c r="AE216" s="52"/>
      <c r="AF216" s="52"/>
      <c r="AG216" s="52"/>
      <c r="AH216" s="52"/>
      <c r="AI216" s="52"/>
      <c r="AJ216" s="52"/>
      <c r="AK216" s="52"/>
      <c r="AL216" s="52"/>
      <c r="AM216" s="52"/>
      <c r="AN216" s="52"/>
      <c r="AO216" s="52"/>
      <c r="AP216" s="52"/>
      <c r="AQ216" s="52"/>
      <c r="AR216" s="52"/>
      <c r="AS216" s="52"/>
      <c r="AT216" s="52"/>
      <c r="AU216" s="52"/>
      <c r="AV216" s="52"/>
      <c r="AW216" s="52"/>
      <c r="AX216" s="52"/>
      <c r="AY216" s="52"/>
      <c r="AZ216" s="52"/>
      <c r="BA216" s="52"/>
      <c r="BB216" s="52"/>
      <c r="BC216" s="52"/>
      <c r="BD216" s="52"/>
      <c r="BE216" s="52"/>
      <c r="BF216" s="52"/>
      <c r="BG216" s="52"/>
      <c r="BH216" s="52"/>
      <c r="BI216" s="52"/>
      <c r="BJ216" s="52"/>
      <c r="BK216" s="52"/>
      <c r="BL216" s="52"/>
      <c r="BM216" s="52"/>
      <c r="BN216" s="52"/>
      <c r="BO216" s="52"/>
      <c r="BP216" s="52"/>
      <c r="BQ216" s="52"/>
      <c r="BR216" s="52"/>
      <c r="BS216" s="52"/>
      <c r="BT216" s="52"/>
      <c r="BU216" s="52"/>
      <c r="BV216" s="52"/>
      <c r="BW216" s="52"/>
      <c r="BX216" s="52"/>
      <c r="BY216" s="52"/>
      <c r="BZ216" s="52"/>
      <c r="CA216" s="52"/>
      <c r="CB216" s="52"/>
      <c r="CC216" s="52"/>
      <c r="CD216" s="52"/>
      <c r="CE216" s="52"/>
      <c r="CF216" s="52"/>
      <c r="CG216" s="52"/>
      <c r="CH216" s="52"/>
      <c r="CI216" s="52"/>
      <c r="CJ216" s="52"/>
      <c r="CK216" s="52"/>
      <c r="CL216" s="52"/>
      <c r="CM216" s="52"/>
      <c r="CN216" s="52"/>
      <c r="CO216" s="52"/>
      <c r="CP216" s="52"/>
      <c r="CQ216" s="52"/>
      <c r="CR216" s="52"/>
      <c r="CS216" s="52"/>
      <c r="CT216" s="52"/>
      <c r="CU216" s="52"/>
      <c r="CV216" s="52"/>
      <c r="CW216" s="52"/>
      <c r="CX216" s="52"/>
      <c r="CY216" s="52"/>
      <c r="CZ216" s="52"/>
      <c r="DA216" s="52"/>
      <c r="DB216" s="52"/>
      <c r="DC216" s="52"/>
      <c r="DD216" s="52"/>
      <c r="DE216" s="52"/>
      <c r="DF216" s="52"/>
      <c r="DG216" s="52"/>
      <c r="DH216" s="52"/>
      <c r="DI216" s="52"/>
      <c r="DJ216" s="52"/>
      <c r="DK216" s="52"/>
      <c r="DL216" s="52"/>
      <c r="DM216" s="52"/>
      <c r="DN216" s="52"/>
      <c r="DO216" s="52"/>
      <c r="DP216" s="52"/>
      <c r="DQ216" s="52"/>
      <c r="DR216" s="52"/>
      <c r="DS216" s="52"/>
      <c r="DT216" s="52"/>
      <c r="DU216" s="52"/>
      <c r="DV216" s="52"/>
      <c r="DW216" s="52"/>
      <c r="DX216" s="52"/>
      <c r="DY216" s="52"/>
      <c r="DZ216" s="52"/>
      <c r="EA216" s="52"/>
      <c r="EB216" s="52"/>
      <c r="EC216" s="52"/>
      <c r="ED216" s="52"/>
      <c r="EE216" s="52"/>
      <c r="EF216" s="52"/>
      <c r="EG216" s="52"/>
      <c r="EH216" s="52"/>
      <c r="EI216" s="52"/>
      <c r="EJ216" s="52"/>
      <c r="EK216" s="52"/>
      <c r="EL216" s="52"/>
      <c r="EM216" s="52"/>
      <c r="EN216" s="52"/>
      <c r="EO216" s="52"/>
      <c r="EP216" s="52"/>
      <c r="EQ216" s="52"/>
      <c r="ER216" s="52"/>
      <c r="ES216" s="52"/>
      <c r="ET216" s="52"/>
      <c r="EU216" s="52"/>
      <c r="EV216" s="52"/>
      <c r="EW216" s="52"/>
      <c r="EX216" s="52"/>
      <c r="EY216" s="52"/>
      <c r="EZ216" s="52"/>
      <c r="FA216" s="52"/>
      <c r="FB216" s="52"/>
      <c r="FC216" s="52"/>
      <c r="FD216" s="52"/>
      <c r="FE216" s="52"/>
      <c r="FF216" s="52"/>
      <c r="FG216" s="52"/>
      <c r="FH216" s="52"/>
      <c r="FI216" s="52"/>
      <c r="FJ216" s="52"/>
      <c r="FK216" s="52"/>
      <c r="FL216" s="52"/>
      <c r="FM216" s="52"/>
      <c r="FN216" s="52"/>
      <c r="FO216" s="52"/>
      <c r="FP216" s="52"/>
      <c r="FQ216" s="52"/>
      <c r="FR216" s="52"/>
      <c r="FS216" s="52"/>
      <c r="FT216" s="52"/>
      <c r="FU216" s="52"/>
      <c r="FV216" s="52"/>
      <c r="FW216" s="52"/>
      <c r="FX216" s="52"/>
      <c r="FY216" s="52"/>
      <c r="FZ216" s="52"/>
      <c r="GA216" s="52"/>
      <c r="GB216" s="52"/>
      <c r="GC216" s="52"/>
      <c r="GD216" s="52"/>
      <c r="GE216" s="52"/>
      <c r="GF216" s="52"/>
      <c r="GG216" s="52"/>
      <c r="GH216" s="52"/>
      <c r="GI216" s="52"/>
      <c r="GJ216" s="52"/>
      <c r="GK216" s="52"/>
      <c r="GL216" s="52"/>
      <c r="GM216" s="52"/>
      <c r="GN216" s="52"/>
      <c r="GO216" s="52"/>
      <c r="GP216" s="52"/>
      <c r="GQ216" s="52"/>
      <c r="GR216" s="52"/>
      <c r="GS216" s="52"/>
      <c r="GT216" s="52"/>
      <c r="GU216" s="52"/>
      <c r="GV216" s="52"/>
      <c r="GW216" s="52"/>
      <c r="GX216" s="52"/>
      <c r="GY216" s="52"/>
      <c r="GZ216" s="52"/>
      <c r="HA216" s="52"/>
      <c r="HB216" s="52"/>
      <c r="HC216" s="52"/>
      <c r="HD216" s="52"/>
      <c r="HE216" s="52"/>
      <c r="HF216" s="52"/>
      <c r="HG216" s="52"/>
      <c r="HH216" s="52"/>
      <c r="HI216" s="52"/>
      <c r="HJ216" s="52"/>
      <c r="HK216" s="52"/>
      <c r="HL216" s="52"/>
      <c r="HM216" s="52"/>
      <c r="HN216" s="52"/>
      <c r="HO216" s="52"/>
      <c r="HP216" s="52"/>
      <c r="HQ216" s="52"/>
      <c r="HR216" s="52"/>
      <c r="HS216" s="52"/>
      <c r="HT216" s="52"/>
      <c r="HU216" s="52"/>
      <c r="HV216" s="52"/>
      <c r="HW216" s="52"/>
      <c r="HX216" s="52"/>
      <c r="HY216" s="52"/>
      <c r="HZ216" s="52"/>
      <c r="IA216" s="52"/>
      <c r="IB216" s="52"/>
      <c r="IC216" s="52"/>
      <c r="ID216" s="52"/>
      <c r="IE216" s="52"/>
      <c r="IF216" s="52"/>
      <c r="IG216" s="52"/>
      <c r="IH216" s="52"/>
      <c r="II216" s="52"/>
      <c r="IJ216" s="52"/>
      <c r="IK216" s="52"/>
      <c r="IL216" s="52"/>
      <c r="IM216" s="52"/>
      <c r="IN216" s="52"/>
      <c r="IO216" s="52"/>
      <c r="IP216" s="52"/>
      <c r="IQ216" s="52"/>
      <c r="IR216" s="52"/>
      <c r="IS216" s="52"/>
      <c r="IT216" s="52"/>
      <c r="IU216" s="52"/>
      <c r="IV216" s="52"/>
      <c r="IW216" s="52"/>
      <c r="IX216" s="52"/>
    </row>
    <row r="217" spans="1:258" s="67" customFormat="1" ht="71.400000000000006" customHeight="1">
      <c r="A217" s="764" t="s">
        <v>566</v>
      </c>
      <c r="B217" s="765"/>
      <c r="C217" s="765"/>
      <c r="D217" s="765"/>
      <c r="E217" s="765"/>
      <c r="F217" s="765"/>
      <c r="G217" s="765"/>
      <c r="H217" s="765"/>
      <c r="I217" s="765"/>
      <c r="J217" s="765"/>
      <c r="K217" s="765"/>
      <c r="L217" s="765"/>
      <c r="M217" s="765"/>
      <c r="N217" s="765"/>
      <c r="O217" s="765"/>
      <c r="P217" s="766"/>
      <c r="Q217" s="139"/>
      <c r="R217" s="138"/>
      <c r="S217" s="78"/>
      <c r="T217" s="76"/>
      <c r="U217" s="77"/>
      <c r="V217" s="77"/>
      <c r="W217" s="77"/>
      <c r="X217" s="77"/>
      <c r="Y217" s="77"/>
      <c r="Z217" s="77"/>
      <c r="AA217" s="77"/>
      <c r="AB217" s="77"/>
      <c r="AC217" s="77"/>
      <c r="AD217" s="77"/>
      <c r="AE217" s="77"/>
      <c r="AF217" s="77"/>
      <c r="AG217" s="77"/>
      <c r="AH217" s="77"/>
      <c r="AI217" s="77"/>
      <c r="AJ217" s="77"/>
      <c r="AK217" s="77"/>
      <c r="AL217" s="77"/>
      <c r="AM217" s="77"/>
      <c r="AN217" s="77"/>
      <c r="AO217" s="77"/>
      <c r="AP217" s="77"/>
      <c r="AQ217" s="77"/>
      <c r="AR217" s="77"/>
      <c r="AS217" s="77"/>
      <c r="AT217" s="77"/>
      <c r="AU217" s="77"/>
      <c r="AV217" s="77"/>
      <c r="AW217" s="77"/>
      <c r="AX217" s="77"/>
      <c r="AY217" s="77"/>
      <c r="AZ217" s="77"/>
      <c r="BA217" s="77"/>
      <c r="BB217" s="77"/>
      <c r="BC217" s="77"/>
      <c r="BD217" s="77"/>
    </row>
    <row r="218" spans="1:258" s="67" customFormat="1" ht="71.400000000000006" customHeight="1">
      <c r="A218" s="737" t="s">
        <v>100</v>
      </c>
      <c r="B218" s="687"/>
      <c r="C218" s="687"/>
      <c r="D218" s="687"/>
      <c r="E218" s="687"/>
      <c r="F218" s="687"/>
      <c r="G218" s="687"/>
      <c r="H218" s="687"/>
      <c r="I218" s="687"/>
      <c r="J218" s="687"/>
      <c r="K218" s="687"/>
      <c r="L218" s="687"/>
      <c r="M218" s="687"/>
      <c r="N218" s="687"/>
      <c r="O218" s="687"/>
      <c r="P218" s="688"/>
      <c r="Q218" s="139"/>
      <c r="R218" s="138"/>
      <c r="S218" s="78"/>
      <c r="T218" s="76"/>
      <c r="U218" s="77"/>
      <c r="V218" s="77"/>
      <c r="W218" s="77"/>
      <c r="X218" s="77"/>
      <c r="Y218" s="77"/>
      <c r="Z218" s="77"/>
      <c r="AA218" s="77"/>
      <c r="AB218" s="77"/>
      <c r="AC218" s="77"/>
      <c r="AD218" s="77"/>
      <c r="AE218" s="77"/>
      <c r="AF218" s="77"/>
      <c r="AG218" s="77"/>
      <c r="AH218" s="77"/>
      <c r="AI218" s="77"/>
      <c r="AJ218" s="77"/>
      <c r="AK218" s="77"/>
      <c r="AL218" s="77"/>
      <c r="AM218" s="77"/>
      <c r="AN218" s="77"/>
      <c r="AO218" s="77"/>
      <c r="AP218" s="77"/>
      <c r="AQ218" s="77"/>
      <c r="AR218" s="77"/>
      <c r="AS218" s="77"/>
      <c r="AT218" s="77"/>
      <c r="AU218" s="77"/>
      <c r="AV218" s="77"/>
      <c r="AW218" s="77"/>
      <c r="AX218" s="77"/>
      <c r="AY218" s="77"/>
      <c r="AZ218" s="77"/>
      <c r="BA218" s="77"/>
      <c r="BB218" s="77"/>
      <c r="BC218" s="77"/>
      <c r="BD218" s="77"/>
    </row>
    <row r="219" spans="1:258" s="67" customFormat="1" ht="69.599999999999994" customHeight="1">
      <c r="A219" s="556" t="s">
        <v>85</v>
      </c>
      <c r="B219" s="557"/>
      <c r="C219" s="557"/>
      <c r="D219" s="557"/>
      <c r="E219" s="557"/>
      <c r="F219" s="557"/>
      <c r="G219" s="557"/>
      <c r="H219" s="557"/>
      <c r="I219" s="557"/>
      <c r="J219" s="557"/>
      <c r="K219" s="557"/>
      <c r="L219" s="557"/>
      <c r="M219" s="557"/>
      <c r="N219" s="557"/>
      <c r="O219" s="557"/>
      <c r="P219" s="558"/>
      <c r="Q219" s="139"/>
      <c r="R219" s="138"/>
      <c r="S219" s="78"/>
      <c r="T219" s="76"/>
      <c r="U219" s="77"/>
      <c r="V219" s="77"/>
      <c r="W219" s="77"/>
      <c r="X219" s="77"/>
      <c r="Y219" s="77"/>
      <c r="Z219" s="77"/>
      <c r="AA219" s="77"/>
      <c r="AB219" s="77"/>
      <c r="AC219" s="77"/>
      <c r="AD219" s="77"/>
      <c r="AE219" s="77"/>
      <c r="AF219" s="77"/>
      <c r="AG219" s="77"/>
      <c r="AH219" s="77"/>
      <c r="AI219" s="77"/>
      <c r="AJ219" s="77"/>
      <c r="AK219" s="77"/>
      <c r="AL219" s="77"/>
      <c r="AM219" s="77"/>
      <c r="AN219" s="77"/>
      <c r="AO219" s="77"/>
      <c r="AP219" s="77"/>
      <c r="AQ219" s="77"/>
      <c r="AR219" s="77"/>
      <c r="AS219" s="77"/>
      <c r="AT219" s="77"/>
      <c r="AU219" s="77"/>
      <c r="AV219" s="77"/>
      <c r="AW219" s="77"/>
      <c r="AX219" s="77"/>
      <c r="AY219" s="77"/>
      <c r="AZ219" s="77"/>
      <c r="BA219" s="77"/>
      <c r="BB219" s="77"/>
      <c r="BC219" s="77"/>
      <c r="BD219" s="77"/>
    </row>
    <row r="220" spans="1:258" s="64" customFormat="1" ht="69.900000000000006" customHeight="1">
      <c r="A220" s="468" t="s">
        <v>25</v>
      </c>
      <c r="B220" s="574"/>
      <c r="C220" s="574"/>
      <c r="D220" s="574"/>
      <c r="E220" s="574"/>
      <c r="F220" s="574"/>
      <c r="G220" s="574"/>
      <c r="H220" s="574"/>
      <c r="I220" s="574"/>
      <c r="J220" s="574"/>
      <c r="K220" s="574"/>
      <c r="L220" s="454"/>
      <c r="M220" s="574"/>
      <c r="N220" s="574"/>
      <c r="O220" s="574"/>
      <c r="P220" s="575"/>
      <c r="Q220" s="122"/>
      <c r="R220" s="138"/>
      <c r="S220" s="162"/>
    </row>
    <row r="221" spans="1:258" s="67" customFormat="1" ht="75" customHeight="1">
      <c r="A221" s="456"/>
      <c r="B221" s="457"/>
      <c r="C221" s="457"/>
      <c r="D221" s="457"/>
      <c r="E221" s="457"/>
      <c r="F221" s="457"/>
      <c r="G221" s="457"/>
      <c r="H221" s="457"/>
      <c r="I221" s="457"/>
      <c r="J221" s="457"/>
      <c r="K221" s="457"/>
      <c r="L221" s="458"/>
      <c r="M221" s="457"/>
      <c r="N221" s="457"/>
      <c r="O221" s="457"/>
      <c r="P221" s="459"/>
      <c r="Q221" s="139"/>
      <c r="R221" s="138"/>
      <c r="S221" s="141"/>
      <c r="T221" s="64"/>
    </row>
    <row r="222" spans="1:258" s="67" customFormat="1" ht="75" customHeight="1" thickBot="1">
      <c r="A222" s="471"/>
      <c r="B222" s="472"/>
      <c r="C222" s="472"/>
      <c r="D222" s="472"/>
      <c r="E222" s="472"/>
      <c r="F222" s="472"/>
      <c r="G222" s="472"/>
      <c r="H222" s="472"/>
      <c r="I222" s="472"/>
      <c r="J222" s="472"/>
      <c r="K222" s="472"/>
      <c r="L222" s="473"/>
      <c r="M222" s="472"/>
      <c r="N222" s="472"/>
      <c r="O222" s="472"/>
      <c r="P222" s="474"/>
      <c r="Q222" s="139"/>
      <c r="R222" s="138"/>
      <c r="S222" s="141"/>
      <c r="T222" s="64"/>
    </row>
    <row r="223" spans="1:258" s="64" customFormat="1" ht="69.900000000000006" customHeight="1" thickBot="1">
      <c r="A223" s="443" t="s">
        <v>567</v>
      </c>
      <c r="B223" s="475"/>
      <c r="C223" s="475"/>
      <c r="D223" s="475"/>
      <c r="E223" s="475"/>
      <c r="F223" s="475"/>
      <c r="G223" s="475"/>
      <c r="H223" s="475"/>
      <c r="I223" s="475"/>
      <c r="J223" s="475"/>
      <c r="K223" s="475"/>
      <c r="L223" s="445"/>
      <c r="M223" s="475"/>
      <c r="N223" s="475"/>
      <c r="O223" s="475"/>
      <c r="P223" s="476"/>
      <c r="Q223" s="139"/>
      <c r="R223" s="138"/>
      <c r="S223" s="78"/>
      <c r="T223" s="76"/>
      <c r="U223" s="76"/>
      <c r="V223" s="76"/>
      <c r="W223" s="76"/>
      <c r="X223" s="76"/>
      <c r="Y223" s="76"/>
      <c r="Z223" s="76"/>
      <c r="AA223" s="76"/>
      <c r="AB223" s="76"/>
      <c r="AC223" s="76"/>
      <c r="AD223" s="76"/>
      <c r="AE223" s="76"/>
      <c r="AF223" s="76"/>
      <c r="AG223" s="76"/>
      <c r="AH223" s="76"/>
      <c r="AI223" s="76"/>
      <c r="AJ223" s="76"/>
      <c r="AK223" s="76"/>
      <c r="AL223" s="76"/>
      <c r="AM223" s="76"/>
      <c r="AN223" s="76"/>
      <c r="AO223" s="76"/>
      <c r="AP223" s="76"/>
      <c r="AQ223" s="76"/>
      <c r="AR223" s="76"/>
      <c r="AS223" s="76"/>
      <c r="AT223" s="76"/>
      <c r="AU223" s="76"/>
      <c r="AV223" s="76"/>
      <c r="AW223" s="76"/>
      <c r="AX223" s="76"/>
      <c r="AY223" s="76"/>
      <c r="AZ223" s="76"/>
      <c r="BA223" s="76"/>
      <c r="BB223" s="76"/>
      <c r="BC223" s="76"/>
      <c r="BD223" s="76"/>
    </row>
    <row r="224" spans="1:258" s="67" customFormat="1" ht="135" customHeight="1" thickTop="1" thickBot="1">
      <c r="A224" s="579" t="s">
        <v>568</v>
      </c>
      <c r="B224" s="379"/>
      <c r="C224" s="379"/>
      <c r="D224" s="379"/>
      <c r="E224" s="379"/>
      <c r="F224" s="379"/>
      <c r="G224" s="379"/>
      <c r="H224" s="379"/>
      <c r="I224" s="379"/>
      <c r="J224" s="379"/>
      <c r="K224" s="379"/>
      <c r="L224" s="379"/>
      <c r="M224" s="570"/>
      <c r="N224" s="112" t="s">
        <v>24</v>
      </c>
      <c r="O224" s="71" t="s">
        <v>20</v>
      </c>
      <c r="P224" s="72" t="s">
        <v>21</v>
      </c>
      <c r="Q224" s="139"/>
      <c r="R224" s="138"/>
      <c r="S224" s="137"/>
      <c r="T224" s="76"/>
      <c r="U224" s="77"/>
      <c r="V224" s="77"/>
      <c r="W224" s="77"/>
      <c r="X224" s="77"/>
      <c r="Y224" s="77"/>
      <c r="Z224" s="77"/>
      <c r="AA224" s="77"/>
      <c r="AB224" s="77"/>
      <c r="AC224" s="77"/>
      <c r="AD224" s="77"/>
      <c r="AE224" s="77"/>
      <c r="AF224" s="77"/>
      <c r="AG224" s="77"/>
      <c r="AH224" s="77"/>
      <c r="AI224" s="77"/>
      <c r="AJ224" s="77"/>
      <c r="AK224" s="77"/>
      <c r="AL224" s="77"/>
      <c r="AM224" s="77"/>
      <c r="AN224" s="77"/>
      <c r="AO224" s="77"/>
      <c r="AP224" s="77"/>
      <c r="AQ224" s="77"/>
      <c r="AR224" s="77"/>
      <c r="AS224" s="77"/>
      <c r="AT224" s="77"/>
      <c r="AU224" s="77"/>
      <c r="AV224" s="77"/>
      <c r="AW224" s="77"/>
      <c r="AX224" s="77"/>
      <c r="AY224" s="77"/>
      <c r="AZ224" s="77"/>
      <c r="BA224" s="77"/>
      <c r="BB224" s="77"/>
      <c r="BC224" s="77"/>
      <c r="BD224" s="77"/>
    </row>
    <row r="225" spans="1:258" s="64" customFormat="1" ht="69.900000000000006" customHeight="1" thickTop="1">
      <c r="A225" s="452" t="s">
        <v>25</v>
      </c>
      <c r="B225" s="574"/>
      <c r="C225" s="574"/>
      <c r="D225" s="574"/>
      <c r="E225" s="574"/>
      <c r="F225" s="574"/>
      <c r="G225" s="574"/>
      <c r="H225" s="574"/>
      <c r="I225" s="574"/>
      <c r="J225" s="574"/>
      <c r="K225" s="574"/>
      <c r="L225" s="454"/>
      <c r="M225" s="574"/>
      <c r="N225" s="574"/>
      <c r="O225" s="574"/>
      <c r="P225" s="575"/>
      <c r="Q225" s="122"/>
      <c r="R225" s="138"/>
      <c r="S225" s="162"/>
    </row>
    <row r="226" spans="1:258" s="67" customFormat="1" ht="75" customHeight="1">
      <c r="A226" s="456"/>
      <c r="B226" s="457"/>
      <c r="C226" s="457"/>
      <c r="D226" s="457"/>
      <c r="E226" s="457"/>
      <c r="F226" s="457"/>
      <c r="G226" s="457"/>
      <c r="H226" s="457"/>
      <c r="I226" s="457"/>
      <c r="J226" s="457"/>
      <c r="K226" s="457"/>
      <c r="L226" s="458"/>
      <c r="M226" s="457"/>
      <c r="N226" s="457"/>
      <c r="O226" s="457"/>
      <c r="P226" s="459"/>
      <c r="Q226" s="139"/>
      <c r="R226" s="138"/>
      <c r="S226" s="141"/>
      <c r="T226" s="64"/>
    </row>
    <row r="227" spans="1:258" s="67" customFormat="1" ht="75" customHeight="1" thickBot="1">
      <c r="A227" s="471"/>
      <c r="B227" s="472"/>
      <c r="C227" s="472"/>
      <c r="D227" s="472"/>
      <c r="E227" s="472"/>
      <c r="F227" s="472"/>
      <c r="G227" s="472"/>
      <c r="H227" s="472"/>
      <c r="I227" s="472"/>
      <c r="J227" s="472"/>
      <c r="K227" s="472"/>
      <c r="L227" s="473"/>
      <c r="M227" s="472"/>
      <c r="N227" s="472"/>
      <c r="O227" s="472"/>
      <c r="P227" s="474"/>
      <c r="Q227" s="139"/>
      <c r="R227" s="138"/>
      <c r="S227" s="141"/>
      <c r="T227" s="64"/>
    </row>
    <row r="228" spans="1:258" s="64" customFormat="1" ht="69.900000000000006" customHeight="1" thickBot="1">
      <c r="A228" s="568" t="s">
        <v>569</v>
      </c>
      <c r="B228" s="445"/>
      <c r="C228" s="445"/>
      <c r="D228" s="445"/>
      <c r="E228" s="445"/>
      <c r="F228" s="445"/>
      <c r="G228" s="445"/>
      <c r="H228" s="445"/>
      <c r="I228" s="445"/>
      <c r="J228" s="445"/>
      <c r="K228" s="445"/>
      <c r="L228" s="445"/>
      <c r="M228" s="445"/>
      <c r="N228" s="445"/>
      <c r="O228" s="445"/>
      <c r="P228" s="569"/>
      <c r="Q228" s="139"/>
      <c r="R228" s="138"/>
      <c r="S228" s="78"/>
      <c r="T228" s="76"/>
      <c r="U228" s="76"/>
      <c r="V228" s="76"/>
      <c r="W228" s="76"/>
      <c r="X228" s="76"/>
      <c r="Y228" s="76"/>
      <c r="Z228" s="76"/>
      <c r="AA228" s="76"/>
      <c r="AB228" s="76"/>
      <c r="AC228" s="76"/>
      <c r="AD228" s="76"/>
      <c r="AE228" s="76"/>
      <c r="AF228" s="76"/>
      <c r="AG228" s="76"/>
      <c r="AH228" s="76"/>
      <c r="AI228" s="76"/>
      <c r="AJ228" s="76"/>
      <c r="AK228" s="76"/>
      <c r="AL228" s="76"/>
      <c r="AM228" s="76"/>
      <c r="AN228" s="76"/>
      <c r="AO228" s="76"/>
      <c r="AP228" s="76"/>
      <c r="AQ228" s="76"/>
      <c r="AR228" s="76"/>
      <c r="AS228" s="76"/>
      <c r="AT228" s="76"/>
      <c r="AU228" s="76"/>
      <c r="AV228" s="76"/>
      <c r="AW228" s="76"/>
      <c r="AX228" s="76"/>
      <c r="AY228" s="76"/>
      <c r="AZ228" s="76"/>
      <c r="BA228" s="76"/>
      <c r="BB228" s="76"/>
      <c r="BC228" s="76"/>
      <c r="BD228" s="76"/>
    </row>
    <row r="229" spans="1:258" s="67" customFormat="1" ht="132" customHeight="1" thickTop="1" thickBot="1">
      <c r="A229" s="447" t="s">
        <v>570</v>
      </c>
      <c r="B229" s="352"/>
      <c r="C229" s="352"/>
      <c r="D229" s="352"/>
      <c r="E229" s="352"/>
      <c r="F229" s="352"/>
      <c r="G229" s="352"/>
      <c r="H229" s="352"/>
      <c r="I229" s="352"/>
      <c r="J229" s="352"/>
      <c r="K229" s="352"/>
      <c r="L229" s="352"/>
      <c r="M229" s="352"/>
      <c r="N229" s="689"/>
      <c r="O229" s="65" t="s">
        <v>20</v>
      </c>
      <c r="P229" s="66" t="s">
        <v>21</v>
      </c>
      <c r="Q229" s="139"/>
      <c r="R229" s="138"/>
      <c r="S229" s="137"/>
      <c r="T229" s="76"/>
      <c r="U229" s="77"/>
      <c r="V229" s="77"/>
      <c r="W229" s="77"/>
      <c r="X229" s="76"/>
      <c r="Y229" s="76"/>
      <c r="Z229" s="76"/>
      <c r="AA229" s="76"/>
      <c r="AB229" s="76"/>
      <c r="AC229" s="76"/>
      <c r="AD229" s="76"/>
      <c r="AE229" s="76"/>
      <c r="AF229" s="76"/>
      <c r="AG229" s="76"/>
      <c r="AH229" s="76"/>
      <c r="AI229" s="76"/>
      <c r="AJ229" s="76"/>
      <c r="AK229" s="76"/>
      <c r="AL229" s="76"/>
      <c r="AM229" s="76"/>
      <c r="AN229" s="77"/>
      <c r="AO229" s="77"/>
      <c r="AP229" s="77"/>
      <c r="AQ229" s="77"/>
      <c r="AR229" s="77"/>
      <c r="AS229" s="77"/>
      <c r="AT229" s="77"/>
      <c r="AU229" s="77"/>
      <c r="AV229" s="77"/>
      <c r="AW229" s="77"/>
      <c r="AX229" s="77"/>
      <c r="AY229" s="77"/>
      <c r="AZ229" s="77"/>
      <c r="BA229" s="77"/>
      <c r="BB229" s="77"/>
      <c r="BC229" s="77"/>
      <c r="BD229" s="77"/>
    </row>
    <row r="230" spans="1:258" s="67" customFormat="1" ht="132" customHeight="1" thickTop="1" thickBot="1">
      <c r="A230" s="467" t="s">
        <v>571</v>
      </c>
      <c r="B230" s="610"/>
      <c r="C230" s="610"/>
      <c r="D230" s="610"/>
      <c r="E230" s="610"/>
      <c r="F230" s="610"/>
      <c r="G230" s="610"/>
      <c r="H230" s="610"/>
      <c r="I230" s="610"/>
      <c r="J230" s="610"/>
      <c r="K230" s="610"/>
      <c r="L230" s="349"/>
      <c r="M230" s="610"/>
      <c r="N230" s="661"/>
      <c r="O230" s="75" t="s">
        <v>20</v>
      </c>
      <c r="P230" s="136" t="s">
        <v>21</v>
      </c>
      <c r="Q230" s="139"/>
      <c r="R230" s="138"/>
      <c r="S230" s="137"/>
      <c r="T230" s="76"/>
      <c r="U230" s="77"/>
      <c r="V230" s="77"/>
      <c r="W230" s="77"/>
      <c r="X230" s="77"/>
      <c r="Y230" s="77"/>
      <c r="Z230" s="77"/>
      <c r="AA230" s="77"/>
      <c r="AB230" s="77"/>
      <c r="AC230" s="77"/>
      <c r="AD230" s="77"/>
      <c r="AE230" s="77"/>
      <c r="AF230" s="77"/>
      <c r="AG230" s="77"/>
      <c r="AH230" s="77"/>
      <c r="AI230" s="77"/>
      <c r="AJ230" s="77"/>
      <c r="AK230" s="77"/>
      <c r="AL230" s="77"/>
      <c r="AM230" s="77"/>
      <c r="AN230" s="77"/>
      <c r="AO230" s="77"/>
      <c r="AP230" s="77"/>
      <c r="AQ230" s="77"/>
      <c r="AR230" s="77"/>
      <c r="AS230" s="77"/>
      <c r="AT230" s="77"/>
      <c r="AU230" s="77"/>
      <c r="AV230" s="77"/>
      <c r="AW230" s="77"/>
      <c r="AX230" s="77"/>
      <c r="AY230" s="77"/>
      <c r="AZ230" s="77"/>
      <c r="BA230" s="77"/>
      <c r="BB230" s="77"/>
      <c r="BC230" s="77"/>
      <c r="BD230" s="77"/>
    </row>
    <row r="231" spans="1:258" s="64" customFormat="1" ht="69.900000000000006" customHeight="1" thickTop="1">
      <c r="A231" s="468" t="s">
        <v>52</v>
      </c>
      <c r="B231" s="574"/>
      <c r="C231" s="574"/>
      <c r="D231" s="574"/>
      <c r="E231" s="574"/>
      <c r="F231" s="574"/>
      <c r="G231" s="574"/>
      <c r="H231" s="574"/>
      <c r="I231" s="574"/>
      <c r="J231" s="574"/>
      <c r="K231" s="574"/>
      <c r="L231" s="454"/>
      <c r="M231" s="574"/>
      <c r="N231" s="574"/>
      <c r="O231" s="574"/>
      <c r="P231" s="575"/>
      <c r="Q231" s="122"/>
      <c r="R231" s="138"/>
      <c r="S231" s="162"/>
    </row>
    <row r="232" spans="1:258" s="64" customFormat="1" ht="69.599999999999994" customHeight="1">
      <c r="A232" s="600" t="s">
        <v>194</v>
      </c>
      <c r="B232" s="601"/>
      <c r="C232" s="601"/>
      <c r="D232" s="601"/>
      <c r="E232" s="601"/>
      <c r="F232" s="601"/>
      <c r="G232" s="601"/>
      <c r="H232" s="601"/>
      <c r="I232" s="601"/>
      <c r="J232" s="601"/>
      <c r="K232" s="601"/>
      <c r="L232" s="601"/>
      <c r="M232" s="601"/>
      <c r="N232" s="601"/>
      <c r="O232" s="601"/>
      <c r="P232" s="602"/>
      <c r="Q232" s="161"/>
      <c r="R232" s="133"/>
      <c r="S232" s="162"/>
      <c r="T232" s="52"/>
      <c r="U232" s="52"/>
      <c r="V232" s="52"/>
      <c r="W232" s="52"/>
      <c r="X232" s="52"/>
      <c r="Y232" s="52"/>
      <c r="Z232" s="52"/>
      <c r="AA232" s="52"/>
      <c r="AB232" s="52"/>
      <c r="AC232" s="52"/>
      <c r="AD232" s="52"/>
      <c r="AE232" s="52"/>
      <c r="AF232" s="52"/>
      <c r="AG232" s="52"/>
      <c r="AH232" s="52"/>
      <c r="AI232" s="52"/>
      <c r="AJ232" s="52"/>
      <c r="AK232" s="52"/>
      <c r="AL232" s="52"/>
      <c r="AM232" s="52"/>
      <c r="AN232" s="52"/>
      <c r="AO232" s="52"/>
      <c r="AP232" s="52"/>
      <c r="AQ232" s="52"/>
      <c r="AR232" s="52"/>
      <c r="AS232" s="52"/>
      <c r="AT232" s="52"/>
      <c r="AU232" s="52"/>
      <c r="AV232" s="52"/>
      <c r="AW232" s="52"/>
      <c r="AX232" s="52"/>
      <c r="AY232" s="52"/>
      <c r="AZ232" s="52"/>
      <c r="BA232" s="52"/>
      <c r="BB232" s="52"/>
      <c r="BC232" s="52"/>
      <c r="BD232" s="52"/>
      <c r="BE232" s="52"/>
      <c r="BF232" s="52"/>
      <c r="BG232" s="52"/>
      <c r="BH232" s="52"/>
      <c r="BI232" s="52"/>
      <c r="BJ232" s="52"/>
      <c r="BK232" s="52"/>
      <c r="BL232" s="52"/>
      <c r="BM232" s="52"/>
      <c r="BN232" s="52"/>
      <c r="BO232" s="52"/>
      <c r="BP232" s="52"/>
      <c r="BQ232" s="52"/>
      <c r="BR232" s="52"/>
      <c r="BS232" s="52"/>
      <c r="BT232" s="52"/>
      <c r="BU232" s="52"/>
      <c r="BV232" s="52"/>
      <c r="BW232" s="52"/>
      <c r="BX232" s="52"/>
      <c r="BY232" s="52"/>
      <c r="BZ232" s="52"/>
      <c r="CA232" s="52"/>
      <c r="CB232" s="52"/>
      <c r="CC232" s="52"/>
      <c r="CD232" s="52"/>
      <c r="CE232" s="52"/>
      <c r="CF232" s="52"/>
      <c r="CG232" s="52"/>
      <c r="CH232" s="52"/>
      <c r="CI232" s="52"/>
      <c r="CJ232" s="52"/>
      <c r="CK232" s="52"/>
      <c r="CL232" s="52"/>
      <c r="CM232" s="52"/>
      <c r="CN232" s="52"/>
      <c r="CO232" s="52"/>
      <c r="CP232" s="52"/>
      <c r="CQ232" s="52"/>
      <c r="CR232" s="52"/>
      <c r="CS232" s="52"/>
      <c r="CT232" s="52"/>
      <c r="CU232" s="52"/>
      <c r="CV232" s="52"/>
      <c r="CW232" s="52"/>
      <c r="CX232" s="52"/>
      <c r="CY232" s="52"/>
      <c r="CZ232" s="52"/>
      <c r="DA232" s="52"/>
      <c r="DB232" s="52"/>
      <c r="DC232" s="52"/>
      <c r="DD232" s="52"/>
      <c r="DE232" s="52"/>
      <c r="DF232" s="52"/>
      <c r="DG232" s="52"/>
      <c r="DH232" s="52"/>
      <c r="DI232" s="52"/>
      <c r="DJ232" s="52"/>
      <c r="DK232" s="52"/>
      <c r="DL232" s="52"/>
      <c r="DM232" s="52"/>
      <c r="DN232" s="52"/>
      <c r="DO232" s="52"/>
      <c r="DP232" s="52"/>
      <c r="DQ232" s="52"/>
      <c r="DR232" s="52"/>
      <c r="DS232" s="52"/>
      <c r="DT232" s="52"/>
      <c r="DU232" s="52"/>
      <c r="DV232" s="52"/>
      <c r="DW232" s="52"/>
      <c r="DX232" s="52"/>
      <c r="DY232" s="52"/>
      <c r="DZ232" s="52"/>
      <c r="EA232" s="52"/>
      <c r="EB232" s="52"/>
      <c r="EC232" s="52"/>
      <c r="ED232" s="52"/>
      <c r="EE232" s="52"/>
      <c r="EF232" s="52"/>
      <c r="EG232" s="52"/>
      <c r="EH232" s="52"/>
      <c r="EI232" s="52"/>
      <c r="EJ232" s="52"/>
      <c r="EK232" s="52"/>
      <c r="EL232" s="52"/>
      <c r="EM232" s="52"/>
      <c r="EN232" s="52"/>
      <c r="EO232" s="52"/>
      <c r="EP232" s="52"/>
      <c r="EQ232" s="52"/>
      <c r="ER232" s="52"/>
      <c r="ES232" s="52"/>
      <c r="ET232" s="52"/>
      <c r="EU232" s="52"/>
      <c r="EV232" s="52"/>
      <c r="EW232" s="52"/>
      <c r="EX232" s="52"/>
      <c r="EY232" s="52"/>
      <c r="EZ232" s="52"/>
      <c r="FA232" s="52"/>
      <c r="FB232" s="52"/>
      <c r="FC232" s="52"/>
      <c r="FD232" s="52"/>
      <c r="FE232" s="52"/>
      <c r="FF232" s="52"/>
      <c r="FG232" s="52"/>
      <c r="FH232" s="52"/>
      <c r="FI232" s="52"/>
      <c r="FJ232" s="52"/>
      <c r="FK232" s="52"/>
      <c r="FL232" s="52"/>
      <c r="FM232" s="52"/>
      <c r="FN232" s="52"/>
      <c r="FO232" s="52"/>
      <c r="FP232" s="52"/>
      <c r="FQ232" s="52"/>
      <c r="FR232" s="52"/>
      <c r="FS232" s="52"/>
      <c r="FT232" s="52"/>
      <c r="FU232" s="52"/>
      <c r="FV232" s="52"/>
      <c r="FW232" s="52"/>
      <c r="FX232" s="52"/>
      <c r="FY232" s="52"/>
      <c r="FZ232" s="52"/>
      <c r="GA232" s="52"/>
      <c r="GB232" s="52"/>
      <c r="GC232" s="52"/>
      <c r="GD232" s="52"/>
      <c r="GE232" s="52"/>
      <c r="GF232" s="52"/>
      <c r="GG232" s="52"/>
      <c r="GH232" s="52"/>
      <c r="GI232" s="52"/>
      <c r="GJ232" s="52"/>
      <c r="GK232" s="52"/>
      <c r="GL232" s="52"/>
      <c r="GM232" s="52"/>
      <c r="GN232" s="52"/>
      <c r="GO232" s="52"/>
      <c r="GP232" s="52"/>
      <c r="GQ232" s="52"/>
      <c r="GR232" s="52"/>
      <c r="GS232" s="52"/>
      <c r="GT232" s="52"/>
      <c r="GU232" s="52"/>
      <c r="GV232" s="52"/>
      <c r="GW232" s="52"/>
      <c r="GX232" s="52"/>
      <c r="GY232" s="52"/>
      <c r="GZ232" s="52"/>
      <c r="HA232" s="52"/>
      <c r="HB232" s="52"/>
      <c r="HC232" s="52"/>
      <c r="HD232" s="52"/>
      <c r="HE232" s="52"/>
      <c r="HF232" s="52"/>
      <c r="HG232" s="52"/>
      <c r="HH232" s="52"/>
      <c r="HI232" s="52"/>
      <c r="HJ232" s="52"/>
      <c r="HK232" s="52"/>
      <c r="HL232" s="52"/>
      <c r="HM232" s="52"/>
      <c r="HN232" s="52"/>
      <c r="HO232" s="52"/>
      <c r="HP232" s="52"/>
      <c r="HQ232" s="52"/>
      <c r="HR232" s="52"/>
      <c r="HS232" s="52"/>
      <c r="HT232" s="52"/>
      <c r="HU232" s="52"/>
      <c r="HV232" s="52"/>
      <c r="HW232" s="52"/>
      <c r="HX232" s="52"/>
      <c r="HY232" s="52"/>
      <c r="HZ232" s="52"/>
      <c r="IA232" s="52"/>
      <c r="IB232" s="52"/>
      <c r="IC232" s="52"/>
      <c r="ID232" s="52"/>
      <c r="IE232" s="52"/>
      <c r="IF232" s="52"/>
      <c r="IG232" s="52"/>
      <c r="IH232" s="52"/>
      <c r="II232" s="52"/>
      <c r="IJ232" s="52"/>
      <c r="IK232" s="52"/>
      <c r="IL232" s="52"/>
      <c r="IM232" s="52"/>
      <c r="IN232" s="52"/>
      <c r="IO232" s="52"/>
      <c r="IP232" s="52"/>
      <c r="IQ232" s="52"/>
      <c r="IR232" s="52"/>
      <c r="IS232" s="52"/>
      <c r="IT232" s="52"/>
      <c r="IU232" s="52"/>
      <c r="IV232" s="52"/>
      <c r="IW232" s="52"/>
      <c r="IX232" s="52"/>
    </row>
    <row r="233" spans="1:258" s="67" customFormat="1" ht="71.400000000000006" customHeight="1">
      <c r="A233" s="764" t="s">
        <v>195</v>
      </c>
      <c r="B233" s="765"/>
      <c r="C233" s="765"/>
      <c r="D233" s="765"/>
      <c r="E233" s="765"/>
      <c r="F233" s="765"/>
      <c r="G233" s="765"/>
      <c r="H233" s="765"/>
      <c r="I233" s="765"/>
      <c r="J233" s="765"/>
      <c r="K233" s="765"/>
      <c r="L233" s="765"/>
      <c r="M233" s="765"/>
      <c r="N233" s="765"/>
      <c r="O233" s="765"/>
      <c r="P233" s="766"/>
      <c r="Q233" s="139"/>
      <c r="R233" s="138"/>
      <c r="S233" s="78"/>
      <c r="T233" s="76"/>
      <c r="U233" s="77"/>
      <c r="V233" s="77"/>
      <c r="W233" s="77"/>
      <c r="X233" s="77"/>
      <c r="Y233" s="77"/>
      <c r="Z233" s="77"/>
      <c r="AA233" s="77"/>
      <c r="AB233" s="77"/>
      <c r="AC233" s="77"/>
      <c r="AD233" s="77"/>
      <c r="AE233" s="77"/>
      <c r="AF233" s="77"/>
      <c r="AG233" s="77"/>
      <c r="AH233" s="77"/>
      <c r="AI233" s="77"/>
      <c r="AJ233" s="77"/>
      <c r="AK233" s="77"/>
      <c r="AL233" s="77"/>
      <c r="AM233" s="77"/>
      <c r="AN233" s="77"/>
      <c r="AO233" s="77"/>
      <c r="AP233" s="77"/>
      <c r="AQ233" s="77"/>
      <c r="AR233" s="77"/>
      <c r="AS233" s="77"/>
      <c r="AT233" s="77"/>
      <c r="AU233" s="77"/>
      <c r="AV233" s="77"/>
      <c r="AW233" s="77"/>
      <c r="AX233" s="77"/>
      <c r="AY233" s="77"/>
      <c r="AZ233" s="77"/>
      <c r="BA233" s="77"/>
      <c r="BB233" s="77"/>
      <c r="BC233" s="77"/>
      <c r="BD233" s="77"/>
    </row>
    <row r="234" spans="1:258" s="67" customFormat="1" ht="69.599999999999994" customHeight="1">
      <c r="A234" s="556" t="s">
        <v>85</v>
      </c>
      <c r="B234" s="557"/>
      <c r="C234" s="557"/>
      <c r="D234" s="557"/>
      <c r="E234" s="557"/>
      <c r="F234" s="557"/>
      <c r="G234" s="557"/>
      <c r="H234" s="557"/>
      <c r="I234" s="557"/>
      <c r="J234" s="557"/>
      <c r="K234" s="557"/>
      <c r="L234" s="557"/>
      <c r="M234" s="557"/>
      <c r="N234" s="557"/>
      <c r="O234" s="557"/>
      <c r="P234" s="558"/>
      <c r="Q234" s="139"/>
      <c r="R234" s="138"/>
      <c r="S234" s="78"/>
      <c r="T234" s="76"/>
      <c r="U234" s="77"/>
      <c r="V234" s="77"/>
      <c r="W234" s="77"/>
      <c r="X234" s="77"/>
      <c r="Y234" s="77"/>
      <c r="Z234" s="77"/>
      <c r="AA234" s="77"/>
      <c r="AB234" s="77"/>
      <c r="AC234" s="77"/>
      <c r="AD234" s="77"/>
      <c r="AE234" s="77"/>
      <c r="AF234" s="77"/>
      <c r="AG234" s="77"/>
      <c r="AH234" s="77"/>
      <c r="AI234" s="77"/>
      <c r="AJ234" s="77"/>
      <c r="AK234" s="77"/>
      <c r="AL234" s="77"/>
      <c r="AM234" s="77"/>
      <c r="AN234" s="77"/>
      <c r="AO234" s="77"/>
      <c r="AP234" s="77"/>
      <c r="AQ234" s="77"/>
      <c r="AR234" s="77"/>
      <c r="AS234" s="77"/>
      <c r="AT234" s="77"/>
      <c r="AU234" s="77"/>
      <c r="AV234" s="77"/>
      <c r="AW234" s="77"/>
      <c r="AX234" s="77"/>
      <c r="AY234" s="77"/>
      <c r="AZ234" s="77"/>
      <c r="BA234" s="77"/>
      <c r="BB234" s="77"/>
      <c r="BC234" s="77"/>
      <c r="BD234" s="77"/>
    </row>
    <row r="235" spans="1:258" s="52" customFormat="1" ht="69.900000000000006" customHeight="1">
      <c r="A235" s="600" t="s">
        <v>196</v>
      </c>
      <c r="B235" s="601"/>
      <c r="C235" s="601"/>
      <c r="D235" s="601"/>
      <c r="E235" s="601"/>
      <c r="F235" s="601"/>
      <c r="G235" s="601"/>
      <c r="H235" s="601"/>
      <c r="I235" s="601"/>
      <c r="J235" s="601"/>
      <c r="K235" s="601"/>
      <c r="L235" s="601"/>
      <c r="M235" s="601"/>
      <c r="N235" s="601"/>
      <c r="O235" s="601"/>
      <c r="P235" s="602"/>
      <c r="Q235" s="161"/>
      <c r="R235" s="133"/>
      <c r="S235" s="162"/>
    </row>
    <row r="236" spans="1:258" s="67" customFormat="1" ht="71.400000000000006" customHeight="1">
      <c r="A236" s="764" t="s">
        <v>197</v>
      </c>
      <c r="B236" s="765"/>
      <c r="C236" s="765"/>
      <c r="D236" s="765"/>
      <c r="E236" s="765"/>
      <c r="F236" s="765"/>
      <c r="G236" s="765"/>
      <c r="H236" s="765"/>
      <c r="I236" s="765"/>
      <c r="J236" s="765"/>
      <c r="K236" s="765"/>
      <c r="L236" s="765"/>
      <c r="M236" s="765"/>
      <c r="N236" s="765"/>
      <c r="O236" s="765"/>
      <c r="P236" s="766"/>
      <c r="Q236" s="139"/>
      <c r="R236" s="138"/>
      <c r="S236" s="78"/>
      <c r="T236" s="76"/>
      <c r="U236" s="77"/>
      <c r="V236" s="77"/>
      <c r="W236" s="77"/>
      <c r="X236" s="77"/>
      <c r="Y236" s="77"/>
      <c r="Z236" s="77"/>
      <c r="AA236" s="77"/>
      <c r="AB236" s="77"/>
      <c r="AC236" s="77"/>
      <c r="AD236" s="77"/>
      <c r="AE236" s="77"/>
      <c r="AF236" s="77"/>
      <c r="AG236" s="77"/>
      <c r="AH236" s="77"/>
      <c r="AI236" s="77"/>
      <c r="AJ236" s="77"/>
      <c r="AK236" s="77"/>
      <c r="AL236" s="77"/>
      <c r="AM236" s="77"/>
      <c r="AN236" s="77"/>
      <c r="AO236" s="77"/>
      <c r="AP236" s="77"/>
      <c r="AQ236" s="77"/>
      <c r="AR236" s="77"/>
      <c r="AS236" s="77"/>
      <c r="AT236" s="77"/>
      <c r="AU236" s="77"/>
      <c r="AV236" s="77"/>
      <c r="AW236" s="77"/>
      <c r="AX236" s="77"/>
      <c r="AY236" s="77"/>
      <c r="AZ236" s="77"/>
      <c r="BA236" s="77"/>
      <c r="BB236" s="77"/>
      <c r="BC236" s="77"/>
      <c r="BD236" s="77"/>
    </row>
    <row r="237" spans="1:258" s="67" customFormat="1" ht="69.599999999999994" customHeight="1">
      <c r="A237" s="556" t="s">
        <v>85</v>
      </c>
      <c r="B237" s="557"/>
      <c r="C237" s="557"/>
      <c r="D237" s="557"/>
      <c r="E237" s="557"/>
      <c r="F237" s="557"/>
      <c r="G237" s="557"/>
      <c r="H237" s="557"/>
      <c r="I237" s="557"/>
      <c r="J237" s="557"/>
      <c r="K237" s="557"/>
      <c r="L237" s="557"/>
      <c r="M237" s="557"/>
      <c r="N237" s="557"/>
      <c r="O237" s="557"/>
      <c r="P237" s="558"/>
      <c r="Q237" s="139"/>
      <c r="R237" s="138"/>
      <c r="S237" s="78"/>
      <c r="T237" s="76"/>
      <c r="U237" s="77"/>
      <c r="V237" s="77"/>
      <c r="W237" s="77"/>
      <c r="X237" s="77"/>
      <c r="Y237" s="77"/>
      <c r="Z237" s="77"/>
      <c r="AA237" s="77"/>
      <c r="AB237" s="77"/>
      <c r="AC237" s="77"/>
      <c r="AD237" s="77"/>
      <c r="AE237" s="77"/>
      <c r="AF237" s="77"/>
      <c r="AG237" s="77"/>
      <c r="AH237" s="77"/>
      <c r="AI237" s="77"/>
      <c r="AJ237" s="77"/>
      <c r="AK237" s="77"/>
      <c r="AL237" s="77"/>
      <c r="AM237" s="77"/>
      <c r="AN237" s="77"/>
      <c r="AO237" s="77"/>
      <c r="AP237" s="77"/>
      <c r="AQ237" s="77"/>
      <c r="AR237" s="77"/>
      <c r="AS237" s="77"/>
      <c r="AT237" s="77"/>
      <c r="AU237" s="77"/>
      <c r="AV237" s="77"/>
      <c r="AW237" s="77"/>
      <c r="AX237" s="77"/>
      <c r="AY237" s="77"/>
      <c r="AZ237" s="77"/>
      <c r="BA237" s="77"/>
      <c r="BB237" s="77"/>
      <c r="BC237" s="77"/>
      <c r="BD237" s="77"/>
    </row>
    <row r="238" spans="1:258" s="64" customFormat="1" ht="69.900000000000006" customHeight="1">
      <c r="A238" s="468" t="s">
        <v>25</v>
      </c>
      <c r="B238" s="574"/>
      <c r="C238" s="574"/>
      <c r="D238" s="574"/>
      <c r="E238" s="574"/>
      <c r="F238" s="574"/>
      <c r="G238" s="574"/>
      <c r="H238" s="574"/>
      <c r="I238" s="574"/>
      <c r="J238" s="574"/>
      <c r="K238" s="574"/>
      <c r="L238" s="454"/>
      <c r="M238" s="574"/>
      <c r="N238" s="574"/>
      <c r="O238" s="574"/>
      <c r="P238" s="575"/>
      <c r="Q238" s="122"/>
      <c r="R238" s="138"/>
      <c r="S238" s="162"/>
    </row>
    <row r="239" spans="1:258" s="67" customFormat="1" ht="75" customHeight="1">
      <c r="A239" s="456"/>
      <c r="B239" s="457"/>
      <c r="C239" s="457"/>
      <c r="D239" s="457"/>
      <c r="E239" s="457"/>
      <c r="F239" s="457"/>
      <c r="G239" s="457"/>
      <c r="H239" s="457"/>
      <c r="I239" s="457"/>
      <c r="J239" s="457"/>
      <c r="K239" s="457"/>
      <c r="L239" s="458"/>
      <c r="M239" s="457"/>
      <c r="N239" s="457"/>
      <c r="O239" s="457"/>
      <c r="P239" s="459"/>
      <c r="Q239" s="139"/>
      <c r="R239" s="138"/>
      <c r="S239" s="141"/>
      <c r="T239" s="64"/>
    </row>
    <row r="240" spans="1:258" s="67" customFormat="1" ht="75" customHeight="1" thickBot="1">
      <c r="A240" s="471"/>
      <c r="B240" s="472"/>
      <c r="C240" s="472"/>
      <c r="D240" s="472"/>
      <c r="E240" s="472"/>
      <c r="F240" s="472"/>
      <c r="G240" s="472"/>
      <c r="H240" s="472"/>
      <c r="I240" s="472"/>
      <c r="J240" s="472"/>
      <c r="K240" s="472"/>
      <c r="L240" s="473"/>
      <c r="M240" s="472"/>
      <c r="N240" s="472"/>
      <c r="O240" s="472"/>
      <c r="P240" s="474"/>
      <c r="Q240" s="139"/>
      <c r="R240" s="138"/>
      <c r="S240" s="141"/>
      <c r="T240" s="64"/>
    </row>
    <row r="241" spans="1:56" s="64" customFormat="1" ht="69.75" customHeight="1">
      <c r="A241" s="651" t="s">
        <v>572</v>
      </c>
      <c r="B241" s="652"/>
      <c r="C241" s="652"/>
      <c r="D241" s="652"/>
      <c r="E241" s="652"/>
      <c r="F241" s="652"/>
      <c r="G241" s="652"/>
      <c r="H241" s="652"/>
      <c r="I241" s="652"/>
      <c r="J241" s="652"/>
      <c r="K241" s="652"/>
      <c r="L241" s="653"/>
      <c r="M241" s="652"/>
      <c r="N241" s="652"/>
      <c r="O241" s="652"/>
      <c r="P241" s="654"/>
      <c r="Q241" s="139"/>
      <c r="R241" s="138"/>
      <c r="S241" s="209" t="s">
        <v>573</v>
      </c>
      <c r="T241" s="76"/>
      <c r="U241" s="76"/>
      <c r="V241" s="76"/>
      <c r="W241" s="76"/>
      <c r="X241" s="77"/>
      <c r="Y241" s="77"/>
      <c r="Z241" s="77"/>
      <c r="AA241" s="77"/>
      <c r="AB241" s="77"/>
      <c r="AC241" s="77"/>
      <c r="AD241" s="77"/>
      <c r="AE241" s="77"/>
      <c r="AF241" s="77"/>
      <c r="AG241" s="77"/>
      <c r="AH241" s="77"/>
      <c r="AI241" s="77"/>
      <c r="AJ241" s="77"/>
      <c r="AK241" s="77"/>
      <c r="AL241" s="77"/>
      <c r="AM241" s="77"/>
      <c r="AN241" s="76"/>
      <c r="AO241" s="76"/>
      <c r="AP241" s="76"/>
      <c r="AQ241" s="76"/>
      <c r="AR241" s="76"/>
      <c r="AS241" s="76"/>
      <c r="AT241" s="76"/>
      <c r="AU241" s="76"/>
      <c r="AV241" s="76"/>
      <c r="AW241" s="76"/>
      <c r="AX241" s="76"/>
      <c r="AY241" s="76"/>
      <c r="AZ241" s="76"/>
      <c r="BA241" s="76"/>
      <c r="BB241" s="76"/>
      <c r="BC241" s="76"/>
      <c r="BD241" s="76"/>
    </row>
    <row r="242" spans="1:56" s="64" customFormat="1" ht="141.75" customHeight="1" thickBot="1">
      <c r="A242" s="700" t="s">
        <v>390</v>
      </c>
      <c r="B242" s="701"/>
      <c r="C242" s="701"/>
      <c r="D242" s="701"/>
      <c r="E242" s="701"/>
      <c r="F242" s="701"/>
      <c r="G242" s="701"/>
      <c r="H242" s="701"/>
      <c r="I242" s="701"/>
      <c r="J242" s="701"/>
      <c r="K242" s="701"/>
      <c r="L242" s="701"/>
      <c r="M242" s="701"/>
      <c r="N242" s="701"/>
      <c r="O242" s="701"/>
      <c r="P242" s="702"/>
      <c r="Q242" s="139"/>
      <c r="R242" s="138"/>
      <c r="S242" s="78"/>
      <c r="T242" s="76"/>
      <c r="U242" s="76"/>
      <c r="V242" s="76"/>
      <c r="W242" s="76"/>
      <c r="X242" s="76"/>
      <c r="Y242" s="76"/>
      <c r="Z242" s="76"/>
      <c r="AA242" s="76"/>
      <c r="AB242" s="76"/>
      <c r="AC242" s="76"/>
      <c r="AD242" s="76"/>
      <c r="AE242" s="76"/>
      <c r="AF242" s="76"/>
      <c r="AG242" s="76"/>
      <c r="AH242" s="76"/>
      <c r="AI242" s="76"/>
      <c r="AJ242" s="76"/>
      <c r="AK242" s="76"/>
      <c r="AL242" s="76"/>
      <c r="AM242" s="76"/>
      <c r="AN242" s="76"/>
      <c r="AO242" s="76"/>
      <c r="AP242" s="76"/>
      <c r="AQ242" s="76"/>
      <c r="AR242" s="76"/>
      <c r="AS242" s="76"/>
      <c r="AT242" s="76"/>
      <c r="AU242" s="76"/>
      <c r="AV242" s="76"/>
      <c r="AW242" s="76"/>
      <c r="AX242" s="76"/>
      <c r="AY242" s="76"/>
      <c r="AZ242" s="76"/>
      <c r="BA242" s="76"/>
      <c r="BB242" s="76"/>
      <c r="BC242" s="76"/>
      <c r="BD242" s="76"/>
    </row>
    <row r="243" spans="1:56" s="67" customFormat="1" ht="199.95" customHeight="1" thickTop="1" thickBot="1">
      <c r="A243" s="485" t="s">
        <v>574</v>
      </c>
      <c r="B243" s="598"/>
      <c r="C243" s="598"/>
      <c r="D243" s="598"/>
      <c r="E243" s="598"/>
      <c r="F243" s="598"/>
      <c r="G243" s="598"/>
      <c r="H243" s="598"/>
      <c r="I243" s="598"/>
      <c r="J243" s="598"/>
      <c r="K243" s="598"/>
      <c r="L243" s="352"/>
      <c r="M243" s="598"/>
      <c r="N243" s="638"/>
      <c r="O243" s="68" t="s">
        <v>20</v>
      </c>
      <c r="P243" s="69" t="s">
        <v>21</v>
      </c>
      <c r="Q243" s="139"/>
      <c r="R243" s="138"/>
      <c r="S243" s="137"/>
      <c r="T243" s="76"/>
      <c r="U243" s="77"/>
      <c r="V243" s="77"/>
      <c r="W243" s="77"/>
      <c r="X243" s="77"/>
      <c r="Y243" s="77"/>
      <c r="Z243" s="77"/>
      <c r="AA243" s="77"/>
      <c r="AB243" s="77"/>
      <c r="AC243" s="77"/>
      <c r="AD243" s="77"/>
      <c r="AE243" s="77"/>
      <c r="AF243" s="77"/>
      <c r="AG243" s="77"/>
      <c r="AH243" s="77"/>
      <c r="AI243" s="77"/>
      <c r="AJ243" s="77"/>
      <c r="AK243" s="77"/>
      <c r="AL243" s="77"/>
      <c r="AM243" s="77"/>
      <c r="AN243" s="77"/>
      <c r="AO243" s="77"/>
      <c r="AP243" s="77"/>
      <c r="AQ243" s="77"/>
      <c r="AR243" s="77"/>
      <c r="AS243" s="77"/>
      <c r="AT243" s="77"/>
      <c r="AU243" s="77"/>
      <c r="AV243" s="77"/>
      <c r="AW243" s="77"/>
      <c r="AX243" s="77"/>
      <c r="AY243" s="77"/>
      <c r="AZ243" s="77"/>
      <c r="BA243" s="77"/>
      <c r="BB243" s="77"/>
      <c r="BC243" s="77"/>
      <c r="BD243" s="77"/>
    </row>
    <row r="244" spans="1:56" s="67" customFormat="1" ht="201" customHeight="1" thickTop="1" thickBot="1">
      <c r="A244" s="466" t="s">
        <v>575</v>
      </c>
      <c r="B244" s="537"/>
      <c r="C244" s="537"/>
      <c r="D244" s="537"/>
      <c r="E244" s="537"/>
      <c r="F244" s="537"/>
      <c r="G244" s="537"/>
      <c r="H244" s="537"/>
      <c r="I244" s="537"/>
      <c r="J244" s="537"/>
      <c r="K244" s="537"/>
      <c r="L244" s="295"/>
      <c r="M244" s="537"/>
      <c r="N244" s="703"/>
      <c r="O244" s="68" t="s">
        <v>20</v>
      </c>
      <c r="P244" s="69" t="s">
        <v>21</v>
      </c>
      <c r="Q244" s="139"/>
      <c r="R244" s="138"/>
      <c r="S244" s="137"/>
      <c r="T244" s="76"/>
      <c r="U244" s="77"/>
      <c r="V244" s="77"/>
      <c r="W244" s="77"/>
      <c r="X244" s="76"/>
      <c r="Y244" s="76"/>
      <c r="Z244" s="76"/>
      <c r="AA244" s="76"/>
      <c r="AB244" s="76"/>
      <c r="AC244" s="76"/>
      <c r="AD244" s="76"/>
      <c r="AE244" s="76"/>
      <c r="AF244" s="76"/>
      <c r="AG244" s="76"/>
      <c r="AH244" s="76"/>
      <c r="AI244" s="76"/>
      <c r="AJ244" s="76"/>
      <c r="AK244" s="76"/>
      <c r="AL244" s="76"/>
      <c r="AM244" s="76"/>
      <c r="AN244" s="77"/>
      <c r="AO244" s="77"/>
      <c r="AP244" s="77"/>
      <c r="AQ244" s="77"/>
      <c r="AR244" s="77"/>
      <c r="AS244" s="77"/>
      <c r="AT244" s="77"/>
      <c r="AU244" s="77"/>
      <c r="AV244" s="77"/>
      <c r="AW244" s="77"/>
      <c r="AX244" s="77"/>
      <c r="AY244" s="77"/>
      <c r="AZ244" s="77"/>
      <c r="BA244" s="77"/>
      <c r="BB244" s="77"/>
      <c r="BC244" s="77"/>
      <c r="BD244" s="77"/>
    </row>
    <row r="245" spans="1:56" s="67" customFormat="1" ht="132" customHeight="1" thickTop="1" thickBot="1">
      <c r="A245" s="466" t="s">
        <v>576</v>
      </c>
      <c r="B245" s="537"/>
      <c r="C245" s="537"/>
      <c r="D245" s="537"/>
      <c r="E245" s="537"/>
      <c r="F245" s="537"/>
      <c r="G245" s="537"/>
      <c r="H245" s="537"/>
      <c r="I245" s="537"/>
      <c r="J245" s="537"/>
      <c r="K245" s="537"/>
      <c r="L245" s="295"/>
      <c r="M245" s="537"/>
      <c r="N245" s="703"/>
      <c r="O245" s="68" t="s">
        <v>20</v>
      </c>
      <c r="P245" s="69" t="s">
        <v>21</v>
      </c>
      <c r="Q245" s="139"/>
      <c r="R245" s="138"/>
      <c r="S245" s="137"/>
      <c r="T245" s="76"/>
      <c r="U245" s="77"/>
      <c r="V245" s="77"/>
      <c r="W245" s="77"/>
      <c r="X245" s="76"/>
      <c r="Y245" s="76"/>
      <c r="Z245" s="76"/>
      <c r="AA245" s="76"/>
      <c r="AB245" s="76"/>
      <c r="AC245" s="76"/>
      <c r="AD245" s="76"/>
      <c r="AE245" s="76"/>
      <c r="AF245" s="76"/>
      <c r="AG245" s="76"/>
      <c r="AH245" s="76"/>
      <c r="AI245" s="76"/>
      <c r="AJ245" s="76"/>
      <c r="AK245" s="76"/>
      <c r="AL245" s="76"/>
      <c r="AM245" s="76"/>
      <c r="AN245" s="77"/>
      <c r="AO245" s="77"/>
      <c r="AP245" s="77"/>
      <c r="AQ245" s="77"/>
      <c r="AR245" s="77"/>
      <c r="AS245" s="77"/>
      <c r="AT245" s="77"/>
      <c r="AU245" s="77"/>
      <c r="AV245" s="77"/>
      <c r="AW245" s="77"/>
      <c r="AX245" s="77"/>
      <c r="AY245" s="77"/>
      <c r="AZ245" s="77"/>
      <c r="BA245" s="77"/>
      <c r="BB245" s="77"/>
      <c r="BC245" s="77"/>
      <c r="BD245" s="77"/>
    </row>
    <row r="246" spans="1:56" s="67" customFormat="1" ht="132" customHeight="1" thickTop="1" thickBot="1">
      <c r="A246" s="467" t="s">
        <v>577</v>
      </c>
      <c r="B246" s="610"/>
      <c r="C246" s="610"/>
      <c r="D246" s="610"/>
      <c r="E246" s="610"/>
      <c r="F246" s="610"/>
      <c r="G246" s="610"/>
      <c r="H246" s="610"/>
      <c r="I246" s="610"/>
      <c r="J246" s="610"/>
      <c r="K246" s="610"/>
      <c r="L246" s="349"/>
      <c r="M246" s="610"/>
      <c r="N246" s="661"/>
      <c r="O246" s="75" t="s">
        <v>20</v>
      </c>
      <c r="P246" s="136" t="s">
        <v>21</v>
      </c>
      <c r="Q246" s="139"/>
      <c r="R246" s="138"/>
      <c r="S246" s="137"/>
      <c r="T246" s="76"/>
      <c r="U246" s="77"/>
      <c r="V246" s="77"/>
      <c r="W246" s="77"/>
      <c r="X246" s="64"/>
      <c r="Y246" s="64"/>
      <c r="Z246" s="64"/>
      <c r="AA246" s="64"/>
      <c r="AB246" s="64"/>
      <c r="AC246" s="64"/>
      <c r="AD246" s="64"/>
      <c r="AE246" s="64"/>
      <c r="AF246" s="64"/>
      <c r="AG246" s="64"/>
      <c r="AH246" s="64"/>
      <c r="AI246" s="64"/>
      <c r="AJ246" s="64"/>
      <c r="AK246" s="64"/>
      <c r="AL246" s="64"/>
      <c r="AM246" s="64"/>
      <c r="AN246" s="77"/>
      <c r="AO246" s="77"/>
      <c r="AP246" s="77"/>
      <c r="AQ246" s="77"/>
      <c r="AR246" s="77"/>
      <c r="AS246" s="77"/>
      <c r="AT246" s="77"/>
      <c r="AU246" s="77"/>
      <c r="AV246" s="77"/>
      <c r="AW246" s="77"/>
      <c r="AX246" s="77"/>
      <c r="AY246" s="77"/>
      <c r="AZ246" s="77"/>
      <c r="BA246" s="77"/>
      <c r="BB246" s="77"/>
      <c r="BC246" s="77"/>
      <c r="BD246" s="77"/>
    </row>
    <row r="247" spans="1:56" s="64" customFormat="1" ht="69.900000000000006" customHeight="1" thickTop="1">
      <c r="A247" s="468" t="s">
        <v>25</v>
      </c>
      <c r="B247" s="574"/>
      <c r="C247" s="574"/>
      <c r="D247" s="574"/>
      <c r="E247" s="574"/>
      <c r="F247" s="574"/>
      <c r="G247" s="574"/>
      <c r="H247" s="574"/>
      <c r="I247" s="574"/>
      <c r="J247" s="574"/>
      <c r="K247" s="574"/>
      <c r="L247" s="454"/>
      <c r="M247" s="574"/>
      <c r="N247" s="574"/>
      <c r="O247" s="574"/>
      <c r="P247" s="575"/>
      <c r="Q247" s="122"/>
      <c r="R247" s="138"/>
      <c r="S247" s="162"/>
    </row>
    <row r="248" spans="1:56" s="67" customFormat="1" ht="75" customHeight="1">
      <c r="A248" s="456"/>
      <c r="B248" s="457"/>
      <c r="C248" s="457"/>
      <c r="D248" s="457"/>
      <c r="E248" s="457"/>
      <c r="F248" s="457"/>
      <c r="G248" s="457"/>
      <c r="H248" s="457"/>
      <c r="I248" s="457"/>
      <c r="J248" s="457"/>
      <c r="K248" s="457"/>
      <c r="L248" s="458"/>
      <c r="M248" s="457"/>
      <c r="N248" s="457"/>
      <c r="O248" s="457"/>
      <c r="P248" s="459"/>
      <c r="Q248" s="139"/>
      <c r="R248" s="138"/>
      <c r="S248" s="141"/>
      <c r="T248" s="64"/>
    </row>
    <row r="249" spans="1:56" s="67" customFormat="1" ht="75" customHeight="1" thickBot="1">
      <c r="A249" s="471"/>
      <c r="B249" s="472"/>
      <c r="C249" s="472"/>
      <c r="D249" s="472"/>
      <c r="E249" s="472"/>
      <c r="F249" s="472"/>
      <c r="G249" s="472"/>
      <c r="H249" s="472"/>
      <c r="I249" s="472"/>
      <c r="J249" s="472"/>
      <c r="K249" s="472"/>
      <c r="L249" s="473"/>
      <c r="M249" s="472"/>
      <c r="N249" s="472"/>
      <c r="O249" s="472"/>
      <c r="P249" s="474"/>
      <c r="Q249" s="139"/>
      <c r="R249" s="138"/>
      <c r="S249" s="141"/>
      <c r="T249" s="64"/>
    </row>
    <row r="250" spans="1:56" s="57" customFormat="1" ht="13.5" customHeight="1">
      <c r="A250" s="167"/>
      <c r="B250" s="167"/>
      <c r="C250" s="167"/>
      <c r="D250" s="167"/>
      <c r="E250" s="167"/>
      <c r="F250" s="167"/>
      <c r="G250" s="167"/>
      <c r="H250" s="167"/>
      <c r="I250" s="167"/>
      <c r="J250" s="167"/>
      <c r="K250" s="167"/>
      <c r="L250" s="167"/>
      <c r="M250" s="167"/>
      <c r="N250" s="167"/>
      <c r="O250" s="167"/>
      <c r="P250" s="167"/>
      <c r="Q250" s="167"/>
      <c r="R250" s="167"/>
      <c r="S250" s="167"/>
      <c r="T250" s="166"/>
      <c r="X250" s="4"/>
      <c r="Y250" s="4"/>
      <c r="Z250" s="4"/>
      <c r="AA250" s="4"/>
      <c r="AB250" s="4"/>
      <c r="AC250" s="4"/>
      <c r="AD250" s="4"/>
      <c r="AE250" s="4"/>
      <c r="AF250" s="4"/>
      <c r="AG250" s="4"/>
      <c r="AH250" s="4"/>
      <c r="AI250" s="4"/>
      <c r="AJ250" s="4"/>
      <c r="AK250" s="4"/>
      <c r="AL250" s="4"/>
      <c r="AM250" s="4"/>
    </row>
    <row r="251" spans="1:56" s="170" customFormat="1" ht="55.2">
      <c r="A251" s="421" t="s">
        <v>210</v>
      </c>
      <c r="B251" s="422"/>
      <c r="C251" s="422"/>
      <c r="D251" s="422"/>
      <c r="E251" s="422"/>
      <c r="F251" s="422"/>
      <c r="G251" s="422"/>
      <c r="H251" s="422"/>
      <c r="I251" s="422"/>
      <c r="J251" s="422"/>
      <c r="K251" s="422"/>
      <c r="L251" s="422"/>
      <c r="M251" s="422"/>
      <c r="N251" s="422"/>
      <c r="O251" s="422"/>
      <c r="P251" s="423"/>
      <c r="Q251" s="168"/>
      <c r="R251" s="168"/>
      <c r="S251" s="169"/>
    </row>
    <row r="252" spans="1:56" s="170" customFormat="1" ht="103.5" customHeight="1">
      <c r="A252" s="707" t="s">
        <v>211</v>
      </c>
      <c r="B252" s="708"/>
      <c r="C252" s="708"/>
      <c r="D252" s="708"/>
      <c r="E252" s="708"/>
      <c r="F252" s="708"/>
      <c r="G252" s="708"/>
      <c r="H252" s="708"/>
      <c r="I252" s="708"/>
      <c r="J252" s="708"/>
      <c r="K252" s="708"/>
      <c r="L252" s="708"/>
      <c r="M252" s="708"/>
      <c r="N252" s="708"/>
      <c r="O252" s="708"/>
      <c r="P252" s="709"/>
      <c r="Q252" s="168"/>
      <c r="R252" s="168"/>
      <c r="S252" s="169"/>
    </row>
    <row r="253" spans="1:56" s="170" customFormat="1" ht="103.5" customHeight="1">
      <c r="A253" s="704" t="s">
        <v>212</v>
      </c>
      <c r="B253" s="705"/>
      <c r="C253" s="705"/>
      <c r="D253" s="705"/>
      <c r="E253" s="705"/>
      <c r="F253" s="705"/>
      <c r="G253" s="705"/>
      <c r="H253" s="705"/>
      <c r="I253" s="705"/>
      <c r="J253" s="705"/>
      <c r="K253" s="705"/>
      <c r="L253" s="705"/>
      <c r="M253" s="705"/>
      <c r="N253" s="705"/>
      <c r="O253" s="705"/>
      <c r="P253" s="706"/>
      <c r="Q253" s="168"/>
      <c r="R253" s="168"/>
      <c r="S253" s="169"/>
    </row>
    <row r="254" spans="1:56" s="170" customFormat="1" ht="91.5" customHeight="1">
      <c r="A254" s="171"/>
      <c r="B254" s="172" t="s">
        <v>213</v>
      </c>
      <c r="C254" s="173"/>
      <c r="D254" s="173"/>
      <c r="E254" s="173"/>
      <c r="F254" s="173"/>
      <c r="G254" s="173"/>
      <c r="H254" s="173"/>
      <c r="I254" s="174"/>
      <c r="J254" s="174"/>
      <c r="K254" s="175"/>
      <c r="L254" s="175"/>
      <c r="M254" s="175"/>
      <c r="N254" s="176"/>
      <c r="O254" s="176"/>
      <c r="P254" s="177"/>
      <c r="Q254" s="168"/>
      <c r="R254" s="168"/>
      <c r="S254" s="169"/>
    </row>
    <row r="255" spans="1:56" s="170" customFormat="1" ht="19.5" customHeight="1">
      <c r="A255" s="178"/>
      <c r="B255" s="179"/>
      <c r="C255" s="173"/>
      <c r="D255" s="173"/>
      <c r="E255" s="173"/>
      <c r="F255" s="173"/>
      <c r="G255" s="173"/>
      <c r="H255" s="173"/>
      <c r="I255" s="174"/>
      <c r="J255" s="174"/>
      <c r="K255" s="173"/>
      <c r="L255" s="173"/>
      <c r="M255" s="173"/>
      <c r="N255" s="174"/>
      <c r="O255" s="174"/>
      <c r="P255" s="180"/>
      <c r="Q255" s="168"/>
      <c r="R255" s="168"/>
      <c r="S255" s="169"/>
    </row>
    <row r="256" spans="1:56" s="170" customFormat="1" ht="38.1" customHeight="1">
      <c r="A256" s="175"/>
      <c r="B256" s="172"/>
      <c r="C256" s="175"/>
      <c r="D256" s="175"/>
      <c r="E256" s="175"/>
      <c r="F256" s="175"/>
      <c r="G256" s="175"/>
      <c r="H256" s="175"/>
      <c r="I256" s="176"/>
      <c r="J256" s="176"/>
      <c r="K256" s="175"/>
      <c r="L256" s="175"/>
      <c r="M256" s="175"/>
      <c r="N256" s="176"/>
      <c r="O256" s="176"/>
      <c r="P256" s="175"/>
      <c r="Q256" s="168"/>
      <c r="R256" s="168"/>
      <c r="S256" s="169"/>
    </row>
    <row r="257" spans="1:19" s="170" customFormat="1" ht="55.2">
      <c r="A257" s="421" t="s">
        <v>210</v>
      </c>
      <c r="B257" s="422"/>
      <c r="C257" s="422"/>
      <c r="D257" s="422"/>
      <c r="E257" s="422"/>
      <c r="F257" s="422"/>
      <c r="G257" s="422"/>
      <c r="H257" s="422"/>
      <c r="I257" s="422"/>
      <c r="J257" s="422"/>
      <c r="K257" s="422"/>
      <c r="L257" s="422"/>
      <c r="M257" s="422"/>
      <c r="N257" s="422"/>
      <c r="O257" s="422"/>
      <c r="P257" s="423"/>
      <c r="Q257" s="168"/>
      <c r="R257" s="168"/>
      <c r="S257" s="169"/>
    </row>
    <row r="258" spans="1:19" s="170" customFormat="1" ht="103.5" customHeight="1">
      <c r="A258" s="707" t="s">
        <v>211</v>
      </c>
      <c r="B258" s="708"/>
      <c r="C258" s="708"/>
      <c r="D258" s="708"/>
      <c r="E258" s="708"/>
      <c r="F258" s="708"/>
      <c r="G258" s="708"/>
      <c r="H258" s="708"/>
      <c r="I258" s="708"/>
      <c r="J258" s="708"/>
      <c r="K258" s="708"/>
      <c r="L258" s="708"/>
      <c r="M258" s="708"/>
      <c r="N258" s="708"/>
      <c r="O258" s="708"/>
      <c r="P258" s="709"/>
      <c r="Q258" s="168"/>
      <c r="R258" s="168"/>
      <c r="S258" s="169"/>
    </row>
    <row r="259" spans="1:19" s="170" customFormat="1" ht="103.5" customHeight="1">
      <c r="A259" s="704" t="s">
        <v>212</v>
      </c>
      <c r="B259" s="705"/>
      <c r="C259" s="705"/>
      <c r="D259" s="705"/>
      <c r="E259" s="705"/>
      <c r="F259" s="705"/>
      <c r="G259" s="705"/>
      <c r="H259" s="705"/>
      <c r="I259" s="705"/>
      <c r="J259" s="705"/>
      <c r="K259" s="705"/>
      <c r="L259" s="705"/>
      <c r="M259" s="705"/>
      <c r="N259" s="705"/>
      <c r="O259" s="705"/>
      <c r="P259" s="706"/>
      <c r="Q259" s="168"/>
      <c r="R259" s="168"/>
      <c r="S259" s="169"/>
    </row>
    <row r="260" spans="1:19" s="170" customFormat="1" ht="91.5" customHeight="1">
      <c r="A260" s="171"/>
      <c r="B260" s="172" t="s">
        <v>213</v>
      </c>
      <c r="C260" s="173"/>
      <c r="D260" s="173"/>
      <c r="E260" s="173"/>
      <c r="F260" s="173"/>
      <c r="G260" s="173"/>
      <c r="H260" s="173"/>
      <c r="I260" s="174"/>
      <c r="J260" s="174"/>
      <c r="K260" s="175"/>
      <c r="L260" s="175"/>
      <c r="M260" s="175"/>
      <c r="N260" s="176"/>
      <c r="O260" s="176"/>
      <c r="P260" s="177"/>
      <c r="Q260" s="168"/>
      <c r="R260" s="168"/>
      <c r="S260" s="169"/>
    </row>
    <row r="261" spans="1:19" s="170" customFormat="1" ht="19.5" customHeight="1">
      <c r="A261" s="178"/>
      <c r="B261" s="179"/>
      <c r="C261" s="173"/>
      <c r="D261" s="173"/>
      <c r="E261" s="173"/>
      <c r="F261" s="173"/>
      <c r="G261" s="173"/>
      <c r="H261" s="173"/>
      <c r="I261" s="174"/>
      <c r="J261" s="174"/>
      <c r="K261" s="173"/>
      <c r="L261" s="173"/>
      <c r="M261" s="173"/>
      <c r="N261" s="174"/>
      <c r="O261" s="174"/>
      <c r="P261" s="180"/>
      <c r="Q261" s="168"/>
      <c r="R261" s="168"/>
      <c r="S261" s="169"/>
    </row>
    <row r="262" spans="1:19" s="170" customFormat="1" ht="55.2">
      <c r="A262" s="424"/>
      <c r="B262" s="424"/>
      <c r="C262" s="424"/>
      <c r="D262" s="424"/>
      <c r="E262" s="424"/>
      <c r="F262" s="424"/>
      <c r="G262" s="424"/>
      <c r="H262" s="424"/>
      <c r="I262" s="424"/>
      <c r="J262" s="424"/>
      <c r="K262" s="424"/>
      <c r="L262" s="424"/>
      <c r="M262" s="424"/>
      <c r="N262" s="424"/>
      <c r="O262" s="424"/>
      <c r="P262" s="175"/>
      <c r="Q262" s="168"/>
      <c r="R262" s="168"/>
      <c r="S262" s="169"/>
    </row>
  </sheetData>
  <mergeCells count="262">
    <mergeCell ref="A257:P257"/>
    <mergeCell ref="A258:P258"/>
    <mergeCell ref="A259:P259"/>
    <mergeCell ref="A262:O262"/>
    <mergeCell ref="A247:P247"/>
    <mergeCell ref="A248:P248"/>
    <mergeCell ref="A249:P249"/>
    <mergeCell ref="A251:P251"/>
    <mergeCell ref="A252:P252"/>
    <mergeCell ref="A253:P253"/>
    <mergeCell ref="A241:P241"/>
    <mergeCell ref="A242:P242"/>
    <mergeCell ref="A243:N243"/>
    <mergeCell ref="A244:N244"/>
    <mergeCell ref="A245:N245"/>
    <mergeCell ref="A246:N246"/>
    <mergeCell ref="A235:P235"/>
    <mergeCell ref="A236:P236"/>
    <mergeCell ref="A237:P237"/>
    <mergeCell ref="A238:P238"/>
    <mergeCell ref="A239:P239"/>
    <mergeCell ref="A240:P240"/>
    <mergeCell ref="A229:N229"/>
    <mergeCell ref="A230:N230"/>
    <mergeCell ref="A231:P231"/>
    <mergeCell ref="A232:P232"/>
    <mergeCell ref="A233:P233"/>
    <mergeCell ref="A234:P234"/>
    <mergeCell ref="A223:P223"/>
    <mergeCell ref="A224:M224"/>
    <mergeCell ref="A225:P225"/>
    <mergeCell ref="A226:P226"/>
    <mergeCell ref="A227:P227"/>
    <mergeCell ref="A228:P228"/>
    <mergeCell ref="A217:P217"/>
    <mergeCell ref="A218:P218"/>
    <mergeCell ref="A219:P219"/>
    <mergeCell ref="A220:P220"/>
    <mergeCell ref="A221:P221"/>
    <mergeCell ref="A222:P222"/>
    <mergeCell ref="A211:P211"/>
    <mergeCell ref="A212:P212"/>
    <mergeCell ref="A213:P213"/>
    <mergeCell ref="A214:M214"/>
    <mergeCell ref="A215:P215"/>
    <mergeCell ref="A216:P216"/>
    <mergeCell ref="A205:N205"/>
    <mergeCell ref="A206:P206"/>
    <mergeCell ref="A207:P207"/>
    <mergeCell ref="A208:P208"/>
    <mergeCell ref="A209:P209"/>
    <mergeCell ref="A210:P210"/>
    <mergeCell ref="A199:N199"/>
    <mergeCell ref="A200:P200"/>
    <mergeCell ref="A201:P201"/>
    <mergeCell ref="A202:P202"/>
    <mergeCell ref="A203:P203"/>
    <mergeCell ref="A204:P204"/>
    <mergeCell ref="A193:P193"/>
    <mergeCell ref="A194:N194"/>
    <mergeCell ref="A195:P195"/>
    <mergeCell ref="A196:P196"/>
    <mergeCell ref="A197:P197"/>
    <mergeCell ref="A198:P198"/>
    <mergeCell ref="A187:P187"/>
    <mergeCell ref="A188:N188"/>
    <mergeCell ref="A189:N189"/>
    <mergeCell ref="A190:P190"/>
    <mergeCell ref="A191:P191"/>
    <mergeCell ref="A192:P192"/>
    <mergeCell ref="A181:P181"/>
    <mergeCell ref="A182:P182"/>
    <mergeCell ref="A183:N183"/>
    <mergeCell ref="A184:P184"/>
    <mergeCell ref="A185:P185"/>
    <mergeCell ref="A186:P186"/>
    <mergeCell ref="A177:I177"/>
    <mergeCell ref="J177:P177"/>
    <mergeCell ref="A178:I178"/>
    <mergeCell ref="J178:P178"/>
    <mergeCell ref="A179:P179"/>
    <mergeCell ref="A180:P180"/>
    <mergeCell ref="A172:I172"/>
    <mergeCell ref="J172:P172"/>
    <mergeCell ref="A173:I173"/>
    <mergeCell ref="J173:P173"/>
    <mergeCell ref="A174:I176"/>
    <mergeCell ref="K174:P174"/>
    <mergeCell ref="J175:P175"/>
    <mergeCell ref="J176:K176"/>
    <mergeCell ref="M176:P176"/>
    <mergeCell ref="A168:P168"/>
    <mergeCell ref="A169:I169"/>
    <mergeCell ref="J169:P169"/>
    <mergeCell ref="A170:I171"/>
    <mergeCell ref="J170:P170"/>
    <mergeCell ref="J171:K171"/>
    <mergeCell ref="M171:P171"/>
    <mergeCell ref="A162:M162"/>
    <mergeCell ref="A163:P163"/>
    <mergeCell ref="A164:P164"/>
    <mergeCell ref="A165:P165"/>
    <mergeCell ref="A166:P166"/>
    <mergeCell ref="A167:P167"/>
    <mergeCell ref="A156:P156"/>
    <mergeCell ref="A157:N157"/>
    <mergeCell ref="A158:P158"/>
    <mergeCell ref="A159:P159"/>
    <mergeCell ref="A160:P160"/>
    <mergeCell ref="A161:P161"/>
    <mergeCell ref="A150:P150"/>
    <mergeCell ref="A151:P151"/>
    <mergeCell ref="A152:N152"/>
    <mergeCell ref="A153:P153"/>
    <mergeCell ref="A154:P154"/>
    <mergeCell ref="A155:P155"/>
    <mergeCell ref="A144:P144"/>
    <mergeCell ref="A145:P145"/>
    <mergeCell ref="A146:N146"/>
    <mergeCell ref="A147:N147"/>
    <mergeCell ref="A148:P148"/>
    <mergeCell ref="A149:P149"/>
    <mergeCell ref="A138:P138"/>
    <mergeCell ref="A139:P139"/>
    <mergeCell ref="A140:P140"/>
    <mergeCell ref="A141:N141"/>
    <mergeCell ref="A142:P142"/>
    <mergeCell ref="A143:P143"/>
    <mergeCell ref="A132:P132"/>
    <mergeCell ref="A133:P133"/>
    <mergeCell ref="A134:M134"/>
    <mergeCell ref="A135:M135"/>
    <mergeCell ref="A136:P136"/>
    <mergeCell ref="A137:P137"/>
    <mergeCell ref="A126:P126"/>
    <mergeCell ref="A127:P127"/>
    <mergeCell ref="A128:P128"/>
    <mergeCell ref="A129:P129"/>
    <mergeCell ref="A130:P130"/>
    <mergeCell ref="A131:P131"/>
    <mergeCell ref="A123:J124"/>
    <mergeCell ref="K123:L124"/>
    <mergeCell ref="M123:P123"/>
    <mergeCell ref="M124:P124"/>
    <mergeCell ref="A125:J125"/>
    <mergeCell ref="K125:P125"/>
    <mergeCell ref="A120:J120"/>
    <mergeCell ref="K120:P120"/>
    <mergeCell ref="A121:J122"/>
    <mergeCell ref="K121:L122"/>
    <mergeCell ref="M121:P121"/>
    <mergeCell ref="M122:P122"/>
    <mergeCell ref="A114:P114"/>
    <mergeCell ref="A115:P115"/>
    <mergeCell ref="A116:P116"/>
    <mergeCell ref="A117:N117"/>
    <mergeCell ref="A118:P118"/>
    <mergeCell ref="A119:P119"/>
    <mergeCell ref="A108:P108"/>
    <mergeCell ref="A109:P109"/>
    <mergeCell ref="A110:P110"/>
    <mergeCell ref="A111:P111"/>
    <mergeCell ref="A112:N112"/>
    <mergeCell ref="A113:P113"/>
    <mergeCell ref="A102:P102"/>
    <mergeCell ref="A103:P103"/>
    <mergeCell ref="A104:P104"/>
    <mergeCell ref="A105:P105"/>
    <mergeCell ref="A106:P106"/>
    <mergeCell ref="A107:N107"/>
    <mergeCell ref="A96:P96"/>
    <mergeCell ref="A97:M97"/>
    <mergeCell ref="A98:P98"/>
    <mergeCell ref="A99:P99"/>
    <mergeCell ref="A100:P100"/>
    <mergeCell ref="A101:P101"/>
    <mergeCell ref="A90:P90"/>
    <mergeCell ref="A91:P91"/>
    <mergeCell ref="A92:P92"/>
    <mergeCell ref="A93:P93"/>
    <mergeCell ref="A94:P94"/>
    <mergeCell ref="A95:P95"/>
    <mergeCell ref="A84:P84"/>
    <mergeCell ref="A85:P85"/>
    <mergeCell ref="A86:P86"/>
    <mergeCell ref="A87:P87"/>
    <mergeCell ref="A88:N88"/>
    <mergeCell ref="A89:P89"/>
    <mergeCell ref="A78:P78"/>
    <mergeCell ref="A79:P79"/>
    <mergeCell ref="A80:P80"/>
    <mergeCell ref="A81:P81"/>
    <mergeCell ref="A82:P82"/>
    <mergeCell ref="A83:N83"/>
    <mergeCell ref="A72:P72"/>
    <mergeCell ref="A73:P73"/>
    <mergeCell ref="A74:N74"/>
    <mergeCell ref="A75:P75"/>
    <mergeCell ref="A76:P76"/>
    <mergeCell ref="A77:P77"/>
    <mergeCell ref="A66:N66"/>
    <mergeCell ref="A67:N67"/>
    <mergeCell ref="A68:N68"/>
    <mergeCell ref="A69:P69"/>
    <mergeCell ref="A70:P70"/>
    <mergeCell ref="A71:P71"/>
    <mergeCell ref="A61:J61"/>
    <mergeCell ref="K61:P61"/>
    <mergeCell ref="A62:P62"/>
    <mergeCell ref="A63:P63"/>
    <mergeCell ref="A64:P64"/>
    <mergeCell ref="A65:P65"/>
    <mergeCell ref="A56:P56"/>
    <mergeCell ref="A57:P57"/>
    <mergeCell ref="A58:N58"/>
    <mergeCell ref="A59:P59"/>
    <mergeCell ref="A60:J60"/>
    <mergeCell ref="K60:P60"/>
    <mergeCell ref="A50:M50"/>
    <mergeCell ref="A51:M51"/>
    <mergeCell ref="A52:N52"/>
    <mergeCell ref="A53:N53"/>
    <mergeCell ref="A54:P54"/>
    <mergeCell ref="A55:P55"/>
    <mergeCell ref="A44:P44"/>
    <mergeCell ref="A45:P45"/>
    <mergeCell ref="A46:N46"/>
    <mergeCell ref="A47:N47"/>
    <mergeCell ref="A48:M48"/>
    <mergeCell ref="A49:M49"/>
    <mergeCell ref="S37:S38"/>
    <mergeCell ref="A39:N39"/>
    <mergeCell ref="A40:N40"/>
    <mergeCell ref="A41:P41"/>
    <mergeCell ref="A42:P42"/>
    <mergeCell ref="A43:P43"/>
    <mergeCell ref="A33:P33"/>
    <mergeCell ref="A34:P34"/>
    <mergeCell ref="A35:P35"/>
    <mergeCell ref="A36:P36"/>
    <mergeCell ref="A37:N38"/>
    <mergeCell ref="O37:O38"/>
    <mergeCell ref="P37:P38"/>
    <mergeCell ref="A27:P27"/>
    <mergeCell ref="A28:N28"/>
    <mergeCell ref="A29:N29"/>
    <mergeCell ref="A30:N30"/>
    <mergeCell ref="A31:N31"/>
    <mergeCell ref="A32:N32"/>
    <mergeCell ref="A21:N21"/>
    <mergeCell ref="A22:N22"/>
    <mergeCell ref="A23:M23"/>
    <mergeCell ref="A24:P24"/>
    <mergeCell ref="A25:P25"/>
    <mergeCell ref="A26:P26"/>
    <mergeCell ref="A1:S1"/>
    <mergeCell ref="A2:S2"/>
    <mergeCell ref="A6:S6"/>
    <mergeCell ref="N16:P16"/>
    <mergeCell ref="A19:P19"/>
    <mergeCell ref="S19:S20"/>
    <mergeCell ref="A20:P20"/>
  </mergeCells>
  <phoneticPr fontId="1"/>
  <printOptions horizontalCentered="1"/>
  <pageMargins left="0.23622047244094491" right="0.23622047244094491" top="0.35433070866141736" bottom="0" header="0.31496062992125984" footer="0.15748031496062992"/>
  <pageSetup paperSize="9" scale="20" fitToWidth="0" fitToHeight="0" orientation="portrait" r:id="rId1"/>
  <rowBreaks count="7" manualBreakCount="7">
    <brk id="15" max="18" man="1"/>
    <brk id="43" max="18" man="1"/>
    <brk id="71" max="18" man="1"/>
    <brk id="110" max="18" man="1"/>
    <brk id="150" max="18" man="1"/>
    <brk id="197" max="18" man="1"/>
    <brk id="240" max="18" man="1"/>
  </rowBreaks>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85ec59af-1a16-40a0-b163-384e34c79a5c"/>
    <lcf76f155ced4ddcb4097134ff3c332f xmlns="4e25717e-45ab-451c-957d-296cd6ebe27e">
      <Terms xmlns="http://schemas.microsoft.com/office/infopath/2007/PartnerControls"/>
    </lcf76f155ced4ddcb4097134ff3c332f>
    <_Flow_SignoffStatus xmlns="4e25717e-45ab-451c-957d-296cd6ebe27e" xsi:nil="true"/>
    <_x4f5c__x6210__x65e5__x6642_ xmlns="4e25717e-45ab-451c-957d-296cd6ebe27e" xsi:nil="true"/>
    <_x3042_ xmlns="4e25717e-45ab-451c-957d-296cd6ebe27e" xsi:nil="true"/>
  </documentManagement>
</p:properti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AFAAEEF5D7FB3D458A26073E26738796" ma:contentTypeVersion="16" ma:contentTypeDescription="新しいドキュメントを作成します。" ma:contentTypeScope="" ma:versionID="9f49658980f9af9a70811a4419cea679">
  <xsd:schema xmlns:xsd="http://www.w3.org/2001/XMLSchema" xmlns:xs="http://www.w3.org/2001/XMLSchema" xmlns:p="http://schemas.microsoft.com/office/2006/metadata/properties" xmlns:ns2="4e25717e-45ab-451c-957d-296cd6ebe27e" xmlns:ns3="85ec59af-1a16-40a0-b163-384e34c79a5c" targetNamespace="http://schemas.microsoft.com/office/2006/metadata/properties" ma:root="true" ma:fieldsID="755048bc602be11674abd0898a086378" ns2:_="" ns3:_="">
    <xsd:import namespace="4e25717e-45ab-451c-957d-296cd6ebe27e"/>
    <xsd:import namespace="85ec59af-1a16-40a0-b163-384e34c79a5c"/>
    <xsd:element name="properties">
      <xsd:complexType>
        <xsd:sequence>
          <xsd:element name="documentManagement">
            <xsd:complexType>
              <xsd:all>
                <xsd:element ref="ns2:_x4f5c__x6210__x65e5__x6642_" minOccurs="0"/>
                <xsd:element ref="ns2:MediaServiceMetadata" minOccurs="0"/>
                <xsd:element ref="ns2:MediaServiceFastMetadata" minOccurs="0"/>
                <xsd:element ref="ns2:MediaLengthInSeconds" minOccurs="0"/>
                <xsd:element ref="ns2:MediaServiceDateTaken" minOccurs="0"/>
                <xsd:element ref="ns2:MediaServiceLocation" minOccurs="0"/>
                <xsd:element ref="ns2:MediaServiceGenerationTime" minOccurs="0"/>
                <xsd:element ref="ns2:MediaServiceEventHashCode" minOccurs="0"/>
                <xsd:element ref="ns2:lcf76f155ced4ddcb4097134ff3c332f" minOccurs="0"/>
                <xsd:element ref="ns3:TaxCatchAll" minOccurs="0"/>
                <xsd:element ref="ns2:MediaServiceOCR" minOccurs="0"/>
                <xsd:element ref="ns2:MediaServiceObjectDetectorVersions" minOccurs="0"/>
                <xsd:element ref="ns2:_Flow_SignoffStatus" minOccurs="0"/>
                <xsd:element ref="ns2:MediaServiceSearchProperties" minOccurs="0"/>
                <xsd:element ref="ns2:_x3042_"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e25717e-45ab-451c-957d-296cd6ebe27e" elementFormDefault="qualified">
    <xsd:import namespace="http://schemas.microsoft.com/office/2006/documentManagement/types"/>
    <xsd:import namespace="http://schemas.microsoft.com/office/infopath/2007/PartnerControls"/>
    <xsd:element name="_x4f5c__x6210__x65e5__x6642_" ma:index="8" nillable="true" ma:displayName="作成日時" ma:default="" ma:description="" ma:format="DateTime" ma:internalName="_x4f5c__x6210__x65e5__x6642_">
      <xsd:simpleType>
        <xsd:restriction base="dms:DateTime"/>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LengthInSeconds" ma:index="11" nillable="true" ma:displayName="MediaLengthInSeconds" ma:hidden="true" ma:internalName="MediaLengthInSeconds" ma:readOnly="true">
      <xsd:simpleType>
        <xsd:restriction base="dms:Unknown"/>
      </xsd:simpleType>
    </xsd:element>
    <xsd:element name="MediaServiceDateTaken" ma:index="12" nillable="true" ma:displayName="MediaServiceDateTaken" ma:description="" ma:hidden="true" ma:indexed="true" ma:internalName="MediaServiceDateTaken" ma:readOnly="true">
      <xsd:simpleType>
        <xsd:restriction base="dms:Text"/>
      </xsd:simpleType>
    </xsd:element>
    <xsd:element name="MediaServiceLocation" ma:index="13" nillable="true" ma:displayName="Location" ma:description="" ma:indexed="true" ma:internalName="MediaServiceLocation"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lcf76f155ced4ddcb4097134ff3c332f" ma:index="17"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OCR" ma:index="19" nillable="true" ma:displayName="Extracted Text" ma:internalName="MediaServiceOCR" ma:readOnly="true">
      <xsd:simpleType>
        <xsd:restriction base="dms:Note">
          <xsd:maxLength value="255"/>
        </xsd:restriction>
      </xsd:simpleType>
    </xsd:element>
    <xsd:element name="MediaServiceObjectDetectorVersions" ma:index="20" nillable="true" ma:displayName="MediaServiceObjectDetectorVersions" ma:description="" ma:hidden="true" ma:indexed="true" ma:internalName="MediaServiceObjectDetectorVersions" ma:readOnly="true">
      <xsd:simpleType>
        <xsd:restriction base="dms:Text"/>
      </xsd:simpleType>
    </xsd:element>
    <xsd:element name="_Flow_SignoffStatus" ma:index="21" nillable="true" ma:displayName="承認の状態" ma:internalName="_x627f__x8a8d__x306e__x72b6__x614b_">
      <xsd:simpleType>
        <xsd:restriction base="dms:Text"/>
      </xsd:simpleType>
    </xsd:element>
    <xsd:element name="MediaServiceSearchProperties" ma:index="22" nillable="true" ma:displayName="MediaServiceSearchProperties" ma:hidden="true" ma:internalName="MediaServiceSearchProperties" ma:readOnly="true">
      <xsd:simpleType>
        <xsd:restriction base="dms:Note"/>
      </xsd:simpleType>
    </xsd:element>
    <xsd:element name="_x3042_" ma:index="23" nillable="true" ma:displayName="あ" ma:format="Dropdown" ma:internalName="_x3042_">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85ec59af-1a16-40a0-b163-384e34c79a5c" elementFormDefault="qualified">
    <xsd:import namespace="http://schemas.microsoft.com/office/2006/documentManagement/types"/>
    <xsd:import namespace="http://schemas.microsoft.com/office/infopath/2007/PartnerControls"/>
    <xsd:element name="TaxCatchAll" ma:index="18" nillable="true" ma:displayName="Taxonomy Catch All Column" ma:hidden="true" ma:list="{4240bee7-2148-4c92-903a-8c688a6d17d6}" ma:internalName="TaxCatchAll" ma:showField="CatchAllData" ma:web="85ec59af-1a16-40a0-b163-384e34c79a5c">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8460C4C2-09EE-4367-9F1C-1B415ABB9353}">
  <ds:schemaRefs>
    <ds:schemaRef ds:uri="http://purl.org/dc/dcmitype/"/>
    <ds:schemaRef ds:uri="http://purl.org/dc/terms/"/>
    <ds:schemaRef ds:uri="http://schemas.microsoft.com/office/2006/metadata/properties"/>
    <ds:schemaRef ds:uri="http://purl.org/dc/elements/1.1/"/>
    <ds:schemaRef ds:uri="http://schemas.microsoft.com/office/infopath/2007/PartnerControls"/>
    <ds:schemaRef ds:uri="4e25717e-45ab-451c-957d-296cd6ebe27e"/>
    <ds:schemaRef ds:uri="http://schemas.microsoft.com/office/2006/documentManagement/types"/>
    <ds:schemaRef ds:uri="http://schemas.openxmlformats.org/package/2006/metadata/core-properties"/>
    <ds:schemaRef ds:uri="85ec59af-1a16-40a0-b163-384e34c79a5c"/>
    <ds:schemaRef ds:uri="http://www.w3.org/XML/1998/namespace"/>
  </ds:schemaRefs>
</ds:datastoreItem>
</file>

<file path=customXml/itemProps2.xml><?xml version="1.0" encoding="utf-8"?>
<ds:datastoreItem xmlns:ds="http://schemas.openxmlformats.org/officeDocument/2006/customXml" ds:itemID="{939DBC84-8E73-44D1-98B1-598070CA15F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e25717e-45ab-451c-957d-296cd6ebe27e"/>
    <ds:schemaRef ds:uri="85ec59af-1a16-40a0-b163-384e34c79a5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56E3DEEB-3EAD-41B8-B901-8A8E6C857B6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4</vt:i4>
      </vt:variant>
    </vt:vector>
  </HeadingPairs>
  <TitlesOfParts>
    <vt:vector size="8" baseType="lpstr">
      <vt:lpstr>2(1)牛等</vt:lpstr>
      <vt:lpstr>2(2)豚等</vt:lpstr>
      <vt:lpstr>2(3)家きん</vt:lpstr>
      <vt:lpstr>2(4)馬</vt:lpstr>
      <vt:lpstr>'2(1)牛等'!Print_Area</vt:lpstr>
      <vt:lpstr>'2(2)豚等'!Print_Area</vt:lpstr>
      <vt:lpstr>'2(3)家きん'!Print_Area</vt:lpstr>
      <vt:lpstr>'2(4)馬'!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中越 万由子(NAKAKOSHI Mayuko)</dc:creator>
  <cp:keywords/>
  <dc:description/>
  <cp:lastModifiedBy>user</cp:lastModifiedBy>
  <cp:revision/>
  <cp:lastPrinted>2024-12-24T07:35:24Z</cp:lastPrinted>
  <dcterms:created xsi:type="dcterms:W3CDTF">2023-10-06T05:00:06Z</dcterms:created>
  <dcterms:modified xsi:type="dcterms:W3CDTF">2025-01-29T07:21:23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FAAEEF5D7FB3D458A26073E26738796</vt:lpwstr>
  </property>
  <property fmtid="{D5CDD505-2E9C-101B-9397-08002B2CF9AE}" pid="3" name="MediaServiceImageTags">
    <vt:lpwstr/>
  </property>
</Properties>
</file>